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sec\s1383\groupR8\02_難病対策グループ\32_指定医療機関\03_HP用\現在\"/>
    </mc:Choice>
  </mc:AlternateContent>
  <xr:revisionPtr revIDLastSave="0" documentId="13_ncr:1_{4B48100A-539F-459E-AB3E-68F0FDBC3B19}" xr6:coauthVersionLast="47" xr6:coauthVersionMax="47" xr10:uidLastSave="{00000000-0000-0000-0000-000000000000}"/>
  <bookViews>
    <workbookView xWindow="-120" yWindow="-120" windowWidth="29040" windowHeight="15720" xr2:uid="{DF1D17E7-4DBF-496B-99C2-DB03192F7F86}"/>
  </bookViews>
  <sheets>
    <sheet name="指定医療機関一覧（政令市を除く）" sheetId="1" r:id="rId1"/>
  </sheets>
  <definedNames>
    <definedName name="_xlnm._FilterDatabase" localSheetId="0" hidden="1">'指定医療機関一覧（政令市を除く）'!$F$2:$I$3291</definedName>
    <definedName name="_xlnm.Print_Area" localSheetId="0">'指定医療機関一覧（政令市を除く）'!$A$1:$F$329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4" i="1" l="1"/>
  <c r="I4" i="1"/>
  <c r="H5" i="1"/>
  <c r="I5" i="1"/>
  <c r="H6" i="1"/>
  <c r="I6" i="1"/>
  <c r="H7" i="1"/>
  <c r="I7" i="1"/>
  <c r="H8" i="1"/>
  <c r="I8" i="1"/>
  <c r="H9" i="1"/>
  <c r="I9" i="1"/>
  <c r="H10" i="1"/>
  <c r="I10" i="1"/>
  <c r="H11" i="1"/>
  <c r="I11" i="1"/>
  <c r="H12" i="1"/>
  <c r="I12" i="1"/>
  <c r="H13" i="1"/>
  <c r="I13" i="1"/>
  <c r="H14" i="1"/>
  <c r="I14" i="1"/>
  <c r="H15" i="1"/>
  <c r="I15" i="1"/>
  <c r="H16" i="1"/>
  <c r="I16" i="1"/>
  <c r="H17" i="1"/>
  <c r="I17" i="1"/>
  <c r="H18" i="1"/>
  <c r="I18" i="1"/>
  <c r="H19" i="1"/>
  <c r="I19" i="1"/>
  <c r="H20" i="1"/>
  <c r="I20" i="1"/>
  <c r="H21" i="1"/>
  <c r="I21" i="1"/>
  <c r="H22" i="1"/>
  <c r="I22" i="1"/>
  <c r="H23" i="1"/>
  <c r="I23" i="1"/>
  <c r="H24" i="1"/>
  <c r="I24" i="1"/>
  <c r="H25" i="1"/>
  <c r="I25" i="1"/>
  <c r="H26" i="1"/>
  <c r="I26" i="1"/>
  <c r="H27" i="1"/>
  <c r="I27" i="1"/>
  <c r="H28" i="1"/>
  <c r="I28" i="1"/>
  <c r="H29" i="1"/>
  <c r="I29" i="1"/>
  <c r="H30" i="1"/>
  <c r="I30" i="1"/>
  <c r="H31" i="1"/>
  <c r="I31" i="1"/>
  <c r="H32" i="1"/>
  <c r="I32" i="1"/>
  <c r="H33" i="1"/>
  <c r="I33" i="1"/>
  <c r="H34" i="1"/>
  <c r="I34" i="1"/>
  <c r="H35" i="1"/>
  <c r="I35" i="1"/>
  <c r="H36" i="1"/>
  <c r="I36" i="1"/>
  <c r="H37" i="1"/>
  <c r="I37" i="1"/>
  <c r="H38" i="1"/>
  <c r="I38" i="1"/>
  <c r="H39" i="1"/>
  <c r="I39" i="1"/>
  <c r="H40" i="1"/>
  <c r="I40" i="1"/>
  <c r="H41" i="1"/>
  <c r="I41" i="1"/>
  <c r="H42" i="1"/>
  <c r="I42" i="1"/>
  <c r="H43" i="1"/>
  <c r="I43" i="1"/>
  <c r="H44" i="1"/>
  <c r="I44" i="1"/>
  <c r="H45" i="1"/>
  <c r="I45" i="1"/>
  <c r="H46" i="1"/>
  <c r="I46" i="1"/>
  <c r="H47" i="1"/>
  <c r="I47" i="1"/>
  <c r="H48" i="1"/>
  <c r="I48" i="1"/>
  <c r="H49" i="1"/>
  <c r="I49" i="1"/>
  <c r="H50" i="1"/>
  <c r="I50" i="1"/>
  <c r="H51" i="1"/>
  <c r="I51" i="1"/>
  <c r="H52" i="1"/>
  <c r="I52" i="1"/>
  <c r="H53" i="1"/>
  <c r="I53" i="1"/>
  <c r="H54" i="1"/>
  <c r="I54" i="1"/>
  <c r="H55" i="1"/>
  <c r="I55" i="1"/>
  <c r="H56" i="1"/>
  <c r="I56" i="1"/>
  <c r="H57" i="1"/>
  <c r="I57" i="1"/>
  <c r="H58" i="1"/>
  <c r="I58" i="1"/>
  <c r="H59" i="1"/>
  <c r="I59" i="1"/>
  <c r="H60" i="1"/>
  <c r="I60" i="1"/>
  <c r="H61" i="1"/>
  <c r="I61" i="1"/>
  <c r="H62" i="1"/>
  <c r="I62" i="1"/>
  <c r="H63" i="1"/>
  <c r="I63" i="1"/>
  <c r="H64" i="1"/>
  <c r="I64" i="1"/>
  <c r="H65" i="1"/>
  <c r="I65" i="1"/>
  <c r="H66" i="1"/>
  <c r="I66" i="1"/>
  <c r="H67" i="1"/>
  <c r="I67" i="1"/>
  <c r="H68" i="1"/>
  <c r="I68" i="1"/>
  <c r="H69" i="1"/>
  <c r="I69" i="1"/>
  <c r="H70" i="1"/>
  <c r="I70" i="1"/>
  <c r="H71" i="1"/>
  <c r="I71" i="1"/>
  <c r="H72" i="1"/>
  <c r="I72" i="1"/>
  <c r="H73" i="1"/>
  <c r="I73" i="1"/>
  <c r="H74" i="1"/>
  <c r="I74" i="1"/>
  <c r="H75" i="1"/>
  <c r="I75" i="1"/>
  <c r="H76" i="1"/>
  <c r="I76" i="1"/>
  <c r="H77" i="1"/>
  <c r="I77" i="1"/>
  <c r="H78" i="1"/>
  <c r="I78" i="1"/>
  <c r="H79" i="1"/>
  <c r="I79" i="1"/>
  <c r="H80" i="1"/>
  <c r="I80" i="1"/>
  <c r="H81" i="1"/>
  <c r="I81" i="1"/>
  <c r="H82" i="1"/>
  <c r="I82" i="1"/>
  <c r="H83" i="1"/>
  <c r="I83" i="1"/>
  <c r="H84" i="1"/>
  <c r="I84" i="1"/>
  <c r="H85" i="1"/>
  <c r="I85" i="1"/>
  <c r="H86" i="1"/>
  <c r="I86" i="1"/>
  <c r="H87" i="1"/>
  <c r="I87" i="1"/>
  <c r="H88" i="1"/>
  <c r="I88" i="1"/>
  <c r="H89" i="1"/>
  <c r="I89" i="1"/>
  <c r="H90" i="1"/>
  <c r="I90" i="1"/>
  <c r="H91" i="1"/>
  <c r="I91" i="1"/>
  <c r="H92" i="1"/>
  <c r="I92" i="1"/>
  <c r="H93" i="1"/>
  <c r="I93" i="1"/>
  <c r="H94" i="1"/>
  <c r="I94" i="1"/>
  <c r="H95" i="1"/>
  <c r="I95" i="1"/>
  <c r="H96" i="1"/>
  <c r="I96" i="1"/>
  <c r="H97" i="1"/>
  <c r="I97" i="1"/>
  <c r="H98" i="1"/>
  <c r="I98" i="1"/>
  <c r="H99" i="1"/>
  <c r="I99" i="1"/>
  <c r="H100" i="1"/>
  <c r="I100" i="1"/>
  <c r="H101" i="1"/>
  <c r="I101" i="1"/>
  <c r="H102" i="1"/>
  <c r="I102" i="1"/>
  <c r="H103" i="1"/>
  <c r="I103" i="1"/>
  <c r="H104" i="1"/>
  <c r="I104" i="1"/>
  <c r="H105" i="1"/>
  <c r="I105" i="1"/>
  <c r="H106" i="1"/>
  <c r="I106" i="1"/>
  <c r="H107" i="1"/>
  <c r="I107" i="1"/>
  <c r="H108" i="1"/>
  <c r="I108" i="1"/>
  <c r="H109" i="1"/>
  <c r="I109" i="1"/>
  <c r="H110" i="1"/>
  <c r="I110" i="1"/>
  <c r="H111" i="1"/>
  <c r="I111" i="1"/>
  <c r="H112" i="1"/>
  <c r="I112" i="1"/>
  <c r="H113" i="1"/>
  <c r="I113" i="1"/>
  <c r="H114" i="1"/>
  <c r="I114" i="1"/>
  <c r="H115" i="1"/>
  <c r="I115" i="1"/>
  <c r="H116" i="1"/>
  <c r="I116" i="1"/>
  <c r="H117" i="1"/>
  <c r="I117" i="1"/>
  <c r="H118" i="1"/>
  <c r="I118" i="1"/>
  <c r="H119" i="1"/>
  <c r="I119" i="1"/>
  <c r="H120" i="1"/>
  <c r="I120" i="1"/>
  <c r="H121" i="1"/>
  <c r="I121" i="1"/>
  <c r="H122" i="1"/>
  <c r="I122" i="1"/>
  <c r="H123" i="1"/>
  <c r="I123" i="1"/>
  <c r="H124" i="1"/>
  <c r="I124" i="1"/>
  <c r="H125" i="1"/>
  <c r="I125" i="1"/>
  <c r="H126" i="1"/>
  <c r="I126" i="1"/>
  <c r="H127" i="1"/>
  <c r="I127" i="1"/>
  <c r="H128" i="1"/>
  <c r="I128" i="1"/>
  <c r="H129" i="1"/>
  <c r="I129" i="1"/>
  <c r="H130" i="1"/>
  <c r="I130" i="1"/>
  <c r="H131" i="1"/>
  <c r="I131" i="1"/>
  <c r="H132" i="1"/>
  <c r="I132" i="1"/>
  <c r="H133" i="1"/>
  <c r="I133" i="1"/>
  <c r="H134" i="1"/>
  <c r="I134" i="1"/>
  <c r="H135" i="1"/>
  <c r="I135" i="1"/>
  <c r="H136" i="1"/>
  <c r="I136" i="1"/>
  <c r="H137" i="1"/>
  <c r="I137" i="1"/>
  <c r="H138" i="1"/>
  <c r="I138" i="1"/>
  <c r="H139" i="1"/>
  <c r="I139" i="1"/>
  <c r="H140" i="1"/>
  <c r="I140" i="1"/>
  <c r="H141" i="1"/>
  <c r="I141" i="1"/>
  <c r="H142" i="1"/>
  <c r="I142" i="1"/>
  <c r="H143" i="1"/>
  <c r="I143" i="1"/>
  <c r="H144" i="1"/>
  <c r="I144" i="1"/>
  <c r="H145" i="1"/>
  <c r="I145" i="1"/>
  <c r="H146" i="1"/>
  <c r="I146" i="1"/>
  <c r="H147" i="1"/>
  <c r="I147" i="1"/>
  <c r="H148" i="1"/>
  <c r="I148" i="1"/>
  <c r="H149" i="1"/>
  <c r="I149" i="1"/>
  <c r="H150" i="1"/>
  <c r="I150" i="1"/>
  <c r="H151" i="1"/>
  <c r="I151" i="1"/>
  <c r="H152" i="1"/>
  <c r="I152" i="1"/>
  <c r="H153" i="1"/>
  <c r="I153" i="1"/>
  <c r="H154" i="1"/>
  <c r="I154" i="1"/>
  <c r="H155" i="1"/>
  <c r="I155" i="1"/>
  <c r="H156" i="1"/>
  <c r="I156" i="1"/>
  <c r="H157" i="1"/>
  <c r="I157" i="1"/>
  <c r="H158" i="1"/>
  <c r="I158" i="1"/>
  <c r="H159" i="1"/>
  <c r="I159" i="1"/>
  <c r="H160" i="1"/>
  <c r="I160" i="1"/>
  <c r="H161" i="1"/>
  <c r="I161" i="1"/>
  <c r="H162" i="1"/>
  <c r="I162" i="1"/>
  <c r="H163" i="1"/>
  <c r="I163" i="1"/>
  <c r="H164" i="1"/>
  <c r="I164" i="1"/>
  <c r="H165" i="1"/>
  <c r="I165" i="1"/>
  <c r="H166" i="1"/>
  <c r="I166" i="1"/>
  <c r="H167" i="1"/>
  <c r="I167" i="1"/>
  <c r="H168" i="1"/>
  <c r="I168" i="1"/>
  <c r="H169" i="1"/>
  <c r="I169" i="1"/>
  <c r="H170" i="1"/>
  <c r="I170" i="1"/>
  <c r="H171" i="1"/>
  <c r="I171" i="1"/>
  <c r="H172" i="1"/>
  <c r="I172" i="1"/>
  <c r="H173" i="1"/>
  <c r="I173" i="1"/>
  <c r="H174" i="1"/>
  <c r="I174" i="1"/>
  <c r="H175" i="1"/>
  <c r="I175" i="1"/>
  <c r="H176" i="1"/>
  <c r="I176" i="1"/>
  <c r="H177" i="1"/>
  <c r="I177" i="1"/>
  <c r="H178" i="1"/>
  <c r="I178" i="1"/>
  <c r="H179" i="1"/>
  <c r="I179" i="1"/>
  <c r="H180" i="1"/>
  <c r="I180" i="1"/>
  <c r="H181" i="1"/>
  <c r="I181" i="1"/>
  <c r="H182" i="1"/>
  <c r="I182" i="1"/>
  <c r="H183" i="1"/>
  <c r="I183" i="1"/>
  <c r="H184" i="1"/>
  <c r="I184" i="1"/>
  <c r="H185" i="1"/>
  <c r="I185" i="1"/>
  <c r="H186" i="1"/>
  <c r="I186" i="1"/>
  <c r="H187" i="1"/>
  <c r="I187" i="1"/>
  <c r="H188" i="1"/>
  <c r="I188" i="1"/>
  <c r="H189" i="1"/>
  <c r="I189" i="1"/>
  <c r="H190" i="1"/>
  <c r="I190" i="1"/>
  <c r="H191" i="1"/>
  <c r="I191" i="1"/>
  <c r="H192" i="1"/>
  <c r="I192" i="1"/>
  <c r="H193" i="1"/>
  <c r="I193" i="1"/>
  <c r="H194" i="1"/>
  <c r="I194" i="1"/>
  <c r="H195" i="1"/>
  <c r="I195" i="1"/>
  <c r="H196" i="1"/>
  <c r="I196" i="1"/>
  <c r="H197" i="1"/>
  <c r="I197" i="1"/>
  <c r="H198" i="1"/>
  <c r="I198" i="1"/>
  <c r="H199" i="1"/>
  <c r="I199" i="1"/>
  <c r="H200" i="1"/>
  <c r="I200" i="1"/>
  <c r="H201" i="1"/>
  <c r="I201" i="1"/>
  <c r="H202" i="1"/>
  <c r="I202" i="1"/>
  <c r="H203" i="1"/>
  <c r="I203" i="1"/>
  <c r="H204" i="1"/>
  <c r="I204" i="1"/>
  <c r="H205" i="1"/>
  <c r="I205" i="1"/>
  <c r="H206" i="1"/>
  <c r="I206" i="1"/>
  <c r="H207" i="1"/>
  <c r="I207" i="1"/>
  <c r="H208" i="1"/>
  <c r="I208" i="1"/>
  <c r="H209" i="1"/>
  <c r="I209" i="1"/>
  <c r="H210" i="1"/>
  <c r="I210" i="1"/>
  <c r="H211" i="1"/>
  <c r="I211" i="1"/>
  <c r="H212" i="1"/>
  <c r="I212" i="1"/>
  <c r="H213" i="1"/>
  <c r="I213" i="1"/>
  <c r="H214" i="1"/>
  <c r="I214" i="1"/>
  <c r="H215" i="1"/>
  <c r="I215" i="1"/>
  <c r="H216" i="1"/>
  <c r="I216" i="1"/>
  <c r="H217" i="1"/>
  <c r="I217" i="1"/>
  <c r="H218" i="1"/>
  <c r="I218" i="1"/>
  <c r="H219" i="1"/>
  <c r="I219" i="1"/>
  <c r="H220" i="1"/>
  <c r="I220" i="1"/>
  <c r="H221" i="1"/>
  <c r="I221" i="1"/>
  <c r="H222" i="1"/>
  <c r="I222" i="1"/>
  <c r="H223" i="1"/>
  <c r="I223" i="1"/>
  <c r="H224" i="1"/>
  <c r="I224" i="1"/>
  <c r="H225" i="1"/>
  <c r="I225" i="1"/>
  <c r="H226" i="1"/>
  <c r="I226" i="1"/>
  <c r="H227" i="1"/>
  <c r="I227" i="1"/>
  <c r="H228" i="1"/>
  <c r="I228" i="1"/>
  <c r="H229" i="1"/>
  <c r="I229" i="1"/>
  <c r="H230" i="1"/>
  <c r="I230" i="1"/>
  <c r="H231" i="1"/>
  <c r="I231" i="1"/>
  <c r="H232" i="1"/>
  <c r="I232" i="1"/>
  <c r="H233" i="1"/>
  <c r="I233" i="1"/>
  <c r="H234" i="1"/>
  <c r="I234" i="1"/>
  <c r="H235" i="1"/>
  <c r="I235" i="1"/>
  <c r="H236" i="1"/>
  <c r="I236" i="1"/>
  <c r="H237" i="1"/>
  <c r="I237" i="1"/>
  <c r="H238" i="1"/>
  <c r="I238" i="1"/>
  <c r="H239" i="1"/>
  <c r="I239" i="1"/>
  <c r="H240" i="1"/>
  <c r="I240" i="1"/>
  <c r="H241" i="1"/>
  <c r="I241" i="1"/>
  <c r="H242" i="1"/>
  <c r="I242" i="1"/>
  <c r="H243" i="1"/>
  <c r="I243" i="1"/>
  <c r="H244" i="1"/>
  <c r="I244" i="1"/>
  <c r="H245" i="1"/>
  <c r="I245" i="1"/>
  <c r="H246" i="1"/>
  <c r="I246" i="1"/>
  <c r="H247" i="1"/>
  <c r="I247" i="1"/>
  <c r="H248" i="1"/>
  <c r="I248" i="1"/>
  <c r="H249" i="1"/>
  <c r="I249" i="1"/>
  <c r="H250" i="1"/>
  <c r="I250" i="1"/>
  <c r="H251" i="1"/>
  <c r="I251" i="1"/>
  <c r="H252" i="1"/>
  <c r="I252" i="1"/>
  <c r="H253" i="1"/>
  <c r="I253" i="1"/>
  <c r="H254" i="1"/>
  <c r="I254" i="1"/>
  <c r="H255" i="1"/>
  <c r="I255" i="1"/>
  <c r="H256" i="1"/>
  <c r="I256" i="1"/>
  <c r="H257" i="1"/>
  <c r="I257" i="1"/>
  <c r="H258" i="1"/>
  <c r="I258" i="1"/>
  <c r="H259" i="1"/>
  <c r="I259" i="1"/>
  <c r="H260" i="1"/>
  <c r="I260" i="1"/>
  <c r="H261" i="1"/>
  <c r="I261" i="1"/>
  <c r="H262" i="1"/>
  <c r="I262" i="1"/>
  <c r="H263" i="1"/>
  <c r="I263" i="1"/>
  <c r="H264" i="1"/>
  <c r="I264" i="1"/>
  <c r="H265" i="1"/>
  <c r="I265" i="1"/>
  <c r="H266" i="1"/>
  <c r="I266" i="1"/>
  <c r="H267" i="1"/>
  <c r="I267" i="1"/>
  <c r="H268" i="1"/>
  <c r="I268" i="1"/>
  <c r="H269" i="1"/>
  <c r="I269" i="1"/>
  <c r="H270" i="1"/>
  <c r="I270" i="1"/>
  <c r="H271" i="1"/>
  <c r="I271" i="1"/>
  <c r="H272" i="1"/>
  <c r="I272" i="1"/>
  <c r="H273" i="1"/>
  <c r="I273" i="1"/>
  <c r="H274" i="1"/>
  <c r="I274" i="1"/>
  <c r="H275" i="1"/>
  <c r="I275" i="1"/>
  <c r="H276" i="1"/>
  <c r="I276" i="1"/>
  <c r="H277" i="1"/>
  <c r="I277" i="1"/>
  <c r="H278" i="1"/>
  <c r="I278" i="1"/>
  <c r="H279" i="1"/>
  <c r="I279" i="1"/>
  <c r="H280" i="1"/>
  <c r="I280" i="1"/>
  <c r="H281" i="1"/>
  <c r="I281" i="1"/>
  <c r="H282" i="1"/>
  <c r="I282" i="1"/>
  <c r="H283" i="1"/>
  <c r="I283" i="1"/>
  <c r="H284" i="1"/>
  <c r="I284" i="1"/>
  <c r="H285" i="1"/>
  <c r="I285" i="1"/>
  <c r="H286" i="1"/>
  <c r="I286" i="1"/>
  <c r="H287" i="1"/>
  <c r="I287" i="1"/>
  <c r="H288" i="1"/>
  <c r="I288" i="1"/>
  <c r="H289" i="1"/>
  <c r="I289" i="1"/>
  <c r="H290" i="1"/>
  <c r="I290" i="1"/>
  <c r="H291" i="1"/>
  <c r="I291" i="1"/>
  <c r="H292" i="1"/>
  <c r="I292" i="1"/>
  <c r="H293" i="1"/>
  <c r="I293" i="1"/>
  <c r="H294" i="1"/>
  <c r="I294" i="1"/>
  <c r="H295" i="1"/>
  <c r="I295" i="1"/>
  <c r="H296" i="1"/>
  <c r="I296" i="1"/>
  <c r="H297" i="1"/>
  <c r="I297" i="1"/>
  <c r="H298" i="1"/>
  <c r="I298" i="1"/>
  <c r="H299" i="1"/>
  <c r="I299" i="1"/>
  <c r="H300" i="1"/>
  <c r="I300" i="1"/>
  <c r="H301" i="1"/>
  <c r="I301" i="1"/>
  <c r="H302" i="1"/>
  <c r="I302" i="1"/>
  <c r="H303" i="1"/>
  <c r="I303" i="1"/>
  <c r="H304" i="1"/>
  <c r="I304" i="1"/>
  <c r="H305" i="1"/>
  <c r="I305" i="1"/>
  <c r="H306" i="1"/>
  <c r="I306" i="1"/>
  <c r="H307" i="1"/>
  <c r="I307" i="1"/>
  <c r="H308" i="1"/>
  <c r="I308" i="1"/>
  <c r="H309" i="1"/>
  <c r="I309" i="1"/>
  <c r="H310" i="1"/>
  <c r="I310" i="1"/>
  <c r="H311" i="1"/>
  <c r="I311" i="1"/>
  <c r="H312" i="1"/>
  <c r="I312" i="1"/>
  <c r="H313" i="1"/>
  <c r="I313" i="1"/>
  <c r="H314" i="1"/>
  <c r="I314" i="1"/>
  <c r="H315" i="1"/>
  <c r="I315" i="1"/>
  <c r="H316" i="1"/>
  <c r="I316" i="1"/>
  <c r="H317" i="1"/>
  <c r="I317" i="1"/>
  <c r="H318" i="1"/>
  <c r="I318" i="1"/>
  <c r="H319" i="1"/>
  <c r="I319" i="1"/>
  <c r="H320" i="1"/>
  <c r="I320" i="1"/>
  <c r="H321" i="1"/>
  <c r="I321" i="1"/>
  <c r="H322" i="1"/>
  <c r="I322" i="1"/>
  <c r="H323" i="1"/>
  <c r="I323" i="1"/>
  <c r="H324" i="1"/>
  <c r="I324" i="1"/>
  <c r="H325" i="1"/>
  <c r="I325" i="1"/>
  <c r="H326" i="1"/>
  <c r="I326" i="1"/>
  <c r="H327" i="1"/>
  <c r="I327" i="1"/>
  <c r="H328" i="1"/>
  <c r="I328" i="1"/>
  <c r="H329" i="1"/>
  <c r="I329" i="1"/>
  <c r="H330" i="1"/>
  <c r="I330" i="1"/>
  <c r="H331" i="1"/>
  <c r="I331" i="1"/>
  <c r="H332" i="1"/>
  <c r="I332" i="1"/>
  <c r="H333" i="1"/>
  <c r="I333" i="1"/>
  <c r="H334" i="1"/>
  <c r="I334" i="1"/>
  <c r="H335" i="1"/>
  <c r="I335" i="1"/>
  <c r="H336" i="1"/>
  <c r="I336" i="1"/>
  <c r="H337" i="1"/>
  <c r="I337" i="1"/>
  <c r="H338" i="1"/>
  <c r="I338" i="1"/>
  <c r="H339" i="1"/>
  <c r="I339" i="1"/>
  <c r="H340" i="1"/>
  <c r="I340" i="1"/>
  <c r="H341" i="1"/>
  <c r="I341" i="1"/>
  <c r="H342" i="1"/>
  <c r="I342" i="1"/>
  <c r="H343" i="1"/>
  <c r="I343" i="1"/>
  <c r="H344" i="1"/>
  <c r="I344" i="1"/>
  <c r="H345" i="1"/>
  <c r="I345" i="1"/>
  <c r="H346" i="1"/>
  <c r="I346" i="1"/>
  <c r="H347" i="1"/>
  <c r="I347" i="1"/>
  <c r="H348" i="1"/>
  <c r="I348" i="1"/>
  <c r="H349" i="1"/>
  <c r="I349" i="1"/>
  <c r="H350" i="1"/>
  <c r="I350" i="1"/>
  <c r="H351" i="1"/>
  <c r="I351" i="1"/>
  <c r="H352" i="1"/>
  <c r="I352" i="1"/>
  <c r="H353" i="1"/>
  <c r="I353" i="1"/>
  <c r="H354" i="1"/>
  <c r="I354" i="1"/>
  <c r="H355" i="1"/>
  <c r="I355" i="1"/>
  <c r="H356" i="1"/>
  <c r="I356" i="1"/>
  <c r="H357" i="1"/>
  <c r="I357" i="1"/>
  <c r="H358" i="1"/>
  <c r="I358" i="1"/>
  <c r="H359" i="1"/>
  <c r="I359" i="1"/>
  <c r="H360" i="1"/>
  <c r="I360" i="1"/>
  <c r="H361" i="1"/>
  <c r="I361" i="1"/>
  <c r="H362" i="1"/>
  <c r="I362" i="1"/>
  <c r="H363" i="1"/>
  <c r="I363" i="1"/>
  <c r="H364" i="1"/>
  <c r="I364" i="1"/>
  <c r="H365" i="1"/>
  <c r="I365" i="1"/>
  <c r="H366" i="1"/>
  <c r="I366" i="1"/>
  <c r="H367" i="1"/>
  <c r="I367" i="1"/>
  <c r="H368" i="1"/>
  <c r="I368" i="1"/>
  <c r="H369" i="1"/>
  <c r="I369" i="1"/>
  <c r="H370" i="1"/>
  <c r="I370" i="1"/>
  <c r="H371" i="1"/>
  <c r="I371" i="1"/>
  <c r="H372" i="1"/>
  <c r="I372" i="1"/>
  <c r="H373" i="1"/>
  <c r="I373" i="1"/>
  <c r="H374" i="1"/>
  <c r="I374" i="1"/>
  <c r="H375" i="1"/>
  <c r="I375" i="1"/>
  <c r="H376" i="1"/>
  <c r="I376" i="1"/>
  <c r="H377" i="1"/>
  <c r="I377" i="1"/>
  <c r="H378" i="1"/>
  <c r="I378" i="1"/>
  <c r="H379" i="1"/>
  <c r="I379" i="1"/>
  <c r="H380" i="1"/>
  <c r="I380" i="1"/>
  <c r="H381" i="1"/>
  <c r="I381" i="1"/>
  <c r="H382" i="1"/>
  <c r="I382" i="1"/>
  <c r="H383" i="1"/>
  <c r="I383" i="1"/>
  <c r="H384" i="1"/>
  <c r="I384" i="1"/>
  <c r="H385" i="1"/>
  <c r="I385" i="1"/>
  <c r="H386" i="1"/>
  <c r="I386" i="1"/>
  <c r="H387" i="1"/>
  <c r="I387" i="1"/>
  <c r="H388" i="1"/>
  <c r="I388" i="1"/>
  <c r="H389" i="1"/>
  <c r="I389" i="1"/>
  <c r="H390" i="1"/>
  <c r="I390" i="1"/>
  <c r="H391" i="1"/>
  <c r="I391" i="1"/>
  <c r="H392" i="1"/>
  <c r="I392" i="1"/>
  <c r="H393" i="1"/>
  <c r="I393" i="1"/>
  <c r="H394" i="1"/>
  <c r="I394" i="1"/>
  <c r="H395" i="1"/>
  <c r="I395" i="1"/>
  <c r="H396" i="1"/>
  <c r="I396" i="1"/>
  <c r="H397" i="1"/>
  <c r="I397" i="1"/>
  <c r="H398" i="1"/>
  <c r="I398" i="1"/>
  <c r="H399" i="1"/>
  <c r="I399" i="1"/>
  <c r="H400" i="1"/>
  <c r="I400" i="1"/>
  <c r="H401" i="1"/>
  <c r="I401" i="1"/>
  <c r="H402" i="1"/>
  <c r="I402" i="1"/>
  <c r="H403" i="1"/>
  <c r="I403" i="1"/>
  <c r="H404" i="1"/>
  <c r="I404" i="1"/>
  <c r="H405" i="1"/>
  <c r="I405" i="1"/>
  <c r="H406" i="1"/>
  <c r="I406" i="1"/>
  <c r="H407" i="1"/>
  <c r="I407" i="1"/>
  <c r="H408" i="1"/>
  <c r="I408" i="1"/>
  <c r="H409" i="1"/>
  <c r="I409" i="1"/>
  <c r="H410" i="1"/>
  <c r="I410" i="1"/>
  <c r="H411" i="1"/>
  <c r="I411" i="1"/>
  <c r="H412" i="1"/>
  <c r="I412" i="1"/>
  <c r="H413" i="1"/>
  <c r="I413" i="1"/>
  <c r="H414" i="1"/>
  <c r="I414" i="1"/>
  <c r="H415" i="1"/>
  <c r="I415" i="1"/>
  <c r="H416" i="1"/>
  <c r="I416" i="1"/>
  <c r="H417" i="1"/>
  <c r="I417" i="1"/>
  <c r="H418" i="1"/>
  <c r="I418" i="1"/>
  <c r="H419" i="1"/>
  <c r="I419" i="1"/>
  <c r="H420" i="1"/>
  <c r="I420" i="1"/>
  <c r="H421" i="1"/>
  <c r="I421" i="1"/>
  <c r="H422" i="1"/>
  <c r="I422" i="1"/>
  <c r="H423" i="1"/>
  <c r="I423" i="1"/>
  <c r="H424" i="1"/>
  <c r="I424" i="1"/>
  <c r="H425" i="1"/>
  <c r="I425" i="1"/>
  <c r="H426" i="1"/>
  <c r="I426" i="1"/>
  <c r="H427" i="1"/>
  <c r="I427" i="1"/>
  <c r="H428" i="1"/>
  <c r="I428" i="1"/>
  <c r="H429" i="1"/>
  <c r="I429" i="1"/>
  <c r="H430" i="1"/>
  <c r="I430" i="1"/>
  <c r="H431" i="1"/>
  <c r="I431" i="1"/>
  <c r="H432" i="1"/>
  <c r="I432" i="1"/>
  <c r="H433" i="1"/>
  <c r="I433" i="1"/>
  <c r="H434" i="1"/>
  <c r="I434" i="1"/>
  <c r="H435" i="1"/>
  <c r="I435" i="1"/>
  <c r="H436" i="1"/>
  <c r="I436" i="1"/>
  <c r="H437" i="1"/>
  <c r="I437" i="1"/>
  <c r="H438" i="1"/>
  <c r="I438" i="1"/>
  <c r="H439" i="1"/>
  <c r="I439" i="1"/>
  <c r="H440" i="1"/>
  <c r="I440" i="1"/>
  <c r="H441" i="1"/>
  <c r="I441" i="1"/>
  <c r="H442" i="1"/>
  <c r="I442" i="1"/>
  <c r="H443" i="1"/>
  <c r="I443" i="1"/>
  <c r="H444" i="1"/>
  <c r="I444" i="1"/>
  <c r="H445" i="1"/>
  <c r="I445" i="1"/>
  <c r="H446" i="1"/>
  <c r="I446" i="1"/>
  <c r="H447" i="1"/>
  <c r="I447" i="1"/>
  <c r="H448" i="1"/>
  <c r="I448" i="1"/>
  <c r="H449" i="1"/>
  <c r="I449" i="1"/>
  <c r="H450" i="1"/>
  <c r="I450" i="1"/>
  <c r="H451" i="1"/>
  <c r="I451" i="1"/>
  <c r="H452" i="1"/>
  <c r="I452" i="1"/>
  <c r="H453" i="1"/>
  <c r="I453" i="1"/>
  <c r="H454" i="1"/>
  <c r="I454" i="1"/>
  <c r="H455" i="1"/>
  <c r="I455" i="1"/>
  <c r="H456" i="1"/>
  <c r="I456" i="1"/>
  <c r="H457" i="1"/>
  <c r="I457" i="1"/>
  <c r="H458" i="1"/>
  <c r="I458" i="1"/>
  <c r="H459" i="1"/>
  <c r="I459" i="1"/>
  <c r="H460" i="1"/>
  <c r="I460" i="1"/>
  <c r="H461" i="1"/>
  <c r="I461" i="1"/>
  <c r="H462" i="1"/>
  <c r="I462" i="1"/>
  <c r="H463" i="1"/>
  <c r="I463" i="1"/>
  <c r="H464" i="1"/>
  <c r="I464" i="1"/>
  <c r="H465" i="1"/>
  <c r="I465" i="1"/>
  <c r="H466" i="1"/>
  <c r="I466" i="1"/>
  <c r="H467" i="1"/>
  <c r="I467" i="1"/>
  <c r="H468" i="1"/>
  <c r="I468" i="1"/>
  <c r="H469" i="1"/>
  <c r="I469" i="1"/>
  <c r="H470" i="1"/>
  <c r="I470" i="1"/>
  <c r="H471" i="1"/>
  <c r="I471" i="1"/>
  <c r="H472" i="1"/>
  <c r="I472" i="1"/>
  <c r="H473" i="1"/>
  <c r="I473" i="1"/>
  <c r="H474" i="1"/>
  <c r="I474" i="1"/>
  <c r="H475" i="1"/>
  <c r="I475" i="1"/>
  <c r="H476" i="1"/>
  <c r="I476" i="1"/>
  <c r="H477" i="1"/>
  <c r="I477" i="1"/>
  <c r="H478" i="1"/>
  <c r="I478" i="1"/>
  <c r="H479" i="1"/>
  <c r="I479" i="1"/>
  <c r="H480" i="1"/>
  <c r="I480" i="1"/>
  <c r="H481" i="1"/>
  <c r="I481" i="1"/>
  <c r="H482" i="1"/>
  <c r="I482" i="1"/>
  <c r="H483" i="1"/>
  <c r="I483" i="1"/>
  <c r="H484" i="1"/>
  <c r="I484" i="1"/>
  <c r="H485" i="1"/>
  <c r="I485" i="1"/>
  <c r="H486" i="1"/>
  <c r="I486" i="1"/>
  <c r="H487" i="1"/>
  <c r="I487" i="1"/>
  <c r="H488" i="1"/>
  <c r="I488" i="1"/>
  <c r="H489" i="1"/>
  <c r="I489" i="1"/>
  <c r="H490" i="1"/>
  <c r="I490" i="1"/>
  <c r="H491" i="1"/>
  <c r="I491" i="1"/>
  <c r="H492" i="1"/>
  <c r="I492" i="1"/>
  <c r="H493" i="1"/>
  <c r="I493" i="1"/>
  <c r="H494" i="1"/>
  <c r="I494" i="1"/>
  <c r="H495" i="1"/>
  <c r="I495" i="1"/>
  <c r="H496" i="1"/>
  <c r="I496" i="1"/>
  <c r="H497" i="1"/>
  <c r="I497" i="1"/>
  <c r="H498" i="1"/>
  <c r="I498" i="1"/>
  <c r="H499" i="1"/>
  <c r="I499" i="1"/>
  <c r="H500" i="1"/>
  <c r="I500" i="1"/>
  <c r="H501" i="1"/>
  <c r="I501" i="1"/>
  <c r="H502" i="1"/>
  <c r="I502" i="1"/>
  <c r="H503" i="1"/>
  <c r="I503" i="1"/>
  <c r="H504" i="1"/>
  <c r="I504" i="1"/>
  <c r="H505" i="1"/>
  <c r="I505" i="1"/>
  <c r="H506" i="1"/>
  <c r="I506" i="1"/>
  <c r="H507" i="1"/>
  <c r="I507" i="1"/>
  <c r="H508" i="1"/>
  <c r="I508" i="1"/>
  <c r="H509" i="1"/>
  <c r="I509" i="1"/>
  <c r="H510" i="1"/>
  <c r="I510" i="1"/>
  <c r="H511" i="1"/>
  <c r="I511" i="1"/>
  <c r="H512" i="1"/>
  <c r="I512" i="1"/>
  <c r="H513" i="1"/>
  <c r="I513" i="1"/>
  <c r="H514" i="1"/>
  <c r="I514" i="1"/>
  <c r="H515" i="1"/>
  <c r="I515" i="1"/>
  <c r="H516" i="1"/>
  <c r="I516" i="1"/>
  <c r="H517" i="1"/>
  <c r="I517" i="1"/>
  <c r="H518" i="1"/>
  <c r="I518" i="1"/>
  <c r="H519" i="1"/>
  <c r="I519" i="1"/>
  <c r="H520" i="1"/>
  <c r="I520" i="1"/>
  <c r="H521" i="1"/>
  <c r="I521" i="1"/>
  <c r="H522" i="1"/>
  <c r="I522" i="1"/>
  <c r="H523" i="1"/>
  <c r="I523" i="1"/>
  <c r="H524" i="1"/>
  <c r="I524" i="1"/>
  <c r="H525" i="1"/>
  <c r="I525" i="1"/>
  <c r="H526" i="1"/>
  <c r="I526" i="1"/>
  <c r="H527" i="1"/>
  <c r="I527" i="1"/>
  <c r="H528" i="1"/>
  <c r="I528" i="1"/>
  <c r="H529" i="1"/>
  <c r="I529" i="1"/>
  <c r="H530" i="1"/>
  <c r="I530" i="1"/>
  <c r="H531" i="1"/>
  <c r="I531" i="1"/>
  <c r="H532" i="1"/>
  <c r="I532" i="1"/>
  <c r="H533" i="1"/>
  <c r="I533" i="1"/>
  <c r="H534" i="1"/>
  <c r="I534" i="1"/>
  <c r="H535" i="1"/>
  <c r="I535" i="1"/>
  <c r="H536" i="1"/>
  <c r="I536" i="1"/>
  <c r="H537" i="1"/>
  <c r="I537" i="1"/>
  <c r="H538" i="1"/>
  <c r="I538" i="1"/>
  <c r="H539" i="1"/>
  <c r="I539" i="1"/>
  <c r="H540" i="1"/>
  <c r="I540" i="1"/>
  <c r="H541" i="1"/>
  <c r="I541" i="1"/>
  <c r="H542" i="1"/>
  <c r="I542" i="1"/>
  <c r="H543" i="1"/>
  <c r="I543" i="1"/>
  <c r="H544" i="1"/>
  <c r="I544" i="1"/>
  <c r="H545" i="1"/>
  <c r="I545" i="1"/>
  <c r="H546" i="1"/>
  <c r="I546" i="1"/>
  <c r="H547" i="1"/>
  <c r="I547" i="1"/>
  <c r="H548" i="1"/>
  <c r="I548" i="1"/>
  <c r="H549" i="1"/>
  <c r="I549" i="1"/>
  <c r="H550" i="1"/>
  <c r="I550" i="1"/>
  <c r="H551" i="1"/>
  <c r="I551" i="1"/>
  <c r="H552" i="1"/>
  <c r="I552" i="1"/>
  <c r="H553" i="1"/>
  <c r="I553" i="1"/>
  <c r="H554" i="1"/>
  <c r="I554" i="1"/>
  <c r="H555" i="1"/>
  <c r="I555" i="1"/>
  <c r="H556" i="1"/>
  <c r="I556" i="1"/>
  <c r="H557" i="1"/>
  <c r="I557" i="1"/>
  <c r="H558" i="1"/>
  <c r="I558" i="1"/>
  <c r="H559" i="1"/>
  <c r="I559" i="1"/>
  <c r="H560" i="1"/>
  <c r="I560" i="1"/>
  <c r="H561" i="1"/>
  <c r="I561" i="1"/>
  <c r="H562" i="1"/>
  <c r="I562" i="1"/>
  <c r="H563" i="1"/>
  <c r="I563" i="1"/>
  <c r="H564" i="1"/>
  <c r="I564" i="1"/>
  <c r="H565" i="1"/>
  <c r="I565" i="1"/>
  <c r="H566" i="1"/>
  <c r="I566" i="1"/>
  <c r="H567" i="1"/>
  <c r="I567" i="1"/>
  <c r="H568" i="1"/>
  <c r="I568" i="1"/>
  <c r="H569" i="1"/>
  <c r="I569" i="1"/>
  <c r="H570" i="1"/>
  <c r="I570" i="1"/>
  <c r="H571" i="1"/>
  <c r="I571" i="1"/>
  <c r="H572" i="1"/>
  <c r="I572" i="1"/>
  <c r="H573" i="1"/>
  <c r="I573" i="1"/>
  <c r="H574" i="1"/>
  <c r="I574" i="1"/>
  <c r="H575" i="1"/>
  <c r="I575" i="1"/>
  <c r="H576" i="1"/>
  <c r="I576" i="1"/>
  <c r="H577" i="1"/>
  <c r="I577" i="1"/>
  <c r="H578" i="1"/>
  <c r="I578" i="1"/>
  <c r="H579" i="1"/>
  <c r="I579" i="1"/>
  <c r="H580" i="1"/>
  <c r="I580" i="1"/>
  <c r="H581" i="1"/>
  <c r="I581" i="1"/>
  <c r="H582" i="1"/>
  <c r="I582" i="1"/>
  <c r="H583" i="1"/>
  <c r="I583" i="1"/>
  <c r="H584" i="1"/>
  <c r="I584" i="1"/>
  <c r="H585" i="1"/>
  <c r="I585" i="1"/>
  <c r="H586" i="1"/>
  <c r="I586" i="1"/>
  <c r="H587" i="1"/>
  <c r="I587" i="1"/>
  <c r="H588" i="1"/>
  <c r="I588" i="1"/>
  <c r="H589" i="1"/>
  <c r="I589" i="1"/>
  <c r="H590" i="1"/>
  <c r="I590" i="1"/>
  <c r="H591" i="1"/>
  <c r="I591" i="1"/>
  <c r="H592" i="1"/>
  <c r="I592" i="1"/>
  <c r="H593" i="1"/>
  <c r="I593" i="1"/>
  <c r="H594" i="1"/>
  <c r="I594" i="1"/>
  <c r="H595" i="1"/>
  <c r="I595" i="1"/>
  <c r="H596" i="1"/>
  <c r="I596" i="1"/>
  <c r="H597" i="1"/>
  <c r="I597" i="1"/>
  <c r="H598" i="1"/>
  <c r="I598" i="1"/>
  <c r="H599" i="1"/>
  <c r="I599" i="1"/>
  <c r="H600" i="1"/>
  <c r="I600" i="1"/>
  <c r="H601" i="1"/>
  <c r="I601" i="1"/>
  <c r="H602" i="1"/>
  <c r="I602" i="1"/>
  <c r="H603" i="1"/>
  <c r="I603" i="1"/>
  <c r="H604" i="1"/>
  <c r="I604" i="1"/>
  <c r="H605" i="1"/>
  <c r="I605" i="1"/>
  <c r="H606" i="1"/>
  <c r="I606" i="1"/>
  <c r="H607" i="1"/>
  <c r="I607" i="1"/>
  <c r="H608" i="1"/>
  <c r="I608" i="1"/>
  <c r="H609" i="1"/>
  <c r="I609" i="1"/>
  <c r="H610" i="1"/>
  <c r="I610" i="1"/>
  <c r="H611" i="1"/>
  <c r="I611" i="1"/>
  <c r="H612" i="1"/>
  <c r="I612" i="1"/>
  <c r="H613" i="1"/>
  <c r="I613" i="1"/>
  <c r="H614" i="1"/>
  <c r="I614" i="1"/>
  <c r="H615" i="1"/>
  <c r="I615" i="1"/>
  <c r="H616" i="1"/>
  <c r="I616" i="1"/>
  <c r="H617" i="1"/>
  <c r="I617" i="1"/>
  <c r="H618" i="1"/>
  <c r="I618" i="1"/>
  <c r="H619" i="1"/>
  <c r="I619" i="1"/>
  <c r="H620" i="1"/>
  <c r="I620" i="1"/>
  <c r="H621" i="1"/>
  <c r="I621" i="1"/>
  <c r="H622" i="1"/>
  <c r="I622" i="1"/>
  <c r="H623" i="1"/>
  <c r="I623" i="1"/>
  <c r="H624" i="1"/>
  <c r="I624" i="1"/>
  <c r="H625" i="1"/>
  <c r="I625" i="1"/>
  <c r="H626" i="1"/>
  <c r="I626" i="1"/>
  <c r="H627" i="1"/>
  <c r="I627" i="1"/>
  <c r="H628" i="1"/>
  <c r="I628" i="1"/>
  <c r="H629" i="1"/>
  <c r="I629" i="1"/>
  <c r="H630" i="1"/>
  <c r="I630" i="1"/>
  <c r="H631" i="1"/>
  <c r="I631" i="1"/>
  <c r="H632" i="1"/>
  <c r="I632" i="1"/>
  <c r="H633" i="1"/>
  <c r="I633" i="1"/>
  <c r="H634" i="1"/>
  <c r="I634" i="1"/>
  <c r="H635" i="1"/>
  <c r="I635" i="1"/>
  <c r="H636" i="1"/>
  <c r="I636" i="1"/>
  <c r="H637" i="1"/>
  <c r="I637" i="1"/>
  <c r="H638" i="1"/>
  <c r="I638" i="1"/>
  <c r="H639" i="1"/>
  <c r="I639" i="1"/>
  <c r="H640" i="1"/>
  <c r="I640" i="1"/>
  <c r="H641" i="1"/>
  <c r="I641" i="1"/>
  <c r="H642" i="1"/>
  <c r="I642" i="1"/>
  <c r="H643" i="1"/>
  <c r="I643" i="1"/>
  <c r="H644" i="1"/>
  <c r="I644" i="1"/>
  <c r="H645" i="1"/>
  <c r="I645" i="1"/>
  <c r="H646" i="1"/>
  <c r="I646" i="1"/>
  <c r="H647" i="1"/>
  <c r="I647" i="1"/>
  <c r="H648" i="1"/>
  <c r="I648" i="1"/>
  <c r="H649" i="1"/>
  <c r="I649" i="1"/>
  <c r="H650" i="1"/>
  <c r="I650" i="1"/>
  <c r="H651" i="1"/>
  <c r="I651" i="1"/>
  <c r="H652" i="1"/>
  <c r="I652" i="1"/>
  <c r="H653" i="1"/>
  <c r="I653" i="1"/>
  <c r="H654" i="1"/>
  <c r="I654" i="1"/>
  <c r="H655" i="1"/>
  <c r="I655" i="1"/>
  <c r="H656" i="1"/>
  <c r="I656" i="1"/>
  <c r="H657" i="1"/>
  <c r="I657" i="1"/>
  <c r="H658" i="1"/>
  <c r="I658" i="1"/>
  <c r="H659" i="1"/>
  <c r="I659" i="1"/>
  <c r="H660" i="1"/>
  <c r="I660" i="1"/>
  <c r="H661" i="1"/>
  <c r="I661" i="1"/>
  <c r="H662" i="1"/>
  <c r="I662" i="1"/>
  <c r="H663" i="1"/>
  <c r="I663" i="1"/>
  <c r="H664" i="1"/>
  <c r="I664" i="1"/>
  <c r="H665" i="1"/>
  <c r="I665" i="1"/>
  <c r="H666" i="1"/>
  <c r="I666" i="1"/>
  <c r="H667" i="1"/>
  <c r="I667" i="1"/>
  <c r="H668" i="1"/>
  <c r="I668" i="1"/>
  <c r="H669" i="1"/>
  <c r="I669" i="1"/>
  <c r="H670" i="1"/>
  <c r="I670" i="1"/>
  <c r="H671" i="1"/>
  <c r="I671" i="1"/>
  <c r="H672" i="1"/>
  <c r="I672" i="1"/>
  <c r="H673" i="1"/>
  <c r="I673" i="1"/>
  <c r="H674" i="1"/>
  <c r="I674" i="1"/>
  <c r="H675" i="1"/>
  <c r="I675" i="1"/>
  <c r="H676" i="1"/>
  <c r="I676" i="1"/>
  <c r="H677" i="1"/>
  <c r="I677" i="1"/>
  <c r="H678" i="1"/>
  <c r="I678" i="1"/>
  <c r="H679" i="1"/>
  <c r="I679" i="1"/>
  <c r="H680" i="1"/>
  <c r="I680" i="1"/>
  <c r="H681" i="1"/>
  <c r="I681" i="1"/>
  <c r="H682" i="1"/>
  <c r="I682" i="1"/>
  <c r="H683" i="1"/>
  <c r="I683" i="1"/>
  <c r="H684" i="1"/>
  <c r="I684" i="1"/>
  <c r="H685" i="1"/>
  <c r="I685" i="1"/>
  <c r="H686" i="1"/>
  <c r="I686" i="1"/>
  <c r="H687" i="1"/>
  <c r="I687" i="1"/>
  <c r="H688" i="1"/>
  <c r="I688" i="1"/>
  <c r="H689" i="1"/>
  <c r="I689" i="1"/>
  <c r="H690" i="1"/>
  <c r="I690" i="1"/>
  <c r="H691" i="1"/>
  <c r="I691" i="1"/>
  <c r="H692" i="1"/>
  <c r="I692" i="1"/>
  <c r="H693" i="1"/>
  <c r="I693" i="1"/>
  <c r="H694" i="1"/>
  <c r="I694" i="1"/>
  <c r="H695" i="1"/>
  <c r="I695" i="1"/>
  <c r="H696" i="1"/>
  <c r="I696" i="1"/>
  <c r="H697" i="1"/>
  <c r="I697" i="1"/>
  <c r="H698" i="1"/>
  <c r="I698" i="1"/>
  <c r="H699" i="1"/>
  <c r="I699" i="1"/>
  <c r="H700" i="1"/>
  <c r="I700" i="1"/>
  <c r="H701" i="1"/>
  <c r="I701" i="1"/>
  <c r="H702" i="1"/>
  <c r="I702" i="1"/>
  <c r="H703" i="1"/>
  <c r="I703" i="1"/>
  <c r="H704" i="1"/>
  <c r="I704" i="1"/>
  <c r="H705" i="1"/>
  <c r="I705" i="1"/>
  <c r="H706" i="1"/>
  <c r="I706" i="1"/>
  <c r="H707" i="1"/>
  <c r="I707" i="1"/>
  <c r="H708" i="1"/>
  <c r="I708" i="1"/>
  <c r="H709" i="1"/>
  <c r="I709" i="1"/>
  <c r="H710" i="1"/>
  <c r="I710" i="1"/>
  <c r="H711" i="1"/>
  <c r="I711" i="1"/>
  <c r="H712" i="1"/>
  <c r="I712" i="1"/>
  <c r="H713" i="1"/>
  <c r="I713" i="1"/>
  <c r="H714" i="1"/>
  <c r="I714" i="1"/>
  <c r="H715" i="1"/>
  <c r="I715" i="1"/>
  <c r="H716" i="1"/>
  <c r="I716" i="1"/>
  <c r="H717" i="1"/>
  <c r="I717" i="1"/>
  <c r="H718" i="1"/>
  <c r="I718" i="1"/>
  <c r="H719" i="1"/>
  <c r="I719" i="1"/>
  <c r="H720" i="1"/>
  <c r="I720" i="1"/>
  <c r="H721" i="1"/>
  <c r="I721" i="1"/>
  <c r="H722" i="1"/>
  <c r="I722" i="1"/>
  <c r="H723" i="1"/>
  <c r="I723" i="1"/>
  <c r="H724" i="1"/>
  <c r="I724" i="1"/>
  <c r="H725" i="1"/>
  <c r="I725" i="1"/>
  <c r="H726" i="1"/>
  <c r="I726" i="1"/>
  <c r="H727" i="1"/>
  <c r="I727" i="1"/>
  <c r="H728" i="1"/>
  <c r="I728" i="1"/>
  <c r="H729" i="1"/>
  <c r="I729" i="1"/>
  <c r="H730" i="1"/>
  <c r="I730" i="1"/>
  <c r="H731" i="1"/>
  <c r="I731" i="1"/>
  <c r="H732" i="1"/>
  <c r="I732" i="1"/>
  <c r="H733" i="1"/>
  <c r="I733" i="1"/>
  <c r="H734" i="1"/>
  <c r="I734" i="1"/>
  <c r="H735" i="1"/>
  <c r="I735" i="1"/>
  <c r="H736" i="1"/>
  <c r="I736" i="1"/>
  <c r="H737" i="1"/>
  <c r="I737" i="1"/>
  <c r="H738" i="1"/>
  <c r="I738" i="1"/>
  <c r="H739" i="1"/>
  <c r="I739" i="1"/>
  <c r="H740" i="1"/>
  <c r="I740" i="1"/>
  <c r="H741" i="1"/>
  <c r="I741" i="1"/>
  <c r="H742" i="1"/>
  <c r="I742" i="1"/>
  <c r="H743" i="1"/>
  <c r="I743" i="1"/>
  <c r="H744" i="1"/>
  <c r="I744" i="1"/>
  <c r="H745" i="1"/>
  <c r="I745" i="1"/>
  <c r="H746" i="1"/>
  <c r="I746" i="1"/>
  <c r="H747" i="1"/>
  <c r="I747" i="1"/>
  <c r="H748" i="1"/>
  <c r="I748" i="1"/>
  <c r="H749" i="1"/>
  <c r="I749" i="1"/>
  <c r="H750" i="1"/>
  <c r="I750" i="1"/>
  <c r="H751" i="1"/>
  <c r="I751" i="1"/>
  <c r="H752" i="1"/>
  <c r="I752" i="1"/>
  <c r="H753" i="1"/>
  <c r="I753" i="1"/>
  <c r="H754" i="1"/>
  <c r="I754" i="1"/>
  <c r="H755" i="1"/>
  <c r="I755" i="1"/>
  <c r="H756" i="1"/>
  <c r="I756" i="1"/>
  <c r="H757" i="1"/>
  <c r="I757" i="1"/>
  <c r="H758" i="1"/>
  <c r="I758" i="1"/>
  <c r="H759" i="1"/>
  <c r="I759" i="1"/>
  <c r="H760" i="1"/>
  <c r="I760" i="1"/>
  <c r="H761" i="1"/>
  <c r="I761" i="1"/>
  <c r="H762" i="1"/>
  <c r="I762" i="1"/>
  <c r="H763" i="1"/>
  <c r="I763" i="1"/>
  <c r="H764" i="1"/>
  <c r="I764" i="1"/>
  <c r="H765" i="1"/>
  <c r="I765" i="1"/>
  <c r="H766" i="1"/>
  <c r="I766" i="1"/>
  <c r="H767" i="1"/>
  <c r="I767" i="1"/>
  <c r="H768" i="1"/>
  <c r="I768" i="1"/>
  <c r="H769" i="1"/>
  <c r="I769" i="1"/>
  <c r="H770" i="1"/>
  <c r="I770" i="1"/>
  <c r="H771" i="1"/>
  <c r="I771" i="1"/>
  <c r="H772" i="1"/>
  <c r="I772" i="1"/>
  <c r="H773" i="1"/>
  <c r="I773" i="1"/>
  <c r="H774" i="1"/>
  <c r="I774" i="1"/>
  <c r="H775" i="1"/>
  <c r="I775" i="1"/>
  <c r="H776" i="1"/>
  <c r="I776" i="1"/>
  <c r="H777" i="1"/>
  <c r="I777" i="1"/>
  <c r="H778" i="1"/>
  <c r="I778" i="1"/>
  <c r="H779" i="1"/>
  <c r="I779" i="1"/>
  <c r="H780" i="1"/>
  <c r="I780" i="1"/>
  <c r="H781" i="1"/>
  <c r="I781" i="1"/>
  <c r="H782" i="1"/>
  <c r="I782" i="1"/>
  <c r="H783" i="1"/>
  <c r="I783" i="1"/>
  <c r="H784" i="1"/>
  <c r="I784" i="1"/>
  <c r="H785" i="1"/>
  <c r="I785" i="1"/>
  <c r="H786" i="1"/>
  <c r="I786" i="1"/>
  <c r="H787" i="1"/>
  <c r="I787" i="1"/>
  <c r="H788" i="1"/>
  <c r="I788" i="1"/>
  <c r="H789" i="1"/>
  <c r="I789" i="1"/>
  <c r="H790" i="1"/>
  <c r="I790" i="1"/>
  <c r="H791" i="1"/>
  <c r="I791" i="1"/>
  <c r="H792" i="1"/>
  <c r="I792" i="1"/>
  <c r="H793" i="1"/>
  <c r="I793" i="1"/>
  <c r="H794" i="1"/>
  <c r="I794" i="1"/>
  <c r="H795" i="1"/>
  <c r="I795" i="1"/>
  <c r="H796" i="1"/>
  <c r="I796" i="1"/>
  <c r="H797" i="1"/>
  <c r="I797" i="1"/>
  <c r="H798" i="1"/>
  <c r="I798" i="1"/>
  <c r="H799" i="1"/>
  <c r="I799" i="1"/>
  <c r="H800" i="1"/>
  <c r="I800" i="1"/>
  <c r="H801" i="1"/>
  <c r="I801" i="1"/>
  <c r="H802" i="1"/>
  <c r="I802" i="1"/>
  <c r="H803" i="1"/>
  <c r="I803" i="1"/>
  <c r="H804" i="1"/>
  <c r="I804" i="1"/>
  <c r="H805" i="1"/>
  <c r="I805" i="1"/>
  <c r="H806" i="1"/>
  <c r="I806" i="1"/>
  <c r="H807" i="1"/>
  <c r="I807" i="1"/>
  <c r="H808" i="1"/>
  <c r="I808" i="1"/>
  <c r="H809" i="1"/>
  <c r="I809" i="1"/>
  <c r="H810" i="1"/>
  <c r="I810" i="1"/>
  <c r="H811" i="1"/>
  <c r="I811" i="1"/>
  <c r="H812" i="1"/>
  <c r="I812" i="1"/>
  <c r="H813" i="1"/>
  <c r="I813" i="1"/>
  <c r="H814" i="1"/>
  <c r="I814" i="1"/>
  <c r="H815" i="1"/>
  <c r="I815" i="1"/>
  <c r="H816" i="1"/>
  <c r="I816" i="1"/>
  <c r="H817" i="1"/>
  <c r="I817" i="1"/>
  <c r="H818" i="1"/>
  <c r="I818" i="1"/>
  <c r="H819" i="1"/>
  <c r="I819" i="1"/>
  <c r="H820" i="1"/>
  <c r="I820" i="1"/>
  <c r="H821" i="1"/>
  <c r="I821" i="1"/>
  <c r="H822" i="1"/>
  <c r="I822" i="1"/>
  <c r="H823" i="1"/>
  <c r="I823" i="1"/>
  <c r="H824" i="1"/>
  <c r="I824" i="1"/>
  <c r="H825" i="1"/>
  <c r="I825" i="1"/>
  <c r="H826" i="1"/>
  <c r="I826" i="1"/>
  <c r="H827" i="1"/>
  <c r="I827" i="1"/>
  <c r="H828" i="1"/>
  <c r="I828" i="1"/>
  <c r="H829" i="1"/>
  <c r="I829" i="1"/>
  <c r="H830" i="1"/>
  <c r="I830" i="1"/>
  <c r="H831" i="1"/>
  <c r="I831" i="1"/>
  <c r="H832" i="1"/>
  <c r="I832" i="1"/>
  <c r="H833" i="1"/>
  <c r="I833" i="1"/>
  <c r="H834" i="1"/>
  <c r="I834" i="1"/>
  <c r="H835" i="1"/>
  <c r="I835" i="1"/>
  <c r="H836" i="1"/>
  <c r="I836" i="1"/>
  <c r="H837" i="1"/>
  <c r="I837" i="1"/>
  <c r="H838" i="1"/>
  <c r="I838" i="1"/>
  <c r="H839" i="1"/>
  <c r="I839" i="1"/>
  <c r="H840" i="1"/>
  <c r="I840" i="1"/>
  <c r="H841" i="1"/>
  <c r="I841" i="1"/>
  <c r="H842" i="1"/>
  <c r="I842" i="1"/>
  <c r="H843" i="1"/>
  <c r="I843" i="1"/>
  <c r="H844" i="1"/>
  <c r="I844" i="1"/>
  <c r="H845" i="1"/>
  <c r="I845" i="1"/>
  <c r="H846" i="1"/>
  <c r="I846" i="1"/>
  <c r="H847" i="1"/>
  <c r="I847" i="1"/>
  <c r="H848" i="1"/>
  <c r="I848" i="1"/>
  <c r="H849" i="1"/>
  <c r="I849" i="1"/>
  <c r="H850" i="1"/>
  <c r="I850" i="1"/>
  <c r="H851" i="1"/>
  <c r="I851" i="1"/>
  <c r="H852" i="1"/>
  <c r="I852" i="1"/>
  <c r="H853" i="1"/>
  <c r="I853" i="1"/>
  <c r="H854" i="1"/>
  <c r="I854" i="1"/>
  <c r="H855" i="1"/>
  <c r="I855" i="1"/>
  <c r="H856" i="1"/>
  <c r="I856" i="1"/>
  <c r="H857" i="1"/>
  <c r="I857" i="1"/>
  <c r="H858" i="1"/>
  <c r="I858" i="1"/>
  <c r="H859" i="1"/>
  <c r="I859" i="1"/>
  <c r="H860" i="1"/>
  <c r="I860" i="1"/>
  <c r="H861" i="1"/>
  <c r="I861" i="1"/>
  <c r="H862" i="1"/>
  <c r="I862" i="1"/>
  <c r="H863" i="1"/>
  <c r="I863" i="1"/>
  <c r="H864" i="1"/>
  <c r="I864" i="1"/>
  <c r="H865" i="1"/>
  <c r="I865" i="1"/>
  <c r="H866" i="1"/>
  <c r="I866" i="1"/>
  <c r="H867" i="1"/>
  <c r="I867" i="1"/>
  <c r="H868" i="1"/>
  <c r="I868" i="1"/>
  <c r="H869" i="1"/>
  <c r="I869" i="1"/>
  <c r="H870" i="1"/>
  <c r="I870" i="1"/>
  <c r="H871" i="1"/>
  <c r="I871" i="1"/>
  <c r="H872" i="1"/>
  <c r="I872" i="1"/>
  <c r="H873" i="1"/>
  <c r="I873" i="1"/>
  <c r="H874" i="1"/>
  <c r="I874" i="1"/>
  <c r="H875" i="1"/>
  <c r="I875" i="1"/>
  <c r="H876" i="1"/>
  <c r="I876" i="1"/>
  <c r="H877" i="1"/>
  <c r="I877" i="1"/>
  <c r="H878" i="1"/>
  <c r="I878" i="1"/>
  <c r="H879" i="1"/>
  <c r="I879" i="1"/>
  <c r="H880" i="1"/>
  <c r="I880" i="1"/>
  <c r="H881" i="1"/>
  <c r="I881" i="1"/>
  <c r="H882" i="1"/>
  <c r="I882" i="1"/>
  <c r="H883" i="1"/>
  <c r="I883" i="1"/>
  <c r="H884" i="1"/>
  <c r="I884" i="1"/>
  <c r="H885" i="1"/>
  <c r="I885" i="1"/>
  <c r="H886" i="1"/>
  <c r="I886" i="1"/>
  <c r="H887" i="1"/>
  <c r="I887" i="1"/>
  <c r="H888" i="1"/>
  <c r="I888" i="1"/>
  <c r="H889" i="1"/>
  <c r="I889" i="1"/>
  <c r="H890" i="1"/>
  <c r="I890" i="1"/>
  <c r="H891" i="1"/>
  <c r="I891" i="1"/>
  <c r="H892" i="1"/>
  <c r="I892" i="1"/>
  <c r="H893" i="1"/>
  <c r="I893" i="1"/>
  <c r="H894" i="1"/>
  <c r="I894" i="1"/>
  <c r="H895" i="1"/>
  <c r="I895" i="1"/>
  <c r="H896" i="1"/>
  <c r="I896" i="1"/>
  <c r="H897" i="1"/>
  <c r="I897" i="1"/>
  <c r="H898" i="1"/>
  <c r="I898" i="1"/>
  <c r="H899" i="1"/>
  <c r="I899" i="1"/>
  <c r="H900" i="1"/>
  <c r="I900" i="1"/>
  <c r="H901" i="1"/>
  <c r="I901" i="1"/>
  <c r="H902" i="1"/>
  <c r="I902" i="1"/>
  <c r="H903" i="1"/>
  <c r="I903" i="1"/>
  <c r="H904" i="1"/>
  <c r="I904" i="1"/>
  <c r="H905" i="1"/>
  <c r="I905" i="1"/>
  <c r="H906" i="1"/>
  <c r="I906" i="1"/>
  <c r="H907" i="1"/>
  <c r="I907" i="1"/>
  <c r="H908" i="1"/>
  <c r="I908" i="1"/>
  <c r="H909" i="1"/>
  <c r="I909" i="1"/>
  <c r="H910" i="1"/>
  <c r="I910" i="1"/>
  <c r="H911" i="1"/>
  <c r="I911" i="1"/>
  <c r="H912" i="1"/>
  <c r="I912" i="1"/>
  <c r="H913" i="1"/>
  <c r="I913" i="1"/>
  <c r="H914" i="1"/>
  <c r="I914" i="1"/>
  <c r="H915" i="1"/>
  <c r="I915" i="1"/>
  <c r="H916" i="1"/>
  <c r="I916" i="1"/>
  <c r="H917" i="1"/>
  <c r="I917" i="1"/>
  <c r="H918" i="1"/>
  <c r="I918" i="1"/>
  <c r="H919" i="1"/>
  <c r="I919" i="1"/>
  <c r="H920" i="1"/>
  <c r="I920" i="1"/>
  <c r="H921" i="1"/>
  <c r="I921" i="1"/>
  <c r="H922" i="1"/>
  <c r="I922" i="1"/>
  <c r="H923" i="1"/>
  <c r="I923" i="1"/>
  <c r="H924" i="1"/>
  <c r="I924" i="1"/>
  <c r="H925" i="1"/>
  <c r="I925" i="1"/>
  <c r="H926" i="1"/>
  <c r="I926" i="1"/>
  <c r="H927" i="1"/>
  <c r="I927" i="1"/>
  <c r="H928" i="1"/>
  <c r="I928" i="1"/>
  <c r="H929" i="1"/>
  <c r="I929" i="1"/>
  <c r="H930" i="1"/>
  <c r="I930" i="1"/>
  <c r="H931" i="1"/>
  <c r="I931" i="1"/>
  <c r="H932" i="1"/>
  <c r="I932" i="1"/>
  <c r="H933" i="1"/>
  <c r="I933" i="1"/>
  <c r="H934" i="1"/>
  <c r="I934" i="1"/>
  <c r="H935" i="1"/>
  <c r="I935" i="1"/>
  <c r="H936" i="1"/>
  <c r="I936" i="1"/>
  <c r="H937" i="1"/>
  <c r="I937" i="1"/>
  <c r="H938" i="1"/>
  <c r="I938" i="1"/>
  <c r="H939" i="1"/>
  <c r="I939" i="1"/>
  <c r="H940" i="1"/>
  <c r="I940" i="1"/>
  <c r="H941" i="1"/>
  <c r="I941" i="1"/>
  <c r="H942" i="1"/>
  <c r="I942" i="1"/>
  <c r="H943" i="1"/>
  <c r="I943" i="1"/>
  <c r="H944" i="1"/>
  <c r="I944" i="1"/>
  <c r="H945" i="1"/>
  <c r="I945" i="1"/>
  <c r="H946" i="1"/>
  <c r="I946" i="1"/>
  <c r="H947" i="1"/>
  <c r="I947" i="1"/>
  <c r="H948" i="1"/>
  <c r="I948" i="1"/>
  <c r="H949" i="1"/>
  <c r="I949" i="1"/>
  <c r="H950" i="1"/>
  <c r="I950" i="1"/>
  <c r="H951" i="1"/>
  <c r="I951" i="1"/>
  <c r="H952" i="1"/>
  <c r="I952" i="1"/>
  <c r="H953" i="1"/>
  <c r="I953" i="1"/>
  <c r="H954" i="1"/>
  <c r="I954" i="1"/>
  <c r="H955" i="1"/>
  <c r="I955" i="1"/>
  <c r="H956" i="1"/>
  <c r="I956" i="1"/>
  <c r="H957" i="1"/>
  <c r="I957" i="1"/>
  <c r="H958" i="1"/>
  <c r="I958" i="1"/>
  <c r="H959" i="1"/>
  <c r="I959" i="1"/>
  <c r="H960" i="1"/>
  <c r="I960" i="1"/>
  <c r="H961" i="1"/>
  <c r="I961" i="1"/>
  <c r="H962" i="1"/>
  <c r="I962" i="1"/>
  <c r="H963" i="1"/>
  <c r="I963" i="1"/>
  <c r="H964" i="1"/>
  <c r="I964" i="1"/>
  <c r="H965" i="1"/>
  <c r="I965" i="1"/>
  <c r="H966" i="1"/>
  <c r="I966" i="1"/>
  <c r="H967" i="1"/>
  <c r="I967" i="1"/>
  <c r="H968" i="1"/>
  <c r="I968" i="1"/>
  <c r="H969" i="1"/>
  <c r="I969" i="1"/>
  <c r="H970" i="1"/>
  <c r="I970" i="1"/>
  <c r="H971" i="1"/>
  <c r="I971" i="1"/>
  <c r="H972" i="1"/>
  <c r="I972" i="1"/>
  <c r="H973" i="1"/>
  <c r="I973" i="1"/>
  <c r="H974" i="1"/>
  <c r="I974" i="1"/>
  <c r="H975" i="1"/>
  <c r="I975" i="1"/>
  <c r="H976" i="1"/>
  <c r="I976" i="1"/>
  <c r="H977" i="1"/>
  <c r="I977" i="1"/>
  <c r="H978" i="1"/>
  <c r="I978" i="1"/>
  <c r="H979" i="1"/>
  <c r="I979" i="1"/>
  <c r="H980" i="1"/>
  <c r="I980" i="1"/>
  <c r="H981" i="1"/>
  <c r="I981" i="1"/>
  <c r="H982" i="1"/>
  <c r="I982" i="1"/>
  <c r="H983" i="1"/>
  <c r="I983" i="1"/>
  <c r="H984" i="1"/>
  <c r="I984" i="1"/>
  <c r="H985" i="1"/>
  <c r="I985" i="1"/>
  <c r="H986" i="1"/>
  <c r="I986" i="1"/>
  <c r="H987" i="1"/>
  <c r="I987" i="1"/>
  <c r="H988" i="1"/>
  <c r="I988" i="1"/>
  <c r="H989" i="1"/>
  <c r="I989" i="1"/>
  <c r="H990" i="1"/>
  <c r="I990" i="1"/>
  <c r="H991" i="1"/>
  <c r="I991" i="1"/>
  <c r="H992" i="1"/>
  <c r="I992" i="1"/>
  <c r="H993" i="1"/>
  <c r="I993" i="1"/>
  <c r="H994" i="1"/>
  <c r="I994" i="1"/>
  <c r="H995" i="1"/>
  <c r="I995" i="1"/>
  <c r="H996" i="1"/>
  <c r="I996" i="1"/>
  <c r="H997" i="1"/>
  <c r="I997" i="1"/>
  <c r="H998" i="1"/>
  <c r="I998" i="1"/>
  <c r="H999" i="1"/>
  <c r="I999" i="1"/>
  <c r="H1000" i="1"/>
  <c r="I1000" i="1"/>
  <c r="H1001" i="1"/>
  <c r="I1001" i="1"/>
  <c r="H1002" i="1"/>
  <c r="I1002" i="1"/>
  <c r="H1003" i="1"/>
  <c r="I1003" i="1"/>
  <c r="H1004" i="1"/>
  <c r="I1004" i="1"/>
  <c r="H1005" i="1"/>
  <c r="I1005" i="1"/>
  <c r="H1006" i="1"/>
  <c r="I1006" i="1"/>
  <c r="H1007" i="1"/>
  <c r="I1007" i="1"/>
  <c r="H1008" i="1"/>
  <c r="I1008" i="1"/>
  <c r="H1009" i="1"/>
  <c r="I1009" i="1"/>
  <c r="H1010" i="1"/>
  <c r="I1010" i="1"/>
  <c r="H1011" i="1"/>
  <c r="I1011" i="1"/>
  <c r="H1012" i="1"/>
  <c r="I1012" i="1"/>
  <c r="H1013" i="1"/>
  <c r="I1013" i="1"/>
  <c r="H1014" i="1"/>
  <c r="I1014" i="1"/>
  <c r="H1015" i="1"/>
  <c r="I1015" i="1"/>
  <c r="H1016" i="1"/>
  <c r="I1016" i="1"/>
  <c r="H1017" i="1"/>
  <c r="I1017" i="1"/>
  <c r="H1018" i="1"/>
  <c r="I1018" i="1"/>
  <c r="H1019" i="1"/>
  <c r="I1019" i="1"/>
  <c r="H1020" i="1"/>
  <c r="I1020" i="1"/>
  <c r="H1021" i="1"/>
  <c r="I1021" i="1"/>
  <c r="H1022" i="1"/>
  <c r="I1022" i="1"/>
  <c r="H1023" i="1"/>
  <c r="I1023" i="1"/>
  <c r="H1024" i="1"/>
  <c r="I1024" i="1"/>
  <c r="H1025" i="1"/>
  <c r="I1025" i="1"/>
  <c r="H1026" i="1"/>
  <c r="I1026" i="1"/>
  <c r="H1027" i="1"/>
  <c r="I1027" i="1"/>
  <c r="H1028" i="1"/>
  <c r="I1028" i="1"/>
  <c r="H1029" i="1"/>
  <c r="I1029" i="1"/>
  <c r="H1030" i="1"/>
  <c r="I1030" i="1"/>
  <c r="H1031" i="1"/>
  <c r="I1031" i="1"/>
  <c r="H1032" i="1"/>
  <c r="I1032" i="1"/>
  <c r="H1033" i="1"/>
  <c r="I1033" i="1"/>
  <c r="H1034" i="1"/>
  <c r="I1034" i="1"/>
  <c r="H1035" i="1"/>
  <c r="I1035" i="1"/>
  <c r="H1036" i="1"/>
  <c r="I1036" i="1"/>
  <c r="H1037" i="1"/>
  <c r="I1037" i="1"/>
  <c r="H1038" i="1"/>
  <c r="I1038" i="1"/>
  <c r="H1039" i="1"/>
  <c r="I1039" i="1"/>
  <c r="H1040" i="1"/>
  <c r="I1040" i="1"/>
  <c r="H1041" i="1"/>
  <c r="I1041" i="1"/>
  <c r="H1042" i="1"/>
  <c r="I1042" i="1"/>
  <c r="H1043" i="1"/>
  <c r="I1043" i="1"/>
  <c r="H1044" i="1"/>
  <c r="I1044" i="1"/>
  <c r="H1045" i="1"/>
  <c r="I1045" i="1"/>
  <c r="H1046" i="1"/>
  <c r="I1046" i="1"/>
  <c r="H1047" i="1"/>
  <c r="I1047" i="1"/>
  <c r="H1048" i="1"/>
  <c r="I1048" i="1"/>
  <c r="H1049" i="1"/>
  <c r="I1049" i="1"/>
  <c r="H1050" i="1"/>
  <c r="I1050" i="1"/>
  <c r="H1051" i="1"/>
  <c r="I1051" i="1"/>
  <c r="H1052" i="1"/>
  <c r="I1052" i="1"/>
  <c r="H1053" i="1"/>
  <c r="I1053" i="1"/>
  <c r="H1054" i="1"/>
  <c r="I1054" i="1"/>
  <c r="H1055" i="1"/>
  <c r="I1055" i="1"/>
  <c r="H1056" i="1"/>
  <c r="I1056" i="1"/>
  <c r="H1057" i="1"/>
  <c r="I1057" i="1"/>
  <c r="H1058" i="1"/>
  <c r="I1058" i="1"/>
  <c r="H1059" i="1"/>
  <c r="I1059" i="1"/>
  <c r="H1060" i="1"/>
  <c r="I1060" i="1"/>
  <c r="H1061" i="1"/>
  <c r="I1061" i="1"/>
  <c r="H1062" i="1"/>
  <c r="I1062" i="1"/>
  <c r="H1063" i="1"/>
  <c r="I1063" i="1"/>
  <c r="H1064" i="1"/>
  <c r="I1064" i="1"/>
  <c r="H1065" i="1"/>
  <c r="I1065" i="1"/>
  <c r="H1066" i="1"/>
  <c r="I1066" i="1"/>
  <c r="H1067" i="1"/>
  <c r="I1067" i="1"/>
  <c r="H1068" i="1"/>
  <c r="I1068" i="1"/>
  <c r="H1069" i="1"/>
  <c r="I1069" i="1"/>
  <c r="H1070" i="1"/>
  <c r="I1070" i="1"/>
  <c r="H1071" i="1"/>
  <c r="I1071" i="1"/>
  <c r="H1072" i="1"/>
  <c r="I1072" i="1"/>
  <c r="H1073" i="1"/>
  <c r="I1073" i="1"/>
  <c r="H1074" i="1"/>
  <c r="I1074" i="1"/>
  <c r="H1075" i="1"/>
  <c r="I1075" i="1"/>
  <c r="H1076" i="1"/>
  <c r="I1076" i="1"/>
  <c r="H1077" i="1"/>
  <c r="I1077" i="1"/>
  <c r="H1078" i="1"/>
  <c r="I1078" i="1"/>
  <c r="H1079" i="1"/>
  <c r="I1079" i="1"/>
  <c r="H1080" i="1"/>
  <c r="I1080" i="1"/>
  <c r="H1081" i="1"/>
  <c r="I1081" i="1"/>
  <c r="H1082" i="1"/>
  <c r="I1082" i="1"/>
  <c r="H1083" i="1"/>
  <c r="I1083" i="1"/>
  <c r="H1084" i="1"/>
  <c r="I1084" i="1"/>
  <c r="H1085" i="1"/>
  <c r="I1085" i="1"/>
  <c r="H1086" i="1"/>
  <c r="I1086" i="1"/>
  <c r="H1087" i="1"/>
  <c r="I1087" i="1"/>
  <c r="H1088" i="1"/>
  <c r="I1088" i="1"/>
  <c r="H1089" i="1"/>
  <c r="I1089" i="1"/>
  <c r="H1090" i="1"/>
  <c r="I1090" i="1"/>
  <c r="H1091" i="1"/>
  <c r="I1091" i="1"/>
  <c r="H1092" i="1"/>
  <c r="I1092" i="1"/>
  <c r="H1093" i="1"/>
  <c r="I1093" i="1"/>
  <c r="H1094" i="1"/>
  <c r="I1094" i="1"/>
  <c r="H1095" i="1"/>
  <c r="I1095" i="1"/>
  <c r="H1096" i="1"/>
  <c r="I1096" i="1"/>
  <c r="H1097" i="1"/>
  <c r="I1097" i="1"/>
  <c r="H1098" i="1"/>
  <c r="I1098" i="1"/>
  <c r="H1099" i="1"/>
  <c r="I1099" i="1"/>
  <c r="H1100" i="1"/>
  <c r="I1100" i="1"/>
  <c r="H1101" i="1"/>
  <c r="I1101" i="1"/>
  <c r="H1102" i="1"/>
  <c r="I1102" i="1"/>
  <c r="H1103" i="1"/>
  <c r="I1103" i="1"/>
  <c r="H1104" i="1"/>
  <c r="I1104" i="1"/>
  <c r="H1105" i="1"/>
  <c r="I1105" i="1"/>
  <c r="H1106" i="1"/>
  <c r="I1106" i="1"/>
  <c r="H1107" i="1"/>
  <c r="I1107" i="1"/>
  <c r="H1108" i="1"/>
  <c r="I1108" i="1"/>
  <c r="H1109" i="1"/>
  <c r="I1109" i="1"/>
  <c r="H1110" i="1"/>
  <c r="I1110" i="1"/>
  <c r="H1111" i="1"/>
  <c r="I1111" i="1"/>
  <c r="H1112" i="1"/>
  <c r="I1112" i="1"/>
  <c r="H1113" i="1"/>
  <c r="I1113" i="1"/>
  <c r="H1114" i="1"/>
  <c r="I1114" i="1"/>
  <c r="H1115" i="1"/>
  <c r="I1115" i="1"/>
  <c r="H1116" i="1"/>
  <c r="I1116" i="1"/>
  <c r="H1117" i="1"/>
  <c r="I1117" i="1"/>
  <c r="H1118" i="1"/>
  <c r="I1118" i="1"/>
  <c r="H1119" i="1"/>
  <c r="I1119" i="1"/>
  <c r="H1120" i="1"/>
  <c r="I1120" i="1"/>
  <c r="H1121" i="1"/>
  <c r="I1121" i="1"/>
  <c r="H1122" i="1"/>
  <c r="I1122" i="1"/>
  <c r="H1123" i="1"/>
  <c r="I1123" i="1"/>
  <c r="H1124" i="1"/>
  <c r="I1124" i="1"/>
  <c r="H1125" i="1"/>
  <c r="I1125" i="1"/>
  <c r="H1126" i="1"/>
  <c r="I1126" i="1"/>
  <c r="H1127" i="1"/>
  <c r="I1127" i="1"/>
  <c r="H1128" i="1"/>
  <c r="I1128" i="1"/>
  <c r="H1129" i="1"/>
  <c r="I1129" i="1"/>
  <c r="H1130" i="1"/>
  <c r="I1130" i="1"/>
  <c r="H1131" i="1"/>
  <c r="I1131" i="1"/>
  <c r="H1132" i="1"/>
  <c r="I1132" i="1"/>
  <c r="H1133" i="1"/>
  <c r="I1133" i="1"/>
  <c r="H1134" i="1"/>
  <c r="I1134" i="1"/>
  <c r="H1135" i="1"/>
  <c r="I1135" i="1"/>
  <c r="H1136" i="1"/>
  <c r="I1136" i="1"/>
  <c r="H1137" i="1"/>
  <c r="I1137" i="1"/>
  <c r="H1138" i="1"/>
  <c r="I1138" i="1"/>
  <c r="H1139" i="1"/>
  <c r="I1139" i="1"/>
  <c r="H1140" i="1"/>
  <c r="I1140" i="1"/>
  <c r="H1141" i="1"/>
  <c r="I1141" i="1"/>
  <c r="H1142" i="1"/>
  <c r="I1142" i="1"/>
  <c r="H1143" i="1"/>
  <c r="I1143" i="1"/>
  <c r="H1144" i="1"/>
  <c r="I1144" i="1"/>
  <c r="H1145" i="1"/>
  <c r="I1145" i="1"/>
  <c r="H1146" i="1"/>
  <c r="I1146" i="1"/>
  <c r="H1147" i="1"/>
  <c r="I1147" i="1"/>
  <c r="H1148" i="1"/>
  <c r="I1148" i="1"/>
  <c r="H1149" i="1"/>
  <c r="I1149" i="1"/>
  <c r="H1150" i="1"/>
  <c r="I1150" i="1"/>
  <c r="H1151" i="1"/>
  <c r="I1151" i="1"/>
  <c r="H1152" i="1"/>
  <c r="I1152" i="1"/>
  <c r="H1153" i="1"/>
  <c r="I1153" i="1"/>
  <c r="H1154" i="1"/>
  <c r="I1154" i="1"/>
  <c r="H1155" i="1"/>
  <c r="I1155" i="1"/>
  <c r="H1156" i="1"/>
  <c r="I1156" i="1"/>
  <c r="H1157" i="1"/>
  <c r="I1157" i="1"/>
  <c r="H1158" i="1"/>
  <c r="I1158" i="1"/>
  <c r="H1159" i="1"/>
  <c r="I1159" i="1"/>
  <c r="H1160" i="1"/>
  <c r="I1160" i="1"/>
  <c r="H1161" i="1"/>
  <c r="I1161" i="1"/>
  <c r="H1162" i="1"/>
  <c r="I1162" i="1"/>
  <c r="H1163" i="1"/>
  <c r="I1163" i="1"/>
  <c r="H1164" i="1"/>
  <c r="I1164" i="1"/>
  <c r="H1165" i="1"/>
  <c r="I1165" i="1"/>
  <c r="H1166" i="1"/>
  <c r="I1166" i="1"/>
  <c r="H1167" i="1"/>
  <c r="I1167" i="1"/>
  <c r="H1168" i="1"/>
  <c r="I1168" i="1"/>
  <c r="H1169" i="1"/>
  <c r="I1169" i="1"/>
  <c r="H1170" i="1"/>
  <c r="I1170" i="1"/>
  <c r="H1171" i="1"/>
  <c r="I1171" i="1"/>
  <c r="H1172" i="1"/>
  <c r="I1172" i="1"/>
  <c r="H1173" i="1"/>
  <c r="I1173" i="1"/>
  <c r="H1174" i="1"/>
  <c r="I1174" i="1"/>
  <c r="H1175" i="1"/>
  <c r="I1175" i="1"/>
  <c r="H1176" i="1"/>
  <c r="I1176" i="1"/>
  <c r="H1177" i="1"/>
  <c r="I1177" i="1"/>
  <c r="H1178" i="1"/>
  <c r="I1178" i="1"/>
  <c r="H1179" i="1"/>
  <c r="I1179" i="1"/>
  <c r="H1180" i="1"/>
  <c r="I1180" i="1"/>
  <c r="H1181" i="1"/>
  <c r="I1181" i="1"/>
  <c r="H1182" i="1"/>
  <c r="I1182" i="1"/>
  <c r="H1183" i="1"/>
  <c r="I1183" i="1"/>
  <c r="H1184" i="1"/>
  <c r="I1184" i="1"/>
  <c r="H1185" i="1"/>
  <c r="I1185" i="1"/>
  <c r="H1186" i="1"/>
  <c r="I1186" i="1"/>
  <c r="H1187" i="1"/>
  <c r="I1187" i="1"/>
  <c r="H1188" i="1"/>
  <c r="I1188" i="1"/>
  <c r="H1189" i="1"/>
  <c r="I1189" i="1"/>
  <c r="H1190" i="1"/>
  <c r="I1190" i="1"/>
  <c r="H1191" i="1"/>
  <c r="I1191" i="1"/>
  <c r="H1192" i="1"/>
  <c r="I1192" i="1"/>
  <c r="H1193" i="1"/>
  <c r="I1193" i="1"/>
  <c r="H1194" i="1"/>
  <c r="I1194" i="1"/>
  <c r="H1195" i="1"/>
  <c r="I1195" i="1"/>
  <c r="H1196" i="1"/>
  <c r="I1196" i="1"/>
  <c r="H1197" i="1"/>
  <c r="I1197" i="1"/>
  <c r="H1198" i="1"/>
  <c r="I1198" i="1"/>
  <c r="H1199" i="1"/>
  <c r="I1199" i="1"/>
  <c r="H1200" i="1"/>
  <c r="I1200" i="1"/>
  <c r="H1201" i="1"/>
  <c r="I1201" i="1"/>
  <c r="H1202" i="1"/>
  <c r="I1202" i="1"/>
  <c r="H1203" i="1"/>
  <c r="I1203" i="1"/>
  <c r="H1204" i="1"/>
  <c r="I1204" i="1"/>
  <c r="H1205" i="1"/>
  <c r="I1205" i="1"/>
  <c r="H1206" i="1"/>
  <c r="I1206" i="1"/>
  <c r="H1207" i="1"/>
  <c r="I1207" i="1"/>
  <c r="H1208" i="1"/>
  <c r="I1208" i="1"/>
  <c r="H1209" i="1"/>
  <c r="I1209" i="1"/>
  <c r="H1210" i="1"/>
  <c r="I1210" i="1"/>
  <c r="H1211" i="1"/>
  <c r="I1211" i="1"/>
  <c r="H1212" i="1"/>
  <c r="I1212" i="1"/>
  <c r="H1213" i="1"/>
  <c r="I1213" i="1"/>
  <c r="H1214" i="1"/>
  <c r="I1214" i="1"/>
  <c r="H1215" i="1"/>
  <c r="I1215" i="1"/>
  <c r="H1216" i="1"/>
  <c r="I1216" i="1"/>
  <c r="H1217" i="1"/>
  <c r="I1217" i="1"/>
  <c r="H1218" i="1"/>
  <c r="I1218" i="1"/>
  <c r="H1219" i="1"/>
  <c r="I1219" i="1"/>
  <c r="H1220" i="1"/>
  <c r="I1220" i="1"/>
  <c r="H1221" i="1"/>
  <c r="I1221" i="1"/>
  <c r="H1222" i="1"/>
  <c r="I1222" i="1"/>
  <c r="H1223" i="1"/>
  <c r="I1223" i="1"/>
  <c r="H1224" i="1"/>
  <c r="I1224" i="1"/>
  <c r="H1225" i="1"/>
  <c r="I1225" i="1"/>
  <c r="H1226" i="1"/>
  <c r="I1226" i="1"/>
  <c r="H1227" i="1"/>
  <c r="I1227" i="1"/>
  <c r="H1228" i="1"/>
  <c r="I1228" i="1"/>
  <c r="H1229" i="1"/>
  <c r="I1229" i="1"/>
  <c r="H1230" i="1"/>
  <c r="I1230" i="1"/>
  <c r="H1231" i="1"/>
  <c r="I1231" i="1"/>
  <c r="H1232" i="1"/>
  <c r="I1232" i="1"/>
  <c r="H1233" i="1"/>
  <c r="I1233" i="1"/>
  <c r="H1234" i="1"/>
  <c r="I1234" i="1"/>
  <c r="H1235" i="1"/>
  <c r="I1235" i="1"/>
  <c r="H1236" i="1"/>
  <c r="I1236" i="1"/>
  <c r="H1237" i="1"/>
  <c r="I1237" i="1"/>
  <c r="H1238" i="1"/>
  <c r="I1238" i="1"/>
  <c r="H1239" i="1"/>
  <c r="I1239" i="1"/>
  <c r="H1240" i="1"/>
  <c r="I1240" i="1"/>
  <c r="H1241" i="1"/>
  <c r="I1241" i="1"/>
  <c r="H1242" i="1"/>
  <c r="I1242" i="1"/>
  <c r="H1243" i="1"/>
  <c r="I1243" i="1"/>
  <c r="H1244" i="1"/>
  <c r="I1244" i="1"/>
  <c r="H1245" i="1"/>
  <c r="I1245" i="1"/>
  <c r="H1246" i="1"/>
  <c r="I1246" i="1"/>
  <c r="H1247" i="1"/>
  <c r="I1247" i="1"/>
  <c r="H1248" i="1"/>
  <c r="I1248" i="1"/>
  <c r="H1249" i="1"/>
  <c r="I1249" i="1"/>
  <c r="H1250" i="1"/>
  <c r="I1250" i="1"/>
  <c r="H1251" i="1"/>
  <c r="I1251" i="1"/>
  <c r="H1252" i="1"/>
  <c r="I1252" i="1"/>
  <c r="H1253" i="1"/>
  <c r="I1253" i="1"/>
  <c r="H1254" i="1"/>
  <c r="I1254" i="1"/>
  <c r="H1255" i="1"/>
  <c r="I1255" i="1"/>
  <c r="H1256" i="1"/>
  <c r="I1256" i="1"/>
  <c r="H1257" i="1"/>
  <c r="I1257" i="1"/>
  <c r="H1258" i="1"/>
  <c r="I1258" i="1"/>
  <c r="H1259" i="1"/>
  <c r="I1259" i="1"/>
  <c r="H1260" i="1"/>
  <c r="I1260" i="1"/>
  <c r="H1261" i="1"/>
  <c r="I1261" i="1"/>
  <c r="H1262" i="1"/>
  <c r="I1262" i="1"/>
  <c r="H1263" i="1"/>
  <c r="I1263" i="1"/>
  <c r="H1264" i="1"/>
  <c r="I1264" i="1"/>
  <c r="H1265" i="1"/>
  <c r="I1265" i="1"/>
  <c r="H1266" i="1"/>
  <c r="I1266" i="1"/>
  <c r="H1267" i="1"/>
  <c r="I1267" i="1"/>
  <c r="H1268" i="1"/>
  <c r="I1268" i="1"/>
  <c r="H1269" i="1"/>
  <c r="I1269" i="1"/>
  <c r="H1270" i="1"/>
  <c r="I1270" i="1"/>
  <c r="H1271" i="1"/>
  <c r="I1271" i="1"/>
  <c r="H1272" i="1"/>
  <c r="I1272" i="1"/>
  <c r="H1273" i="1"/>
  <c r="I1273" i="1"/>
  <c r="H1274" i="1"/>
  <c r="I1274" i="1"/>
  <c r="H1275" i="1"/>
  <c r="I1275" i="1"/>
  <c r="H1276" i="1"/>
  <c r="I1276" i="1"/>
  <c r="H1277" i="1"/>
  <c r="I1277" i="1"/>
  <c r="H1278" i="1"/>
  <c r="I1278" i="1"/>
  <c r="H1279" i="1"/>
  <c r="I1279" i="1"/>
  <c r="H1280" i="1"/>
  <c r="I1280" i="1"/>
  <c r="H1281" i="1"/>
  <c r="I1281" i="1"/>
  <c r="H1282" i="1"/>
  <c r="I1282" i="1"/>
  <c r="H1283" i="1"/>
  <c r="I1283" i="1"/>
  <c r="H1284" i="1"/>
  <c r="I1284" i="1"/>
  <c r="H1285" i="1"/>
  <c r="I1285" i="1"/>
  <c r="H1286" i="1"/>
  <c r="I1286" i="1"/>
  <c r="H1287" i="1"/>
  <c r="I1287" i="1"/>
  <c r="H1288" i="1"/>
  <c r="I1288" i="1"/>
  <c r="H1289" i="1"/>
  <c r="I1289" i="1"/>
  <c r="H1290" i="1"/>
  <c r="I1290" i="1"/>
  <c r="H1291" i="1"/>
  <c r="I1291" i="1"/>
  <c r="H1292" i="1"/>
  <c r="I1292" i="1"/>
  <c r="H1293" i="1"/>
  <c r="I1293" i="1"/>
  <c r="H1294" i="1"/>
  <c r="I1294" i="1"/>
  <c r="H1295" i="1"/>
  <c r="I1295" i="1"/>
  <c r="H1296" i="1"/>
  <c r="I1296" i="1"/>
  <c r="H1297" i="1"/>
  <c r="I1297" i="1"/>
  <c r="H1298" i="1"/>
  <c r="I1298" i="1"/>
  <c r="H1299" i="1"/>
  <c r="I1299" i="1"/>
  <c r="H1300" i="1"/>
  <c r="I1300" i="1"/>
  <c r="H1301" i="1"/>
  <c r="I1301" i="1"/>
  <c r="H1302" i="1"/>
  <c r="I1302" i="1"/>
  <c r="H1303" i="1"/>
  <c r="I1303" i="1"/>
  <c r="H1304" i="1"/>
  <c r="I1304" i="1"/>
  <c r="H1305" i="1"/>
  <c r="I1305" i="1"/>
  <c r="H1306" i="1"/>
  <c r="I1306" i="1"/>
  <c r="H1307" i="1"/>
  <c r="I1307" i="1"/>
  <c r="H1308" i="1"/>
  <c r="I1308" i="1"/>
  <c r="H1309" i="1"/>
  <c r="I1309" i="1"/>
  <c r="H1310" i="1"/>
  <c r="I1310" i="1"/>
  <c r="H1311" i="1"/>
  <c r="I1311" i="1"/>
  <c r="H1312" i="1"/>
  <c r="I1312" i="1"/>
  <c r="H1313" i="1"/>
  <c r="I1313" i="1"/>
  <c r="H1314" i="1"/>
  <c r="I1314" i="1"/>
  <c r="H1315" i="1"/>
  <c r="I1315" i="1"/>
  <c r="H1316" i="1"/>
  <c r="I1316" i="1"/>
  <c r="H1317" i="1"/>
  <c r="I1317" i="1"/>
  <c r="H1318" i="1"/>
  <c r="I1318" i="1"/>
  <c r="H1319" i="1"/>
  <c r="I1319" i="1"/>
  <c r="H1320" i="1"/>
  <c r="I1320" i="1"/>
  <c r="H1321" i="1"/>
  <c r="I1321" i="1"/>
  <c r="H1322" i="1"/>
  <c r="I1322" i="1"/>
  <c r="H1323" i="1"/>
  <c r="I1323" i="1"/>
  <c r="H1324" i="1"/>
  <c r="I1324" i="1"/>
  <c r="H1325" i="1"/>
  <c r="I1325" i="1"/>
  <c r="H1326" i="1"/>
  <c r="I1326" i="1"/>
  <c r="H1327" i="1"/>
  <c r="I1327" i="1"/>
  <c r="H1328" i="1"/>
  <c r="I1328" i="1"/>
  <c r="H1329" i="1"/>
  <c r="I1329" i="1"/>
  <c r="H1330" i="1"/>
  <c r="I1330" i="1"/>
  <c r="H1331" i="1"/>
  <c r="I1331" i="1"/>
  <c r="H1332" i="1"/>
  <c r="I1332" i="1"/>
  <c r="H1333" i="1"/>
  <c r="I1333" i="1"/>
  <c r="H1334" i="1"/>
  <c r="I1334" i="1"/>
  <c r="H1335" i="1"/>
  <c r="I1335" i="1"/>
  <c r="H1336" i="1"/>
  <c r="I1336" i="1"/>
  <c r="H1337" i="1"/>
  <c r="I1337" i="1"/>
  <c r="H1338" i="1"/>
  <c r="I1338" i="1"/>
  <c r="H1339" i="1"/>
  <c r="I1339" i="1"/>
  <c r="H1340" i="1"/>
  <c r="I1340" i="1"/>
  <c r="H1341" i="1"/>
  <c r="I1341" i="1"/>
  <c r="H1342" i="1"/>
  <c r="I1342" i="1"/>
  <c r="H1343" i="1"/>
  <c r="I1343" i="1"/>
  <c r="H1344" i="1"/>
  <c r="I1344" i="1"/>
  <c r="H1345" i="1"/>
  <c r="I1345" i="1"/>
  <c r="H1346" i="1"/>
  <c r="I1346" i="1"/>
  <c r="H1347" i="1"/>
  <c r="I1347" i="1"/>
  <c r="H1348" i="1"/>
  <c r="I1348" i="1"/>
  <c r="H1349" i="1"/>
  <c r="I1349" i="1"/>
  <c r="H1350" i="1"/>
  <c r="I1350" i="1"/>
  <c r="H1351" i="1"/>
  <c r="I1351" i="1"/>
  <c r="H1352" i="1"/>
  <c r="I1352" i="1"/>
  <c r="H1353" i="1"/>
  <c r="I1353" i="1"/>
  <c r="H1354" i="1"/>
  <c r="I1354" i="1"/>
  <c r="H1355" i="1"/>
  <c r="I1355" i="1"/>
  <c r="H1356" i="1"/>
  <c r="I1356" i="1"/>
  <c r="H1357" i="1"/>
  <c r="I1357" i="1"/>
  <c r="H1358" i="1"/>
  <c r="I1358" i="1"/>
  <c r="H1359" i="1"/>
  <c r="I1359" i="1"/>
  <c r="H1360" i="1"/>
  <c r="I1360" i="1"/>
  <c r="H1361" i="1"/>
  <c r="I1361" i="1"/>
  <c r="H1362" i="1"/>
  <c r="I1362" i="1"/>
  <c r="H1363" i="1"/>
  <c r="I1363" i="1"/>
  <c r="H1364" i="1"/>
  <c r="I1364" i="1"/>
  <c r="H1365" i="1"/>
  <c r="I1365" i="1"/>
  <c r="H1366" i="1"/>
  <c r="I1366" i="1"/>
  <c r="H1367" i="1"/>
  <c r="I1367" i="1"/>
  <c r="H1368" i="1"/>
  <c r="I1368" i="1"/>
  <c r="H1369" i="1"/>
  <c r="I1369" i="1"/>
  <c r="H1370" i="1"/>
  <c r="I1370" i="1"/>
  <c r="H1371" i="1"/>
  <c r="I1371" i="1"/>
  <c r="H1372" i="1"/>
  <c r="I1372" i="1"/>
  <c r="H1373" i="1"/>
  <c r="I1373" i="1"/>
  <c r="H1374" i="1"/>
  <c r="I1374" i="1"/>
  <c r="H1375" i="1"/>
  <c r="I1375" i="1"/>
  <c r="H1376" i="1"/>
  <c r="I1376" i="1"/>
  <c r="H1377" i="1"/>
  <c r="I1377" i="1"/>
  <c r="H1378" i="1"/>
  <c r="I1378" i="1"/>
  <c r="H1379" i="1"/>
  <c r="I1379" i="1"/>
  <c r="H1380" i="1"/>
  <c r="I1380" i="1"/>
  <c r="H1381" i="1"/>
  <c r="I1381" i="1"/>
  <c r="H1382" i="1"/>
  <c r="I1382" i="1"/>
  <c r="H1383" i="1"/>
  <c r="I1383" i="1"/>
  <c r="H1384" i="1"/>
  <c r="I1384" i="1"/>
  <c r="H1385" i="1"/>
  <c r="I1385" i="1"/>
  <c r="H1386" i="1"/>
  <c r="I1386" i="1"/>
  <c r="H1387" i="1"/>
  <c r="I1387" i="1"/>
  <c r="H1388" i="1"/>
  <c r="I1388" i="1"/>
  <c r="H1389" i="1"/>
  <c r="I1389" i="1"/>
  <c r="H1390" i="1"/>
  <c r="I1390" i="1"/>
  <c r="H1391" i="1"/>
  <c r="I1391" i="1"/>
  <c r="H1392" i="1"/>
  <c r="I1392" i="1"/>
  <c r="H1393" i="1"/>
  <c r="I1393" i="1"/>
  <c r="H1394" i="1"/>
  <c r="I1394" i="1"/>
  <c r="H1395" i="1"/>
  <c r="I1395" i="1"/>
  <c r="H1396" i="1"/>
  <c r="I1396" i="1"/>
  <c r="H1397" i="1"/>
  <c r="I1397" i="1"/>
  <c r="H1398" i="1"/>
  <c r="I1398" i="1"/>
  <c r="H1399" i="1"/>
  <c r="I1399" i="1"/>
  <c r="H1400" i="1"/>
  <c r="I1400" i="1"/>
  <c r="H1401" i="1"/>
  <c r="I1401" i="1"/>
  <c r="H1402" i="1"/>
  <c r="I1402" i="1"/>
  <c r="H1403" i="1"/>
  <c r="I1403" i="1"/>
  <c r="H1404" i="1"/>
  <c r="I1404" i="1"/>
  <c r="H1405" i="1"/>
  <c r="I1405" i="1"/>
  <c r="H1406" i="1"/>
  <c r="I1406" i="1"/>
  <c r="H1407" i="1"/>
  <c r="I1407" i="1"/>
  <c r="H1408" i="1"/>
  <c r="I1408" i="1"/>
  <c r="H1409" i="1"/>
  <c r="I1409" i="1"/>
  <c r="H1410" i="1"/>
  <c r="I1410" i="1"/>
  <c r="H1411" i="1"/>
  <c r="I1411" i="1"/>
  <c r="H1412" i="1"/>
  <c r="I1412" i="1"/>
  <c r="H1413" i="1"/>
  <c r="I1413" i="1"/>
  <c r="H1414" i="1"/>
  <c r="I1414" i="1"/>
  <c r="H1415" i="1"/>
  <c r="I1415" i="1"/>
  <c r="H1416" i="1"/>
  <c r="I1416" i="1"/>
  <c r="H1417" i="1"/>
  <c r="I1417" i="1"/>
  <c r="H1418" i="1"/>
  <c r="I1418" i="1"/>
  <c r="H1419" i="1"/>
  <c r="I1419" i="1"/>
  <c r="H1420" i="1"/>
  <c r="I1420" i="1"/>
  <c r="H1421" i="1"/>
  <c r="I1421" i="1"/>
  <c r="H1422" i="1"/>
  <c r="I1422" i="1"/>
  <c r="H1423" i="1"/>
  <c r="I1423" i="1"/>
  <c r="H1424" i="1"/>
  <c r="I1424" i="1"/>
  <c r="H1425" i="1"/>
  <c r="I1425" i="1"/>
  <c r="H1426" i="1"/>
  <c r="I1426" i="1"/>
  <c r="H1427" i="1"/>
  <c r="I1427" i="1"/>
  <c r="H1428" i="1"/>
  <c r="I1428" i="1"/>
  <c r="H1429" i="1"/>
  <c r="I1429" i="1"/>
  <c r="H1430" i="1"/>
  <c r="I1430" i="1"/>
  <c r="H1431" i="1"/>
  <c r="I1431" i="1"/>
  <c r="H1432" i="1"/>
  <c r="I1432" i="1"/>
  <c r="H1433" i="1"/>
  <c r="I1433" i="1"/>
  <c r="H1434" i="1"/>
  <c r="I1434" i="1"/>
  <c r="H1435" i="1"/>
  <c r="I1435" i="1"/>
  <c r="H1436" i="1"/>
  <c r="I1436" i="1"/>
  <c r="H1437" i="1"/>
  <c r="I1437" i="1"/>
  <c r="H1438" i="1"/>
  <c r="I1438" i="1"/>
  <c r="H1439" i="1"/>
  <c r="I1439" i="1"/>
  <c r="H1440" i="1"/>
  <c r="I1440" i="1"/>
  <c r="H1441" i="1"/>
  <c r="I1441" i="1"/>
  <c r="H1442" i="1"/>
  <c r="I1442" i="1"/>
  <c r="H1443" i="1"/>
  <c r="I1443" i="1"/>
  <c r="H1444" i="1"/>
  <c r="I1444" i="1"/>
  <c r="H1445" i="1"/>
  <c r="I1445" i="1"/>
  <c r="H1446" i="1"/>
  <c r="I1446" i="1"/>
  <c r="H1447" i="1"/>
  <c r="I1447" i="1"/>
  <c r="H1448" i="1"/>
  <c r="I1448" i="1"/>
  <c r="H1449" i="1"/>
  <c r="I1449" i="1"/>
  <c r="H1450" i="1"/>
  <c r="I1450" i="1"/>
  <c r="H1451" i="1"/>
  <c r="I1451" i="1"/>
  <c r="H1452" i="1"/>
  <c r="I1452" i="1"/>
  <c r="H1453" i="1"/>
  <c r="I1453" i="1"/>
  <c r="H1454" i="1"/>
  <c r="I1454" i="1"/>
  <c r="H1455" i="1"/>
  <c r="I1455" i="1"/>
  <c r="H1456" i="1"/>
  <c r="I1456" i="1"/>
  <c r="H1457" i="1"/>
  <c r="I1457" i="1"/>
  <c r="H1458" i="1"/>
  <c r="I1458" i="1"/>
  <c r="H1459" i="1"/>
  <c r="I1459" i="1"/>
  <c r="H1460" i="1"/>
  <c r="I1460" i="1"/>
  <c r="H1461" i="1"/>
  <c r="I1461" i="1"/>
  <c r="H1462" i="1"/>
  <c r="I1462" i="1"/>
  <c r="H1463" i="1"/>
  <c r="I1463" i="1"/>
  <c r="H1464" i="1"/>
  <c r="I1464" i="1"/>
  <c r="H1465" i="1"/>
  <c r="I1465" i="1"/>
  <c r="H1466" i="1"/>
  <c r="I1466" i="1"/>
  <c r="H1467" i="1"/>
  <c r="I1467" i="1"/>
  <c r="H1468" i="1"/>
  <c r="I1468" i="1"/>
  <c r="H1469" i="1"/>
  <c r="I1469" i="1"/>
  <c r="H1470" i="1"/>
  <c r="I1470" i="1"/>
  <c r="H1471" i="1"/>
  <c r="I1471" i="1"/>
  <c r="H1472" i="1"/>
  <c r="I1472" i="1"/>
  <c r="H1473" i="1"/>
  <c r="I1473" i="1"/>
  <c r="H1474" i="1"/>
  <c r="I1474" i="1"/>
  <c r="H1475" i="1"/>
  <c r="I1475" i="1"/>
  <c r="H1476" i="1"/>
  <c r="I1476" i="1"/>
  <c r="H1477" i="1"/>
  <c r="I1477" i="1"/>
  <c r="H1478" i="1"/>
  <c r="I1478" i="1"/>
  <c r="H1479" i="1"/>
  <c r="I1479" i="1"/>
  <c r="H1480" i="1"/>
  <c r="I1480" i="1"/>
  <c r="H1481" i="1"/>
  <c r="I1481" i="1"/>
  <c r="H1482" i="1"/>
  <c r="I1482" i="1"/>
  <c r="H1483" i="1"/>
  <c r="I1483" i="1"/>
  <c r="H1484" i="1"/>
  <c r="I1484" i="1"/>
  <c r="H1485" i="1"/>
  <c r="I1485" i="1"/>
  <c r="H1486" i="1"/>
  <c r="I1486" i="1"/>
  <c r="H1487" i="1"/>
  <c r="I1487" i="1"/>
  <c r="H1488" i="1"/>
  <c r="I1488" i="1"/>
  <c r="H1489" i="1"/>
  <c r="I1489" i="1"/>
  <c r="H1490" i="1"/>
  <c r="I1490" i="1"/>
  <c r="H1491" i="1"/>
  <c r="I1491" i="1"/>
  <c r="H1492" i="1"/>
  <c r="I1492" i="1"/>
  <c r="H1493" i="1"/>
  <c r="I1493" i="1"/>
  <c r="H1494" i="1"/>
  <c r="I1494" i="1"/>
  <c r="H1495" i="1"/>
  <c r="I1495" i="1"/>
  <c r="H1496" i="1"/>
  <c r="I1496" i="1"/>
  <c r="H1497" i="1"/>
  <c r="I1497" i="1"/>
  <c r="H1498" i="1"/>
  <c r="I1498" i="1"/>
  <c r="H1499" i="1"/>
  <c r="I1499" i="1"/>
  <c r="H1500" i="1"/>
  <c r="I1500" i="1"/>
  <c r="H1501" i="1"/>
  <c r="I1501" i="1"/>
  <c r="H1502" i="1"/>
  <c r="I1502" i="1"/>
  <c r="H1503" i="1"/>
  <c r="I1503" i="1"/>
  <c r="H1504" i="1"/>
  <c r="I1504" i="1"/>
  <c r="H1505" i="1"/>
  <c r="I1505" i="1"/>
  <c r="H1506" i="1"/>
  <c r="I1506" i="1"/>
  <c r="H1507" i="1"/>
  <c r="I1507" i="1"/>
  <c r="H1508" i="1"/>
  <c r="I1508" i="1"/>
  <c r="H1509" i="1"/>
  <c r="I1509" i="1"/>
  <c r="H1510" i="1"/>
  <c r="I1510" i="1"/>
  <c r="H1511" i="1"/>
  <c r="I1511" i="1"/>
  <c r="H1512" i="1"/>
  <c r="I1512" i="1"/>
  <c r="H1513" i="1"/>
  <c r="I1513" i="1"/>
  <c r="H1514" i="1"/>
  <c r="I1514" i="1"/>
  <c r="H1515" i="1"/>
  <c r="I1515" i="1"/>
  <c r="H1516" i="1"/>
  <c r="I1516" i="1"/>
  <c r="H1517" i="1"/>
  <c r="I1517" i="1"/>
  <c r="H1518" i="1"/>
  <c r="I1518" i="1"/>
  <c r="H1519" i="1"/>
  <c r="I1519" i="1"/>
  <c r="H1520" i="1"/>
  <c r="I1520" i="1"/>
  <c r="H1521" i="1"/>
  <c r="I1521" i="1"/>
  <c r="H1522" i="1"/>
  <c r="I1522" i="1"/>
  <c r="H1523" i="1"/>
  <c r="I1523" i="1"/>
  <c r="H1524" i="1"/>
  <c r="I1524" i="1"/>
  <c r="H1525" i="1"/>
  <c r="I1525" i="1"/>
  <c r="H1526" i="1"/>
  <c r="I1526" i="1"/>
  <c r="H1527" i="1"/>
  <c r="I1527" i="1"/>
  <c r="H1528" i="1"/>
  <c r="I1528" i="1"/>
  <c r="H1529" i="1"/>
  <c r="I1529" i="1"/>
  <c r="H1530" i="1"/>
  <c r="I1530" i="1"/>
  <c r="H1531" i="1"/>
  <c r="I1531" i="1"/>
  <c r="H1532" i="1"/>
  <c r="I1532" i="1"/>
  <c r="H1533" i="1"/>
  <c r="I1533" i="1"/>
  <c r="H1534" i="1"/>
  <c r="I1534" i="1"/>
  <c r="H1535" i="1"/>
  <c r="I1535" i="1"/>
  <c r="H1536" i="1"/>
  <c r="I1536" i="1"/>
  <c r="H1537" i="1"/>
  <c r="I1537" i="1"/>
  <c r="H1538" i="1"/>
  <c r="I1538" i="1"/>
  <c r="H1539" i="1"/>
  <c r="I1539" i="1"/>
  <c r="H1540" i="1"/>
  <c r="I1540" i="1"/>
  <c r="H1541" i="1"/>
  <c r="I1541" i="1"/>
  <c r="H1542" i="1"/>
  <c r="I1542" i="1"/>
  <c r="H1543" i="1"/>
  <c r="I1543" i="1"/>
  <c r="H1544" i="1"/>
  <c r="I1544" i="1"/>
  <c r="H1545" i="1"/>
  <c r="I1545" i="1"/>
  <c r="H1546" i="1"/>
  <c r="I1546" i="1"/>
  <c r="H1547" i="1"/>
  <c r="I1547" i="1"/>
  <c r="H1548" i="1"/>
  <c r="I1548" i="1"/>
  <c r="H1549" i="1"/>
  <c r="I1549" i="1"/>
  <c r="H1550" i="1"/>
  <c r="I1550" i="1"/>
  <c r="H1551" i="1"/>
  <c r="I1551" i="1"/>
  <c r="H1552" i="1"/>
  <c r="I1552" i="1"/>
  <c r="H1553" i="1"/>
  <c r="I1553" i="1"/>
  <c r="H1554" i="1"/>
  <c r="I1554" i="1"/>
  <c r="H1555" i="1"/>
  <c r="I1555" i="1"/>
  <c r="H1556" i="1"/>
  <c r="I1556" i="1"/>
  <c r="H1557" i="1"/>
  <c r="I1557" i="1"/>
  <c r="H1558" i="1"/>
  <c r="I1558" i="1"/>
  <c r="H1559" i="1"/>
  <c r="I1559" i="1"/>
  <c r="H1560" i="1"/>
  <c r="I1560" i="1"/>
  <c r="H1561" i="1"/>
  <c r="I1561" i="1"/>
  <c r="H1562" i="1"/>
  <c r="I1562" i="1"/>
  <c r="H1563" i="1"/>
  <c r="I1563" i="1"/>
  <c r="H1564" i="1"/>
  <c r="I1564" i="1"/>
  <c r="H1565" i="1"/>
  <c r="I1565" i="1"/>
  <c r="H1566" i="1"/>
  <c r="I1566" i="1"/>
  <c r="H1567" i="1"/>
  <c r="I1567" i="1"/>
  <c r="H1568" i="1"/>
  <c r="I1568" i="1"/>
  <c r="H1569" i="1"/>
  <c r="I1569" i="1"/>
  <c r="H1570" i="1"/>
  <c r="I1570" i="1"/>
  <c r="H1571" i="1"/>
  <c r="I1571" i="1"/>
  <c r="H1572" i="1"/>
  <c r="I1572" i="1"/>
  <c r="H1573" i="1"/>
  <c r="I1573" i="1"/>
  <c r="H1574" i="1"/>
  <c r="I1574" i="1"/>
  <c r="H1575" i="1"/>
  <c r="I1575" i="1"/>
  <c r="H1576" i="1"/>
  <c r="I1576" i="1"/>
  <c r="H1577" i="1"/>
  <c r="I1577" i="1"/>
  <c r="H1578" i="1"/>
  <c r="I1578" i="1"/>
  <c r="H1579" i="1"/>
  <c r="I1579" i="1"/>
  <c r="H1580" i="1"/>
  <c r="I1580" i="1"/>
  <c r="H1581" i="1"/>
  <c r="I1581" i="1"/>
  <c r="H1582" i="1"/>
  <c r="I1582" i="1"/>
  <c r="H1583" i="1"/>
  <c r="I1583" i="1"/>
  <c r="H1584" i="1"/>
  <c r="I1584" i="1"/>
  <c r="H1585" i="1"/>
  <c r="I1585" i="1"/>
  <c r="H1586" i="1"/>
  <c r="I1586" i="1"/>
  <c r="H1587" i="1"/>
  <c r="I1587" i="1"/>
  <c r="H1588" i="1"/>
  <c r="I1588" i="1"/>
  <c r="H1589" i="1"/>
  <c r="I1589" i="1"/>
  <c r="H1590" i="1"/>
  <c r="I1590" i="1"/>
  <c r="H1591" i="1"/>
  <c r="I1591" i="1"/>
  <c r="H1592" i="1"/>
  <c r="I1592" i="1"/>
  <c r="H1593" i="1"/>
  <c r="I1593" i="1"/>
  <c r="H1594" i="1"/>
  <c r="I1594" i="1"/>
  <c r="H1595" i="1"/>
  <c r="I1595" i="1"/>
  <c r="H1596" i="1"/>
  <c r="I1596" i="1"/>
  <c r="H1597" i="1"/>
  <c r="I1597" i="1"/>
  <c r="H1598" i="1"/>
  <c r="I1598" i="1"/>
  <c r="H1599" i="1"/>
  <c r="I1599" i="1"/>
  <c r="H1600" i="1"/>
  <c r="I1600" i="1"/>
  <c r="H1601" i="1"/>
  <c r="I1601" i="1"/>
  <c r="H1602" i="1"/>
  <c r="I1602" i="1"/>
  <c r="H1603" i="1"/>
  <c r="I1603" i="1"/>
  <c r="H1604" i="1"/>
  <c r="I1604" i="1"/>
  <c r="H1605" i="1"/>
  <c r="I1605" i="1"/>
  <c r="H1606" i="1"/>
  <c r="I1606" i="1"/>
  <c r="H1607" i="1"/>
  <c r="I1607" i="1"/>
  <c r="H1608" i="1"/>
  <c r="I1608" i="1"/>
  <c r="H1609" i="1"/>
  <c r="I1609" i="1"/>
  <c r="H1610" i="1"/>
  <c r="I1610" i="1"/>
  <c r="H1611" i="1"/>
  <c r="I1611" i="1"/>
  <c r="H1612" i="1"/>
  <c r="I1612" i="1"/>
  <c r="H1613" i="1"/>
  <c r="I1613" i="1"/>
  <c r="H1614" i="1"/>
  <c r="I1614" i="1"/>
  <c r="H1615" i="1"/>
  <c r="I1615" i="1"/>
  <c r="H1616" i="1"/>
  <c r="I1616" i="1"/>
  <c r="H1617" i="1"/>
  <c r="I1617" i="1"/>
  <c r="H1618" i="1"/>
  <c r="I1618" i="1"/>
  <c r="H1619" i="1"/>
  <c r="I1619" i="1"/>
  <c r="H1620" i="1"/>
  <c r="I1620" i="1"/>
  <c r="H1621" i="1"/>
  <c r="I1621" i="1"/>
  <c r="H1622" i="1"/>
  <c r="I1622" i="1"/>
  <c r="H1623" i="1"/>
  <c r="I1623" i="1"/>
  <c r="H1624" i="1"/>
  <c r="I1624" i="1"/>
  <c r="H1625" i="1"/>
  <c r="I1625" i="1"/>
  <c r="H1626" i="1"/>
  <c r="I1626" i="1"/>
  <c r="H1627" i="1"/>
  <c r="I1627" i="1"/>
  <c r="H1628" i="1"/>
  <c r="I1628" i="1"/>
  <c r="H1629" i="1"/>
  <c r="I1629" i="1"/>
  <c r="H1630" i="1"/>
  <c r="I1630" i="1"/>
  <c r="H1631" i="1"/>
  <c r="I1631" i="1"/>
  <c r="H1632" i="1"/>
  <c r="I1632" i="1"/>
  <c r="H1633" i="1"/>
  <c r="I1633" i="1"/>
  <c r="H1634" i="1"/>
  <c r="I1634" i="1"/>
  <c r="H1635" i="1"/>
  <c r="I1635" i="1"/>
  <c r="H1636" i="1"/>
  <c r="I1636" i="1"/>
  <c r="H1637" i="1"/>
  <c r="I1637" i="1"/>
  <c r="H1638" i="1"/>
  <c r="I1638" i="1"/>
  <c r="H1639" i="1"/>
  <c r="I1639" i="1"/>
  <c r="H1640" i="1"/>
  <c r="I1640" i="1"/>
  <c r="H1641" i="1"/>
  <c r="I1641" i="1"/>
  <c r="H1642" i="1"/>
  <c r="I1642" i="1"/>
  <c r="H1643" i="1"/>
  <c r="I1643" i="1"/>
  <c r="H1644" i="1"/>
  <c r="I1644" i="1"/>
  <c r="H1645" i="1"/>
  <c r="I1645" i="1"/>
  <c r="H1646" i="1"/>
  <c r="I1646" i="1"/>
  <c r="H1647" i="1"/>
  <c r="I1647" i="1"/>
  <c r="H1648" i="1"/>
  <c r="I1648" i="1"/>
  <c r="H1649" i="1"/>
  <c r="I1649" i="1"/>
  <c r="H1650" i="1"/>
  <c r="I1650" i="1"/>
  <c r="H1651" i="1"/>
  <c r="I1651" i="1"/>
  <c r="H1652" i="1"/>
  <c r="I1652" i="1"/>
  <c r="H1653" i="1"/>
  <c r="I1653" i="1"/>
  <c r="H1654" i="1"/>
  <c r="I1654" i="1"/>
  <c r="H1655" i="1"/>
  <c r="I1655" i="1"/>
  <c r="H1656" i="1"/>
  <c r="I1656" i="1"/>
  <c r="H1657" i="1"/>
  <c r="I1657" i="1"/>
  <c r="H1658" i="1"/>
  <c r="I1658" i="1"/>
  <c r="H1659" i="1"/>
  <c r="I1659" i="1"/>
  <c r="H1660" i="1"/>
  <c r="I1660" i="1"/>
  <c r="H1661" i="1"/>
  <c r="I1661" i="1"/>
  <c r="H1662" i="1"/>
  <c r="I1662" i="1"/>
  <c r="H1663" i="1"/>
  <c r="I1663" i="1"/>
  <c r="H1664" i="1"/>
  <c r="I1664" i="1"/>
  <c r="H1665" i="1"/>
  <c r="I1665" i="1"/>
  <c r="H1666" i="1"/>
  <c r="I1666" i="1"/>
  <c r="H1667" i="1"/>
  <c r="I1667" i="1"/>
  <c r="H1668" i="1"/>
  <c r="I1668" i="1"/>
  <c r="H1669" i="1"/>
  <c r="I1669" i="1"/>
  <c r="H1670" i="1"/>
  <c r="I1670" i="1"/>
  <c r="H1671" i="1"/>
  <c r="I1671" i="1"/>
  <c r="H1672" i="1"/>
  <c r="I1672" i="1"/>
  <c r="H1673" i="1"/>
  <c r="I1673" i="1"/>
  <c r="H1674" i="1"/>
  <c r="I1674" i="1"/>
  <c r="H1675" i="1"/>
  <c r="I1675" i="1"/>
  <c r="H1676" i="1"/>
  <c r="I1676" i="1"/>
  <c r="H1677" i="1"/>
  <c r="I1677" i="1"/>
  <c r="H1678" i="1"/>
  <c r="I1678" i="1"/>
  <c r="H1679" i="1"/>
  <c r="I1679" i="1"/>
  <c r="H1680" i="1"/>
  <c r="I1680" i="1"/>
  <c r="H1681" i="1"/>
  <c r="I1681" i="1"/>
  <c r="H1682" i="1"/>
  <c r="I1682" i="1"/>
  <c r="H1683" i="1"/>
  <c r="I1683" i="1"/>
  <c r="H1684" i="1"/>
  <c r="I1684" i="1"/>
  <c r="H1685" i="1"/>
  <c r="I1685" i="1"/>
  <c r="H1686" i="1"/>
  <c r="I1686" i="1"/>
  <c r="H1687" i="1"/>
  <c r="I1687" i="1"/>
  <c r="H1688" i="1"/>
  <c r="I1688" i="1"/>
  <c r="H1689" i="1"/>
  <c r="I1689" i="1"/>
  <c r="H1690" i="1"/>
  <c r="I1690" i="1"/>
  <c r="H1691" i="1"/>
  <c r="I1691" i="1"/>
  <c r="H1692" i="1"/>
  <c r="I1692" i="1"/>
  <c r="H1693" i="1"/>
  <c r="I1693" i="1"/>
  <c r="H1694" i="1"/>
  <c r="I1694" i="1"/>
  <c r="H1695" i="1"/>
  <c r="I1695" i="1"/>
  <c r="H1696" i="1"/>
  <c r="I1696" i="1"/>
  <c r="H1697" i="1"/>
  <c r="I1697" i="1"/>
  <c r="H1698" i="1"/>
  <c r="I1698" i="1"/>
  <c r="H1699" i="1"/>
  <c r="I1699" i="1"/>
  <c r="H1700" i="1"/>
  <c r="I1700" i="1"/>
  <c r="H1701" i="1"/>
  <c r="I1701" i="1"/>
  <c r="H1702" i="1"/>
  <c r="I1702" i="1"/>
  <c r="H1703" i="1"/>
  <c r="I1703" i="1"/>
  <c r="H1704" i="1"/>
  <c r="I1704" i="1"/>
  <c r="H1705" i="1"/>
  <c r="I1705" i="1"/>
  <c r="H1706" i="1"/>
  <c r="I1706" i="1"/>
  <c r="H1707" i="1"/>
  <c r="I1707" i="1"/>
  <c r="H1708" i="1"/>
  <c r="I1708" i="1"/>
  <c r="H1709" i="1"/>
  <c r="I1709" i="1"/>
  <c r="H1710" i="1"/>
  <c r="I1710" i="1"/>
  <c r="H1711" i="1"/>
  <c r="I1711" i="1"/>
  <c r="H1712" i="1"/>
  <c r="I1712" i="1"/>
  <c r="H1713" i="1"/>
  <c r="I1713" i="1"/>
  <c r="H1714" i="1"/>
  <c r="I1714" i="1"/>
  <c r="H1715" i="1"/>
  <c r="I1715" i="1"/>
  <c r="H1716" i="1"/>
  <c r="I1716" i="1"/>
  <c r="H1717" i="1"/>
  <c r="I1717" i="1"/>
  <c r="H1718" i="1"/>
  <c r="I1718" i="1"/>
  <c r="H1719" i="1"/>
  <c r="I1719" i="1"/>
  <c r="H1720" i="1"/>
  <c r="I1720" i="1"/>
  <c r="H1721" i="1"/>
  <c r="I1721" i="1"/>
  <c r="H1722" i="1"/>
  <c r="I1722" i="1"/>
  <c r="H1723" i="1"/>
  <c r="I1723" i="1"/>
  <c r="H1724" i="1"/>
  <c r="I1724" i="1"/>
  <c r="H1725" i="1"/>
  <c r="I1725" i="1"/>
  <c r="H1726" i="1"/>
  <c r="I1726" i="1"/>
  <c r="H1727" i="1"/>
  <c r="I1727" i="1"/>
  <c r="H1728" i="1"/>
  <c r="I1728" i="1"/>
  <c r="H1729" i="1"/>
  <c r="I1729" i="1"/>
  <c r="H1730" i="1"/>
  <c r="I1730" i="1"/>
  <c r="H1731" i="1"/>
  <c r="I1731" i="1"/>
  <c r="H1732" i="1"/>
  <c r="I1732" i="1"/>
  <c r="H1733" i="1"/>
  <c r="I1733" i="1"/>
  <c r="H1734" i="1"/>
  <c r="I1734" i="1"/>
  <c r="H1735" i="1"/>
  <c r="I1735" i="1"/>
  <c r="H1736" i="1"/>
  <c r="I1736" i="1"/>
  <c r="H1737" i="1"/>
  <c r="I1737" i="1"/>
  <c r="H1738" i="1"/>
  <c r="I1738" i="1"/>
  <c r="H1739" i="1"/>
  <c r="I1739" i="1"/>
  <c r="H1740" i="1"/>
  <c r="I1740" i="1"/>
  <c r="H1741" i="1"/>
  <c r="I1741" i="1"/>
  <c r="H1742" i="1"/>
  <c r="I1742" i="1"/>
  <c r="H1743" i="1"/>
  <c r="I1743" i="1"/>
  <c r="H1744" i="1"/>
  <c r="I1744" i="1"/>
  <c r="H1745" i="1"/>
  <c r="I1745" i="1"/>
  <c r="H1746" i="1"/>
  <c r="I1746" i="1"/>
  <c r="H1747" i="1"/>
  <c r="I1747" i="1"/>
  <c r="H1748" i="1"/>
  <c r="I1748" i="1"/>
  <c r="H1749" i="1"/>
  <c r="I1749" i="1"/>
  <c r="H1750" i="1"/>
  <c r="I1750" i="1"/>
  <c r="H1751" i="1"/>
  <c r="I1751" i="1"/>
  <c r="H1752" i="1"/>
  <c r="I1752" i="1"/>
  <c r="H1753" i="1"/>
  <c r="I1753" i="1"/>
  <c r="H1754" i="1"/>
  <c r="I1754" i="1"/>
  <c r="H1755" i="1"/>
  <c r="I1755" i="1"/>
  <c r="H1756" i="1"/>
  <c r="I1756" i="1"/>
  <c r="H1757" i="1"/>
  <c r="I1757" i="1"/>
  <c r="H1758" i="1"/>
  <c r="I1758" i="1"/>
  <c r="H1759" i="1"/>
  <c r="I1759" i="1"/>
  <c r="H1760" i="1"/>
  <c r="I1760" i="1"/>
  <c r="H1761" i="1"/>
  <c r="I1761" i="1"/>
  <c r="H1762" i="1"/>
  <c r="I1762" i="1"/>
  <c r="H1763" i="1"/>
  <c r="I1763" i="1"/>
  <c r="H1764" i="1"/>
  <c r="I1764" i="1"/>
  <c r="H1765" i="1"/>
  <c r="I1765" i="1"/>
  <c r="H1766" i="1"/>
  <c r="I1766" i="1"/>
  <c r="H1767" i="1"/>
  <c r="I1767" i="1"/>
  <c r="H1768" i="1"/>
  <c r="I1768" i="1"/>
  <c r="H1769" i="1"/>
  <c r="I1769" i="1"/>
  <c r="H1770" i="1"/>
  <c r="I1770" i="1"/>
  <c r="H1771" i="1"/>
  <c r="I1771" i="1"/>
  <c r="H1772" i="1"/>
  <c r="I1772" i="1"/>
  <c r="H1773" i="1"/>
  <c r="I1773" i="1"/>
  <c r="H1774" i="1"/>
  <c r="I1774" i="1"/>
  <c r="H1775" i="1"/>
  <c r="I1775" i="1"/>
  <c r="H1776" i="1"/>
  <c r="I1776" i="1"/>
  <c r="H1777" i="1"/>
  <c r="I1777" i="1"/>
  <c r="H1778" i="1"/>
  <c r="I1778" i="1"/>
  <c r="H1779" i="1"/>
  <c r="I1779" i="1"/>
  <c r="H1780" i="1"/>
  <c r="I1780" i="1"/>
  <c r="H1781" i="1"/>
  <c r="I1781" i="1"/>
  <c r="H1782" i="1"/>
  <c r="I1782" i="1"/>
  <c r="H1783" i="1"/>
  <c r="I1783" i="1"/>
  <c r="H1784" i="1"/>
  <c r="I1784" i="1"/>
  <c r="H1785" i="1"/>
  <c r="I1785" i="1"/>
  <c r="H1786" i="1"/>
  <c r="I1786" i="1"/>
  <c r="H1787" i="1"/>
  <c r="I1787" i="1"/>
  <c r="H1788" i="1"/>
  <c r="I1788" i="1"/>
  <c r="H1789" i="1"/>
  <c r="I1789" i="1"/>
  <c r="H1790" i="1"/>
  <c r="I1790" i="1"/>
  <c r="H1791" i="1"/>
  <c r="I1791" i="1"/>
  <c r="H1792" i="1"/>
  <c r="I1792" i="1"/>
  <c r="H1793" i="1"/>
  <c r="I1793" i="1"/>
  <c r="H1794" i="1"/>
  <c r="I1794" i="1"/>
  <c r="H1795" i="1"/>
  <c r="I1795" i="1"/>
  <c r="H1796" i="1"/>
  <c r="I1796" i="1"/>
  <c r="H1797" i="1"/>
  <c r="I1797" i="1"/>
  <c r="H1798" i="1"/>
  <c r="I1798" i="1"/>
  <c r="H1799" i="1"/>
  <c r="I1799" i="1"/>
  <c r="H1800" i="1"/>
  <c r="I1800" i="1"/>
  <c r="H1801" i="1"/>
  <c r="I1801" i="1"/>
  <c r="H1802" i="1"/>
  <c r="I1802" i="1"/>
  <c r="H1803" i="1"/>
  <c r="I1803" i="1"/>
  <c r="H1804" i="1"/>
  <c r="I1804" i="1"/>
  <c r="H1805" i="1"/>
  <c r="I1805" i="1"/>
  <c r="H1806" i="1"/>
  <c r="I1806" i="1"/>
  <c r="H1807" i="1"/>
  <c r="I1807" i="1"/>
  <c r="H1808" i="1"/>
  <c r="I1808" i="1"/>
  <c r="H1809" i="1"/>
  <c r="I1809" i="1"/>
  <c r="H1810" i="1"/>
  <c r="I1810" i="1"/>
  <c r="H1811" i="1"/>
  <c r="I1811" i="1"/>
  <c r="H1812" i="1"/>
  <c r="I1812" i="1"/>
  <c r="H1813" i="1"/>
  <c r="I1813" i="1"/>
  <c r="H1814" i="1"/>
  <c r="I1814" i="1"/>
  <c r="H1815" i="1"/>
  <c r="I1815" i="1"/>
  <c r="H1816" i="1"/>
  <c r="I1816" i="1"/>
  <c r="H1817" i="1"/>
  <c r="I1817" i="1"/>
  <c r="H1818" i="1"/>
  <c r="I1818" i="1"/>
  <c r="H1819" i="1"/>
  <c r="I1819" i="1"/>
  <c r="H1820" i="1"/>
  <c r="I1820" i="1"/>
  <c r="H1821" i="1"/>
  <c r="I1821" i="1"/>
  <c r="H1822" i="1"/>
  <c r="I1822" i="1"/>
  <c r="H1823" i="1"/>
  <c r="I1823" i="1"/>
  <c r="H1824" i="1"/>
  <c r="I1824" i="1"/>
  <c r="H1825" i="1"/>
  <c r="I1825" i="1"/>
  <c r="H1826" i="1"/>
  <c r="I1826" i="1"/>
  <c r="H1827" i="1"/>
  <c r="I1827" i="1"/>
  <c r="H1828" i="1"/>
  <c r="I1828" i="1"/>
  <c r="H1829" i="1"/>
  <c r="I1829" i="1"/>
  <c r="H1830" i="1"/>
  <c r="I1830" i="1"/>
  <c r="H1831" i="1"/>
  <c r="I1831" i="1"/>
  <c r="H1832" i="1"/>
  <c r="I1832" i="1"/>
  <c r="H1833" i="1"/>
  <c r="I1833" i="1"/>
  <c r="H1834" i="1"/>
  <c r="I1834" i="1"/>
  <c r="H1835" i="1"/>
  <c r="I1835" i="1"/>
  <c r="H1836" i="1"/>
  <c r="I1836" i="1"/>
  <c r="H1837" i="1"/>
  <c r="I1837" i="1"/>
  <c r="H1838" i="1"/>
  <c r="I1838" i="1"/>
  <c r="H1839" i="1"/>
  <c r="I1839" i="1"/>
  <c r="H1840" i="1"/>
  <c r="I1840" i="1"/>
  <c r="H1841" i="1"/>
  <c r="I1841" i="1"/>
  <c r="H1842" i="1"/>
  <c r="I1842" i="1"/>
  <c r="H1843" i="1"/>
  <c r="I1843" i="1"/>
  <c r="H1844" i="1"/>
  <c r="I1844" i="1"/>
  <c r="H1845" i="1"/>
  <c r="I1845" i="1"/>
  <c r="H1846" i="1"/>
  <c r="I1846" i="1"/>
  <c r="H1847" i="1"/>
  <c r="I1847" i="1"/>
  <c r="H1848" i="1"/>
  <c r="I1848" i="1"/>
  <c r="H1849" i="1"/>
  <c r="I1849" i="1"/>
  <c r="H1850" i="1"/>
  <c r="I1850" i="1"/>
  <c r="H1851" i="1"/>
  <c r="I1851" i="1"/>
  <c r="H1852" i="1"/>
  <c r="I1852" i="1"/>
  <c r="H1853" i="1"/>
  <c r="I1853" i="1"/>
  <c r="H1854" i="1"/>
  <c r="I1854" i="1"/>
  <c r="H1855" i="1"/>
  <c r="I1855" i="1"/>
  <c r="H1856" i="1"/>
  <c r="I1856" i="1"/>
  <c r="H1857" i="1"/>
  <c r="I1857" i="1"/>
  <c r="H1858" i="1"/>
  <c r="I1858" i="1"/>
  <c r="H1859" i="1"/>
  <c r="I1859" i="1"/>
  <c r="H1860" i="1"/>
  <c r="I1860" i="1"/>
  <c r="H1861" i="1"/>
  <c r="I1861" i="1"/>
  <c r="H1862" i="1"/>
  <c r="I1862" i="1"/>
  <c r="H1863" i="1"/>
  <c r="I1863" i="1"/>
  <c r="H1864" i="1"/>
  <c r="I1864" i="1"/>
  <c r="H1865" i="1"/>
  <c r="I1865" i="1"/>
  <c r="H1866" i="1"/>
  <c r="I1866" i="1"/>
  <c r="H1867" i="1"/>
  <c r="I1867" i="1"/>
  <c r="H1868" i="1"/>
  <c r="I1868" i="1"/>
  <c r="H1869" i="1"/>
  <c r="I1869" i="1"/>
  <c r="H1870" i="1"/>
  <c r="I1870" i="1"/>
  <c r="H1871" i="1"/>
  <c r="I1871" i="1"/>
  <c r="H1872" i="1"/>
  <c r="I1872" i="1"/>
  <c r="H1873" i="1"/>
  <c r="I1873" i="1"/>
  <c r="H1874" i="1"/>
  <c r="I1874" i="1"/>
  <c r="H1875" i="1"/>
  <c r="I1875" i="1"/>
  <c r="H1876" i="1"/>
  <c r="I1876" i="1"/>
  <c r="H1877" i="1"/>
  <c r="I1877" i="1"/>
  <c r="H1878" i="1"/>
  <c r="I1878" i="1"/>
  <c r="H1879" i="1"/>
  <c r="I1879" i="1"/>
  <c r="H1880" i="1"/>
  <c r="I1880" i="1"/>
  <c r="H1881" i="1"/>
  <c r="I1881" i="1"/>
  <c r="H1882" i="1"/>
  <c r="I1882" i="1"/>
  <c r="H1883" i="1"/>
  <c r="I1883" i="1"/>
  <c r="H1884" i="1"/>
  <c r="I1884" i="1"/>
  <c r="H1885" i="1"/>
  <c r="I1885" i="1"/>
  <c r="H1886" i="1"/>
  <c r="I1886" i="1"/>
  <c r="H1887" i="1"/>
  <c r="I1887" i="1"/>
  <c r="H1888" i="1"/>
  <c r="I1888" i="1"/>
  <c r="H1889" i="1"/>
  <c r="I1889" i="1"/>
  <c r="H1890" i="1"/>
  <c r="I1890" i="1"/>
  <c r="H1891" i="1"/>
  <c r="I1891" i="1"/>
  <c r="H1892" i="1"/>
  <c r="I1892" i="1"/>
  <c r="H1893" i="1"/>
  <c r="I1893" i="1"/>
  <c r="H1894" i="1"/>
  <c r="I1894" i="1"/>
  <c r="H1895" i="1"/>
  <c r="I1895" i="1"/>
  <c r="H1896" i="1"/>
  <c r="I1896" i="1"/>
  <c r="H1897" i="1"/>
  <c r="I1897" i="1"/>
  <c r="H1898" i="1"/>
  <c r="I1898" i="1"/>
  <c r="H1899" i="1"/>
  <c r="I1899" i="1"/>
  <c r="H1900" i="1"/>
  <c r="I1900" i="1"/>
  <c r="H1901" i="1"/>
  <c r="I1901" i="1"/>
  <c r="H1902" i="1"/>
  <c r="I1902" i="1"/>
  <c r="H1903" i="1"/>
  <c r="I1903" i="1"/>
  <c r="H1904" i="1"/>
  <c r="I1904" i="1"/>
  <c r="H1905" i="1"/>
  <c r="I1905" i="1"/>
  <c r="H1906" i="1"/>
  <c r="I1906" i="1"/>
  <c r="H1907" i="1"/>
  <c r="I1907" i="1"/>
  <c r="H1908" i="1"/>
  <c r="I1908" i="1"/>
  <c r="H1909" i="1"/>
  <c r="I1909" i="1"/>
  <c r="H1910" i="1"/>
  <c r="I1910" i="1"/>
  <c r="H1911" i="1"/>
  <c r="I1911" i="1"/>
  <c r="H1912" i="1"/>
  <c r="I1912" i="1"/>
  <c r="H1913" i="1"/>
  <c r="I1913" i="1"/>
  <c r="H1914" i="1"/>
  <c r="I1914" i="1"/>
  <c r="H1915" i="1"/>
  <c r="I1915" i="1"/>
  <c r="H1916" i="1"/>
  <c r="I1916" i="1"/>
  <c r="H1917" i="1"/>
  <c r="I1917" i="1"/>
  <c r="H1918" i="1"/>
  <c r="I1918" i="1"/>
  <c r="H1919" i="1"/>
  <c r="I1919" i="1"/>
  <c r="H1920" i="1"/>
  <c r="I1920" i="1"/>
  <c r="H1921" i="1"/>
  <c r="I1921" i="1"/>
  <c r="H1922" i="1"/>
  <c r="I1922" i="1"/>
  <c r="H1923" i="1"/>
  <c r="I1923" i="1"/>
  <c r="H1924" i="1"/>
  <c r="I1924" i="1"/>
  <c r="H1925" i="1"/>
  <c r="I1925" i="1"/>
  <c r="H1926" i="1"/>
  <c r="I1926" i="1"/>
  <c r="H1927" i="1"/>
  <c r="I1927" i="1"/>
  <c r="H1928" i="1"/>
  <c r="I1928" i="1"/>
  <c r="H1929" i="1"/>
  <c r="I1929" i="1"/>
  <c r="H1930" i="1"/>
  <c r="I1930" i="1"/>
  <c r="H1931" i="1"/>
  <c r="I1931" i="1"/>
  <c r="H1932" i="1"/>
  <c r="I1932" i="1"/>
  <c r="H1933" i="1"/>
  <c r="I1933" i="1"/>
  <c r="H1934" i="1"/>
  <c r="I1934" i="1"/>
  <c r="H1935" i="1"/>
  <c r="I1935" i="1"/>
  <c r="H1936" i="1"/>
  <c r="I1936" i="1"/>
  <c r="H1937" i="1"/>
  <c r="I1937" i="1"/>
  <c r="H1938" i="1"/>
  <c r="I1938" i="1"/>
  <c r="H1939" i="1"/>
  <c r="I1939" i="1"/>
  <c r="H1940" i="1"/>
  <c r="I1940" i="1"/>
  <c r="H1941" i="1"/>
  <c r="I1941" i="1"/>
  <c r="H1942" i="1"/>
  <c r="I1942" i="1"/>
  <c r="H1943" i="1"/>
  <c r="I1943" i="1"/>
  <c r="H1944" i="1"/>
  <c r="I1944" i="1"/>
  <c r="H1945" i="1"/>
  <c r="I1945" i="1"/>
  <c r="H1946" i="1"/>
  <c r="I1946" i="1"/>
  <c r="H1947" i="1"/>
  <c r="I1947" i="1"/>
  <c r="H1948" i="1"/>
  <c r="I1948" i="1"/>
  <c r="H1949" i="1"/>
  <c r="I1949" i="1"/>
  <c r="H1950" i="1"/>
  <c r="I1950" i="1"/>
  <c r="H1951" i="1"/>
  <c r="I1951" i="1"/>
  <c r="H1952" i="1"/>
  <c r="I1952" i="1"/>
  <c r="H1953" i="1"/>
  <c r="I1953" i="1"/>
  <c r="H1954" i="1"/>
  <c r="I1954" i="1"/>
  <c r="H1955" i="1"/>
  <c r="I1955" i="1"/>
  <c r="H1956" i="1"/>
  <c r="I1956" i="1"/>
  <c r="H1957" i="1"/>
  <c r="I1957" i="1"/>
  <c r="H1958" i="1"/>
  <c r="I1958" i="1"/>
  <c r="H1959" i="1"/>
  <c r="I1959" i="1"/>
  <c r="H1960" i="1"/>
  <c r="I1960" i="1"/>
  <c r="H1961" i="1"/>
  <c r="I1961" i="1"/>
  <c r="H1962" i="1"/>
  <c r="I1962" i="1"/>
  <c r="H1963" i="1"/>
  <c r="I1963" i="1"/>
  <c r="H1964" i="1"/>
  <c r="I1964" i="1"/>
  <c r="H1965" i="1"/>
  <c r="I1965" i="1"/>
  <c r="H1966" i="1"/>
  <c r="I1966" i="1"/>
  <c r="H1967" i="1"/>
  <c r="I1967" i="1"/>
  <c r="H1968" i="1"/>
  <c r="I1968" i="1"/>
  <c r="H1969" i="1"/>
  <c r="I1969" i="1"/>
  <c r="H1970" i="1"/>
  <c r="I1970" i="1"/>
  <c r="H1971" i="1"/>
  <c r="I1971" i="1"/>
  <c r="H1972" i="1"/>
  <c r="I1972" i="1"/>
  <c r="H1973" i="1"/>
  <c r="I1973" i="1"/>
  <c r="H1974" i="1"/>
  <c r="I1974" i="1"/>
  <c r="H1975" i="1"/>
  <c r="I1975" i="1"/>
  <c r="H1976" i="1"/>
  <c r="I1976" i="1"/>
  <c r="H1977" i="1"/>
  <c r="I1977" i="1"/>
  <c r="H1978" i="1"/>
  <c r="I1978" i="1"/>
  <c r="H1979" i="1"/>
  <c r="I1979" i="1"/>
  <c r="H1980" i="1"/>
  <c r="I1980" i="1"/>
  <c r="H1981" i="1"/>
  <c r="I1981" i="1"/>
  <c r="H1982" i="1"/>
  <c r="I1982" i="1"/>
  <c r="H1983" i="1"/>
  <c r="I1983" i="1"/>
  <c r="H1984" i="1"/>
  <c r="I1984" i="1"/>
  <c r="H1985" i="1"/>
  <c r="I1985" i="1"/>
  <c r="H1986" i="1"/>
  <c r="I1986" i="1"/>
  <c r="H1987" i="1"/>
  <c r="I1987" i="1"/>
  <c r="H1988" i="1"/>
  <c r="I1988" i="1"/>
  <c r="H1989" i="1"/>
  <c r="I1989" i="1"/>
  <c r="H1990" i="1"/>
  <c r="I1990" i="1"/>
  <c r="H1991" i="1"/>
  <c r="I1991" i="1"/>
  <c r="H1992" i="1"/>
  <c r="I1992" i="1"/>
  <c r="H1993" i="1"/>
  <c r="I1993" i="1"/>
  <c r="H1994" i="1"/>
  <c r="I1994" i="1"/>
  <c r="H1995" i="1"/>
  <c r="I1995" i="1"/>
  <c r="H1996" i="1"/>
  <c r="I1996" i="1"/>
  <c r="H1997" i="1"/>
  <c r="I1997" i="1"/>
  <c r="H1998" i="1"/>
  <c r="I1998" i="1"/>
  <c r="H1999" i="1"/>
  <c r="I1999" i="1"/>
  <c r="H2000" i="1"/>
  <c r="I2000" i="1"/>
  <c r="H2001" i="1"/>
  <c r="I2001" i="1"/>
  <c r="H2002" i="1"/>
  <c r="I2002" i="1"/>
  <c r="H2003" i="1"/>
  <c r="I2003" i="1"/>
  <c r="H2004" i="1"/>
  <c r="I2004" i="1"/>
  <c r="H2005" i="1"/>
  <c r="I2005" i="1"/>
  <c r="H2006" i="1"/>
  <c r="I2006" i="1"/>
  <c r="H2007" i="1"/>
  <c r="I2007" i="1"/>
  <c r="H2008" i="1"/>
  <c r="I2008" i="1"/>
  <c r="H2009" i="1"/>
  <c r="I2009" i="1"/>
  <c r="H2010" i="1"/>
  <c r="I2010" i="1"/>
  <c r="H2011" i="1"/>
  <c r="I2011" i="1"/>
  <c r="H2012" i="1"/>
  <c r="I2012" i="1"/>
  <c r="H2013" i="1"/>
  <c r="I2013" i="1"/>
  <c r="H2014" i="1"/>
  <c r="I2014" i="1"/>
  <c r="H2015" i="1"/>
  <c r="I2015" i="1"/>
  <c r="H2016" i="1"/>
  <c r="I2016" i="1"/>
  <c r="H2017" i="1"/>
  <c r="I2017" i="1"/>
  <c r="H2018" i="1"/>
  <c r="I2018" i="1"/>
  <c r="H2019" i="1"/>
  <c r="I2019" i="1"/>
  <c r="H2020" i="1"/>
  <c r="I2020" i="1"/>
  <c r="H2021" i="1"/>
  <c r="I2021" i="1"/>
  <c r="H2022" i="1"/>
  <c r="I2022" i="1"/>
  <c r="H2023" i="1"/>
  <c r="I2023" i="1"/>
  <c r="H2024" i="1"/>
  <c r="I2024" i="1"/>
  <c r="H2025" i="1"/>
  <c r="I2025" i="1"/>
  <c r="H2026" i="1"/>
  <c r="I2026" i="1"/>
  <c r="H2027" i="1"/>
  <c r="I2027" i="1"/>
  <c r="H2028" i="1"/>
  <c r="I2028" i="1"/>
  <c r="H2029" i="1"/>
  <c r="I2029" i="1"/>
  <c r="H2030" i="1"/>
  <c r="I2030" i="1"/>
  <c r="H2031" i="1"/>
  <c r="I2031" i="1"/>
  <c r="H2032" i="1"/>
  <c r="I2032" i="1"/>
  <c r="H2033" i="1"/>
  <c r="I2033" i="1"/>
  <c r="H2034" i="1"/>
  <c r="I2034" i="1"/>
  <c r="H2035" i="1"/>
  <c r="I2035" i="1"/>
  <c r="H2036" i="1"/>
  <c r="I2036" i="1"/>
  <c r="H2037" i="1"/>
  <c r="I2037" i="1"/>
  <c r="H2038" i="1"/>
  <c r="I2038" i="1"/>
  <c r="H2039" i="1"/>
  <c r="I2039" i="1"/>
  <c r="H2040" i="1"/>
  <c r="I2040" i="1"/>
  <c r="H2041" i="1"/>
  <c r="I2041" i="1"/>
  <c r="H2042" i="1"/>
  <c r="I2042" i="1"/>
  <c r="H2043" i="1"/>
  <c r="I2043" i="1"/>
  <c r="H2044" i="1"/>
  <c r="I2044" i="1"/>
  <c r="H2045" i="1"/>
  <c r="I2045" i="1"/>
  <c r="H2046" i="1"/>
  <c r="I2046" i="1"/>
  <c r="H2047" i="1"/>
  <c r="I2047" i="1"/>
  <c r="H2048" i="1"/>
  <c r="I2048" i="1"/>
  <c r="H2049" i="1"/>
  <c r="I2049" i="1"/>
  <c r="H2050" i="1"/>
  <c r="I2050" i="1"/>
  <c r="H2051" i="1"/>
  <c r="I2051" i="1"/>
  <c r="H2052" i="1"/>
  <c r="I2052" i="1"/>
  <c r="H2053" i="1"/>
  <c r="I2053" i="1"/>
  <c r="H2054" i="1"/>
  <c r="I2054" i="1"/>
  <c r="H2055" i="1"/>
  <c r="I2055" i="1"/>
  <c r="H2056" i="1"/>
  <c r="I2056" i="1"/>
  <c r="H2057" i="1"/>
  <c r="I2057" i="1"/>
  <c r="H2058" i="1"/>
  <c r="I2058" i="1"/>
  <c r="H2059" i="1"/>
  <c r="I2059" i="1"/>
  <c r="H2060" i="1"/>
  <c r="I2060" i="1"/>
  <c r="H2061" i="1"/>
  <c r="I2061" i="1"/>
  <c r="H2062" i="1"/>
  <c r="I2062" i="1"/>
  <c r="H2063" i="1"/>
  <c r="I2063" i="1"/>
  <c r="H2064" i="1"/>
  <c r="I2064" i="1"/>
  <c r="H2065" i="1"/>
  <c r="I2065" i="1"/>
  <c r="H2066" i="1"/>
  <c r="I2066" i="1"/>
  <c r="H2067" i="1"/>
  <c r="I2067" i="1"/>
  <c r="H2068" i="1"/>
  <c r="I2068" i="1"/>
  <c r="H2069" i="1"/>
  <c r="I2069" i="1"/>
  <c r="H2070" i="1"/>
  <c r="I2070" i="1"/>
  <c r="H2071" i="1"/>
  <c r="I2071" i="1"/>
  <c r="H2072" i="1"/>
  <c r="I2072" i="1"/>
  <c r="H2073" i="1"/>
  <c r="I2073" i="1"/>
  <c r="H2074" i="1"/>
  <c r="I2074" i="1"/>
  <c r="H2075" i="1"/>
  <c r="I2075" i="1"/>
  <c r="H2076" i="1"/>
  <c r="I2076" i="1"/>
  <c r="H2077" i="1"/>
  <c r="I2077" i="1"/>
  <c r="H2078" i="1"/>
  <c r="I2078" i="1"/>
  <c r="H2079" i="1"/>
  <c r="I2079" i="1"/>
  <c r="H2080" i="1"/>
  <c r="I2080" i="1"/>
  <c r="H2081" i="1"/>
  <c r="I2081" i="1"/>
  <c r="H2082" i="1"/>
  <c r="I2082" i="1"/>
  <c r="H2083" i="1"/>
  <c r="I2083" i="1"/>
  <c r="H2084" i="1"/>
  <c r="I2084" i="1"/>
  <c r="H2085" i="1"/>
  <c r="I2085" i="1"/>
  <c r="H2086" i="1"/>
  <c r="I2086" i="1"/>
  <c r="H2087" i="1"/>
  <c r="I2087" i="1"/>
  <c r="H2088" i="1"/>
  <c r="I2088" i="1"/>
  <c r="H2089" i="1"/>
  <c r="I2089" i="1"/>
  <c r="H2090" i="1"/>
  <c r="I2090" i="1"/>
  <c r="H2091" i="1"/>
  <c r="I2091" i="1"/>
  <c r="H2092" i="1"/>
  <c r="I2092" i="1"/>
  <c r="H2093" i="1"/>
  <c r="I2093" i="1"/>
  <c r="H2094" i="1"/>
  <c r="I2094" i="1"/>
  <c r="H2095" i="1"/>
  <c r="I2095" i="1"/>
  <c r="H2096" i="1"/>
  <c r="I2096" i="1"/>
  <c r="H2097" i="1"/>
  <c r="I2097" i="1"/>
  <c r="H2098" i="1"/>
  <c r="I2098" i="1"/>
  <c r="H2099" i="1"/>
  <c r="I2099" i="1"/>
  <c r="H2100" i="1"/>
  <c r="I2100" i="1"/>
  <c r="H2101" i="1"/>
  <c r="I2101" i="1"/>
  <c r="H2102" i="1"/>
  <c r="I2102" i="1"/>
  <c r="H2103" i="1"/>
  <c r="I2103" i="1"/>
  <c r="H2104" i="1"/>
  <c r="I2104" i="1"/>
  <c r="H2105" i="1"/>
  <c r="I2105" i="1"/>
  <c r="H2106" i="1"/>
  <c r="I2106" i="1"/>
  <c r="H2107" i="1"/>
  <c r="I2107" i="1"/>
  <c r="H2108" i="1"/>
  <c r="I2108" i="1"/>
  <c r="H2109" i="1"/>
  <c r="I2109" i="1"/>
  <c r="H2110" i="1"/>
  <c r="I2110" i="1"/>
  <c r="H2111" i="1"/>
  <c r="I2111" i="1"/>
  <c r="H2112" i="1"/>
  <c r="I2112" i="1"/>
  <c r="H2113" i="1"/>
  <c r="I2113" i="1"/>
  <c r="H2114" i="1"/>
  <c r="I2114" i="1"/>
  <c r="H2115" i="1"/>
  <c r="I2115" i="1"/>
  <c r="H2116" i="1"/>
  <c r="I2116" i="1"/>
  <c r="H2117" i="1"/>
  <c r="I2117" i="1"/>
  <c r="H2118" i="1"/>
  <c r="I2118" i="1"/>
  <c r="H2119" i="1"/>
  <c r="I2119" i="1"/>
  <c r="H2120" i="1"/>
  <c r="I2120" i="1"/>
  <c r="H2121" i="1"/>
  <c r="I2121" i="1"/>
  <c r="H2122" i="1"/>
  <c r="I2122" i="1"/>
  <c r="H2123" i="1"/>
  <c r="I2123" i="1"/>
  <c r="H2124" i="1"/>
  <c r="I2124" i="1"/>
  <c r="H2125" i="1"/>
  <c r="I2125" i="1"/>
  <c r="H2126" i="1"/>
  <c r="I2126" i="1"/>
  <c r="H2127" i="1"/>
  <c r="I2127" i="1"/>
  <c r="H2128" i="1"/>
  <c r="I2128" i="1"/>
  <c r="H2129" i="1"/>
  <c r="I2129" i="1"/>
  <c r="H2130" i="1"/>
  <c r="I2130" i="1"/>
  <c r="H2131" i="1"/>
  <c r="I2131" i="1"/>
  <c r="H2132" i="1"/>
  <c r="I2132" i="1"/>
  <c r="H2133" i="1"/>
  <c r="I2133" i="1"/>
  <c r="H2134" i="1"/>
  <c r="I2134" i="1"/>
  <c r="H2135" i="1"/>
  <c r="I2135" i="1"/>
  <c r="H2136" i="1"/>
  <c r="I2136" i="1"/>
  <c r="H2137" i="1"/>
  <c r="I2137" i="1"/>
  <c r="H2138" i="1"/>
  <c r="I2138" i="1"/>
  <c r="H2139" i="1"/>
  <c r="I2139" i="1"/>
  <c r="H2140" i="1"/>
  <c r="I2140" i="1"/>
  <c r="H2141" i="1"/>
  <c r="I2141" i="1"/>
  <c r="H2142" i="1"/>
  <c r="I2142" i="1"/>
  <c r="H2143" i="1"/>
  <c r="I2143" i="1"/>
  <c r="H2144" i="1"/>
  <c r="I2144" i="1"/>
  <c r="H2145" i="1"/>
  <c r="I2145" i="1"/>
  <c r="H2146" i="1"/>
  <c r="I2146" i="1"/>
  <c r="H2147" i="1"/>
  <c r="I2147" i="1"/>
  <c r="H2148" i="1"/>
  <c r="I2148" i="1"/>
  <c r="H2149" i="1"/>
  <c r="I2149" i="1"/>
  <c r="H2150" i="1"/>
  <c r="I2150" i="1"/>
  <c r="H2151" i="1"/>
  <c r="I2151" i="1"/>
  <c r="H2152" i="1"/>
  <c r="I2152" i="1"/>
  <c r="H2153" i="1"/>
  <c r="I2153" i="1"/>
  <c r="H2154" i="1"/>
  <c r="I2154" i="1"/>
  <c r="H2155" i="1"/>
  <c r="I2155" i="1"/>
  <c r="H2156" i="1"/>
  <c r="I2156" i="1"/>
  <c r="H2157" i="1"/>
  <c r="I2157" i="1"/>
  <c r="H2158" i="1"/>
  <c r="I2158" i="1"/>
  <c r="H2159" i="1"/>
  <c r="I2159" i="1"/>
  <c r="H2160" i="1"/>
  <c r="I2160" i="1"/>
  <c r="H2161" i="1"/>
  <c r="I2161" i="1"/>
  <c r="H2162" i="1"/>
  <c r="I2162" i="1"/>
  <c r="H2163" i="1"/>
  <c r="I2163" i="1"/>
  <c r="H2164" i="1"/>
  <c r="I2164" i="1"/>
  <c r="H2165" i="1"/>
  <c r="I2165" i="1"/>
  <c r="H2166" i="1"/>
  <c r="I2166" i="1"/>
  <c r="H2167" i="1"/>
  <c r="I2167" i="1"/>
  <c r="H2168" i="1"/>
  <c r="I2168" i="1"/>
  <c r="H2169" i="1"/>
  <c r="I2169" i="1"/>
  <c r="H2170" i="1"/>
  <c r="I2170" i="1"/>
  <c r="H2171" i="1"/>
  <c r="I2171" i="1"/>
  <c r="H2172" i="1"/>
  <c r="I2172" i="1"/>
  <c r="H2173" i="1"/>
  <c r="I2173" i="1"/>
  <c r="H2174" i="1"/>
  <c r="I2174" i="1"/>
  <c r="H2175" i="1"/>
  <c r="I2175" i="1"/>
  <c r="H2176" i="1"/>
  <c r="I2176" i="1"/>
  <c r="H2177" i="1"/>
  <c r="I2177" i="1"/>
  <c r="H2178" i="1"/>
  <c r="I2178" i="1"/>
  <c r="H2179" i="1"/>
  <c r="I2179" i="1"/>
  <c r="H2180" i="1"/>
  <c r="I2180" i="1"/>
  <c r="H2181" i="1"/>
  <c r="I2181" i="1"/>
  <c r="H2182" i="1"/>
  <c r="I2182" i="1"/>
  <c r="H2183" i="1"/>
  <c r="I2183" i="1"/>
  <c r="H2184" i="1"/>
  <c r="I2184" i="1"/>
  <c r="H2185" i="1"/>
  <c r="I2185" i="1"/>
  <c r="H2186" i="1"/>
  <c r="I2186" i="1"/>
  <c r="H2187" i="1"/>
  <c r="I2187" i="1"/>
  <c r="H2188" i="1"/>
  <c r="I2188" i="1"/>
  <c r="H2189" i="1"/>
  <c r="I2189" i="1"/>
  <c r="H2190" i="1"/>
  <c r="I2190" i="1"/>
  <c r="H2191" i="1"/>
  <c r="I2191" i="1"/>
  <c r="H2192" i="1"/>
  <c r="I2192" i="1"/>
  <c r="H2193" i="1"/>
  <c r="I2193" i="1"/>
  <c r="H2194" i="1"/>
  <c r="I2194" i="1"/>
  <c r="H2195" i="1"/>
  <c r="I2195" i="1"/>
  <c r="H2196" i="1"/>
  <c r="I2196" i="1"/>
  <c r="H2197" i="1"/>
  <c r="I2197" i="1"/>
  <c r="H2198" i="1"/>
  <c r="I2198" i="1"/>
  <c r="H2199" i="1"/>
  <c r="I2199" i="1"/>
  <c r="H2200" i="1"/>
  <c r="I2200" i="1"/>
  <c r="H2201" i="1"/>
  <c r="I2201" i="1"/>
  <c r="H2202" i="1"/>
  <c r="I2202" i="1"/>
  <c r="H2203" i="1"/>
  <c r="I2203" i="1"/>
  <c r="H2204" i="1"/>
  <c r="I2204" i="1"/>
  <c r="H2205" i="1"/>
  <c r="I2205" i="1"/>
  <c r="H2206" i="1"/>
  <c r="I2206" i="1"/>
  <c r="H2207" i="1"/>
  <c r="I2207" i="1"/>
  <c r="H2208" i="1"/>
  <c r="I2208" i="1"/>
  <c r="H2209" i="1"/>
  <c r="I2209" i="1"/>
  <c r="H2210" i="1"/>
  <c r="I2210" i="1"/>
  <c r="H2211" i="1"/>
  <c r="I2211" i="1"/>
  <c r="H2212" i="1"/>
  <c r="I2212" i="1"/>
  <c r="H2213" i="1"/>
  <c r="I2213" i="1"/>
  <c r="H2214" i="1"/>
  <c r="I2214" i="1"/>
  <c r="H2215" i="1"/>
  <c r="I2215" i="1"/>
  <c r="H2216" i="1"/>
  <c r="I2216" i="1"/>
  <c r="H2217" i="1"/>
  <c r="I2217" i="1"/>
  <c r="H2218" i="1"/>
  <c r="I2218" i="1"/>
  <c r="H2219" i="1"/>
  <c r="I2219" i="1"/>
  <c r="H2220" i="1"/>
  <c r="I2220" i="1"/>
  <c r="H2221" i="1"/>
  <c r="I2221" i="1"/>
  <c r="H2222" i="1"/>
  <c r="I2222" i="1"/>
  <c r="H2223" i="1"/>
  <c r="I2223" i="1"/>
  <c r="H2224" i="1"/>
  <c r="I2224" i="1"/>
  <c r="H2225" i="1"/>
  <c r="I2225" i="1"/>
  <c r="H2226" i="1"/>
  <c r="I2226" i="1"/>
  <c r="H2227" i="1"/>
  <c r="I2227" i="1"/>
  <c r="H2228" i="1"/>
  <c r="I2228" i="1"/>
  <c r="H2229" i="1"/>
  <c r="I2229" i="1"/>
  <c r="H2230" i="1"/>
  <c r="I2230" i="1"/>
  <c r="H2231" i="1"/>
  <c r="I2231" i="1"/>
  <c r="H2232" i="1"/>
  <c r="I2232" i="1"/>
  <c r="H2233" i="1"/>
  <c r="I2233" i="1"/>
  <c r="H2234" i="1"/>
  <c r="I2234" i="1"/>
  <c r="H2235" i="1"/>
  <c r="I2235" i="1"/>
  <c r="H2236" i="1"/>
  <c r="I2236" i="1"/>
  <c r="H2237" i="1"/>
  <c r="I2237" i="1"/>
  <c r="H2238" i="1"/>
  <c r="I2238" i="1"/>
  <c r="H2239" i="1"/>
  <c r="I2239" i="1"/>
  <c r="H2240" i="1"/>
  <c r="I2240" i="1"/>
  <c r="H2241" i="1"/>
  <c r="I2241" i="1"/>
  <c r="H2242" i="1"/>
  <c r="I2242" i="1"/>
  <c r="H2243" i="1"/>
  <c r="I2243" i="1"/>
  <c r="H2244" i="1"/>
  <c r="I2244" i="1"/>
  <c r="H2245" i="1"/>
  <c r="I2245" i="1"/>
  <c r="H2246" i="1"/>
  <c r="I2246" i="1"/>
  <c r="H2247" i="1"/>
  <c r="I2247" i="1"/>
  <c r="H2248" i="1"/>
  <c r="I2248" i="1"/>
  <c r="H2249" i="1"/>
  <c r="I2249" i="1"/>
  <c r="H2250" i="1"/>
  <c r="I2250" i="1"/>
  <c r="H2251" i="1"/>
  <c r="I2251" i="1"/>
  <c r="H2252" i="1"/>
  <c r="I2252" i="1"/>
  <c r="H2253" i="1"/>
  <c r="I2253" i="1"/>
  <c r="H2254" i="1"/>
  <c r="I2254" i="1"/>
  <c r="H2255" i="1"/>
  <c r="I2255" i="1"/>
  <c r="H2256" i="1"/>
  <c r="I2256" i="1"/>
  <c r="H2257" i="1"/>
  <c r="I2257" i="1"/>
  <c r="H2258" i="1"/>
  <c r="I2258" i="1"/>
  <c r="H2259" i="1"/>
  <c r="I2259" i="1"/>
  <c r="H2260" i="1"/>
  <c r="I2260" i="1"/>
  <c r="H2261" i="1"/>
  <c r="I2261" i="1"/>
  <c r="H2262" i="1"/>
  <c r="I2262" i="1"/>
  <c r="H2263" i="1"/>
  <c r="I2263" i="1"/>
  <c r="H2264" i="1"/>
  <c r="I2264" i="1"/>
  <c r="H2265" i="1"/>
  <c r="I2265" i="1"/>
  <c r="H2266" i="1"/>
  <c r="I2266" i="1"/>
  <c r="H2267" i="1"/>
  <c r="I2267" i="1"/>
  <c r="H2268" i="1"/>
  <c r="I2268" i="1"/>
  <c r="H2269" i="1"/>
  <c r="I2269" i="1"/>
  <c r="H2270" i="1"/>
  <c r="I2270" i="1"/>
  <c r="H2271" i="1"/>
  <c r="I2271" i="1"/>
  <c r="H2272" i="1"/>
  <c r="I2272" i="1"/>
  <c r="H2273" i="1"/>
  <c r="I2273" i="1"/>
  <c r="H2274" i="1"/>
  <c r="I2274" i="1"/>
  <c r="H2275" i="1"/>
  <c r="I2275" i="1"/>
  <c r="H2276" i="1"/>
  <c r="I2276" i="1"/>
  <c r="H2277" i="1"/>
  <c r="I2277" i="1"/>
  <c r="H2278" i="1"/>
  <c r="I2278" i="1"/>
  <c r="H2279" i="1"/>
  <c r="I2279" i="1"/>
  <c r="H2280" i="1"/>
  <c r="I2280" i="1"/>
  <c r="H2281" i="1"/>
  <c r="I2281" i="1"/>
  <c r="H2282" i="1"/>
  <c r="I2282" i="1"/>
  <c r="H2283" i="1"/>
  <c r="I2283" i="1"/>
  <c r="H2284" i="1"/>
  <c r="I2284" i="1"/>
  <c r="H2285" i="1"/>
  <c r="I2285" i="1"/>
  <c r="H2286" i="1"/>
  <c r="I2286" i="1"/>
  <c r="H2287" i="1"/>
  <c r="I2287" i="1"/>
  <c r="H2288" i="1"/>
  <c r="I2288" i="1"/>
  <c r="H2289" i="1"/>
  <c r="I2289" i="1"/>
  <c r="H2290" i="1"/>
  <c r="I2290" i="1"/>
  <c r="H2291" i="1"/>
  <c r="I2291" i="1"/>
  <c r="H2292" i="1"/>
  <c r="I2292" i="1"/>
  <c r="H2293" i="1"/>
  <c r="I2293" i="1"/>
  <c r="H2294" i="1"/>
  <c r="I2294" i="1"/>
  <c r="H2295" i="1"/>
  <c r="I2295" i="1"/>
  <c r="H2296" i="1"/>
  <c r="I2296" i="1"/>
  <c r="H2297" i="1"/>
  <c r="I2297" i="1"/>
  <c r="H2298" i="1"/>
  <c r="I2298" i="1"/>
  <c r="H2299" i="1"/>
  <c r="I2299" i="1"/>
  <c r="H2300" i="1"/>
  <c r="I2300" i="1"/>
  <c r="H2301" i="1"/>
  <c r="I2301" i="1"/>
  <c r="H2302" i="1"/>
  <c r="I2302" i="1"/>
  <c r="H2303" i="1"/>
  <c r="I2303" i="1"/>
  <c r="H2304" i="1"/>
  <c r="I2304" i="1"/>
  <c r="H2305" i="1"/>
  <c r="I2305" i="1"/>
  <c r="H2306" i="1"/>
  <c r="I2306" i="1"/>
  <c r="H2307" i="1"/>
  <c r="I2307" i="1"/>
  <c r="H2308" i="1"/>
  <c r="I2308" i="1"/>
  <c r="H2309" i="1"/>
  <c r="I2309" i="1"/>
  <c r="H2310" i="1"/>
  <c r="I2310" i="1"/>
  <c r="H2311" i="1"/>
  <c r="I2311" i="1"/>
  <c r="H2312" i="1"/>
  <c r="I2312" i="1"/>
  <c r="H2313" i="1"/>
  <c r="I2313" i="1"/>
  <c r="H2314" i="1"/>
  <c r="I2314" i="1"/>
  <c r="H2315" i="1"/>
  <c r="I2315" i="1"/>
  <c r="H2316" i="1"/>
  <c r="I2316" i="1"/>
  <c r="H2317" i="1"/>
  <c r="I2317" i="1"/>
  <c r="H2318" i="1"/>
  <c r="I2318" i="1"/>
  <c r="H2319" i="1"/>
  <c r="I2319" i="1"/>
  <c r="H2320" i="1"/>
  <c r="I2320" i="1"/>
  <c r="H2321" i="1"/>
  <c r="I2321" i="1"/>
  <c r="H2322" i="1"/>
  <c r="I2322" i="1"/>
  <c r="H2323" i="1"/>
  <c r="I2323" i="1"/>
  <c r="H2324" i="1"/>
  <c r="I2324" i="1"/>
  <c r="H2325" i="1"/>
  <c r="I2325" i="1"/>
  <c r="H2326" i="1"/>
  <c r="I2326" i="1"/>
  <c r="H2327" i="1"/>
  <c r="I2327" i="1"/>
  <c r="H2328" i="1"/>
  <c r="I2328" i="1"/>
  <c r="H2329" i="1"/>
  <c r="I2329" i="1"/>
  <c r="H2330" i="1"/>
  <c r="I2330" i="1"/>
  <c r="H2331" i="1"/>
  <c r="I2331" i="1"/>
  <c r="H2332" i="1"/>
  <c r="I2332" i="1"/>
  <c r="H2333" i="1"/>
  <c r="I2333" i="1"/>
  <c r="H2334" i="1"/>
  <c r="I2334" i="1"/>
  <c r="H2335" i="1"/>
  <c r="I2335" i="1"/>
  <c r="H2336" i="1"/>
  <c r="I2336" i="1"/>
  <c r="H2337" i="1"/>
  <c r="I2337" i="1"/>
  <c r="H2338" i="1"/>
  <c r="I2338" i="1"/>
  <c r="H2339" i="1"/>
  <c r="I2339" i="1"/>
  <c r="H2340" i="1"/>
  <c r="I2340" i="1"/>
  <c r="H2341" i="1"/>
  <c r="I2341" i="1"/>
  <c r="H2342" i="1"/>
  <c r="I2342" i="1"/>
  <c r="H2343" i="1"/>
  <c r="I2343" i="1"/>
  <c r="H2344" i="1"/>
  <c r="I2344" i="1"/>
  <c r="H2345" i="1"/>
  <c r="I2345" i="1"/>
  <c r="H2346" i="1"/>
  <c r="I2346" i="1"/>
  <c r="H2347" i="1"/>
  <c r="I2347" i="1"/>
  <c r="H2348" i="1"/>
  <c r="I2348" i="1"/>
  <c r="H2349" i="1"/>
  <c r="I2349" i="1"/>
  <c r="H2350" i="1"/>
  <c r="I2350" i="1"/>
  <c r="H2351" i="1"/>
  <c r="I2351" i="1"/>
  <c r="H2352" i="1"/>
  <c r="I2352" i="1"/>
  <c r="H2353" i="1"/>
  <c r="I2353" i="1"/>
  <c r="H2354" i="1"/>
  <c r="I2354" i="1"/>
  <c r="H2355" i="1"/>
  <c r="I2355" i="1"/>
  <c r="H2356" i="1"/>
  <c r="I2356" i="1"/>
  <c r="H2357" i="1"/>
  <c r="I2357" i="1"/>
  <c r="H2358" i="1"/>
  <c r="I2358" i="1"/>
  <c r="H2359" i="1"/>
  <c r="I2359" i="1"/>
  <c r="H2360" i="1"/>
  <c r="I2360" i="1"/>
  <c r="H2361" i="1"/>
  <c r="I2361" i="1"/>
  <c r="H2362" i="1"/>
  <c r="I2362" i="1"/>
  <c r="H2363" i="1"/>
  <c r="I2363" i="1"/>
  <c r="H2364" i="1"/>
  <c r="I2364" i="1"/>
  <c r="H2365" i="1"/>
  <c r="I2365" i="1"/>
  <c r="H2366" i="1"/>
  <c r="I2366" i="1"/>
  <c r="H2367" i="1"/>
  <c r="I2367" i="1"/>
  <c r="H2368" i="1"/>
  <c r="I2368" i="1"/>
  <c r="H2369" i="1"/>
  <c r="I2369" i="1"/>
  <c r="H2370" i="1"/>
  <c r="I2370" i="1"/>
  <c r="H2371" i="1"/>
  <c r="I2371" i="1"/>
  <c r="H2372" i="1"/>
  <c r="I2372" i="1"/>
  <c r="H2373" i="1"/>
  <c r="I2373" i="1"/>
  <c r="H2374" i="1"/>
  <c r="I2374" i="1"/>
  <c r="H2375" i="1"/>
  <c r="I2375" i="1"/>
  <c r="H2376" i="1"/>
  <c r="I2376" i="1"/>
  <c r="H2377" i="1"/>
  <c r="I2377" i="1"/>
  <c r="H2378" i="1"/>
  <c r="I2378" i="1"/>
  <c r="H2379" i="1"/>
  <c r="I2379" i="1"/>
  <c r="H2380" i="1"/>
  <c r="I2380" i="1"/>
  <c r="H2381" i="1"/>
  <c r="I2381" i="1"/>
  <c r="H2382" i="1"/>
  <c r="I2382" i="1"/>
  <c r="H2383" i="1"/>
  <c r="I2383" i="1"/>
  <c r="H2384" i="1"/>
  <c r="I2384" i="1"/>
  <c r="H2385" i="1"/>
  <c r="I2385" i="1"/>
  <c r="H2386" i="1"/>
  <c r="I2386" i="1"/>
  <c r="H2387" i="1"/>
  <c r="I2387" i="1"/>
  <c r="H2388" i="1"/>
  <c r="I2388" i="1"/>
  <c r="H2389" i="1"/>
  <c r="I2389" i="1"/>
  <c r="H2390" i="1"/>
  <c r="I2390" i="1"/>
  <c r="H2391" i="1"/>
  <c r="I2391" i="1"/>
  <c r="H2392" i="1"/>
  <c r="I2392" i="1"/>
  <c r="H2393" i="1"/>
  <c r="I2393" i="1"/>
  <c r="H2394" i="1"/>
  <c r="I2394" i="1"/>
  <c r="H2395" i="1"/>
  <c r="I2395" i="1"/>
  <c r="H2396" i="1"/>
  <c r="I2396" i="1"/>
  <c r="H2397" i="1"/>
  <c r="I2397" i="1"/>
  <c r="H2398" i="1"/>
  <c r="I2398" i="1"/>
  <c r="H2399" i="1"/>
  <c r="I2399" i="1"/>
  <c r="H2400" i="1"/>
  <c r="I2400" i="1"/>
  <c r="H2401" i="1"/>
  <c r="I2401" i="1"/>
  <c r="H2402" i="1"/>
  <c r="I2402" i="1"/>
  <c r="H2403" i="1"/>
  <c r="I2403" i="1"/>
  <c r="H2404" i="1"/>
  <c r="I2404" i="1"/>
  <c r="H2405" i="1"/>
  <c r="I2405" i="1"/>
  <c r="H2406" i="1"/>
  <c r="I2406" i="1"/>
  <c r="H2407" i="1"/>
  <c r="I2407" i="1"/>
  <c r="H2408" i="1"/>
  <c r="I2408" i="1"/>
  <c r="H2409" i="1"/>
  <c r="I2409" i="1"/>
  <c r="H2410" i="1"/>
  <c r="I2410" i="1"/>
  <c r="H2411" i="1"/>
  <c r="I2411" i="1"/>
  <c r="H2412" i="1"/>
  <c r="I2412" i="1"/>
  <c r="H2413" i="1"/>
  <c r="I2413" i="1"/>
  <c r="H2414" i="1"/>
  <c r="I2414" i="1"/>
  <c r="H2415" i="1"/>
  <c r="I2415" i="1"/>
  <c r="H2416" i="1"/>
  <c r="I2416" i="1"/>
  <c r="H2417" i="1"/>
  <c r="I2417" i="1"/>
  <c r="H2418" i="1"/>
  <c r="I2418" i="1"/>
  <c r="H2419" i="1"/>
  <c r="I2419" i="1"/>
  <c r="H2420" i="1"/>
  <c r="I2420" i="1"/>
  <c r="H2421" i="1"/>
  <c r="I2421" i="1"/>
  <c r="H2422" i="1"/>
  <c r="I2422" i="1"/>
  <c r="H2423" i="1"/>
  <c r="I2423" i="1"/>
  <c r="H2424" i="1"/>
  <c r="I2424" i="1"/>
  <c r="H2425" i="1"/>
  <c r="I2425" i="1"/>
  <c r="H2426" i="1"/>
  <c r="I2426" i="1"/>
  <c r="H2427" i="1"/>
  <c r="I2427" i="1"/>
  <c r="H2428" i="1"/>
  <c r="I2428" i="1"/>
  <c r="H2429" i="1"/>
  <c r="I2429" i="1"/>
  <c r="H2430" i="1"/>
  <c r="I2430" i="1"/>
  <c r="H2431" i="1"/>
  <c r="I2431" i="1"/>
  <c r="H2432" i="1"/>
  <c r="I2432" i="1"/>
  <c r="H2433" i="1"/>
  <c r="I2433" i="1"/>
  <c r="H2434" i="1"/>
  <c r="I2434" i="1"/>
  <c r="H2435" i="1"/>
  <c r="I2435" i="1"/>
  <c r="H2436" i="1"/>
  <c r="I2436" i="1"/>
  <c r="H2437" i="1"/>
  <c r="I2437" i="1"/>
  <c r="H2438" i="1"/>
  <c r="I2438" i="1"/>
  <c r="H2439" i="1"/>
  <c r="I2439" i="1"/>
  <c r="H2440" i="1"/>
  <c r="I2440" i="1"/>
  <c r="H2441" i="1"/>
  <c r="I2441" i="1"/>
  <c r="H2442" i="1"/>
  <c r="I2442" i="1"/>
  <c r="H2443" i="1"/>
  <c r="I2443" i="1"/>
  <c r="H2444" i="1"/>
  <c r="I2444" i="1"/>
  <c r="H2445" i="1"/>
  <c r="I2445" i="1"/>
  <c r="H2446" i="1"/>
  <c r="I2446" i="1"/>
  <c r="H2447" i="1"/>
  <c r="I2447" i="1"/>
  <c r="H2448" i="1"/>
  <c r="I2448" i="1"/>
  <c r="H2449" i="1"/>
  <c r="I2449" i="1"/>
  <c r="H2450" i="1"/>
  <c r="I2450" i="1"/>
  <c r="H2451" i="1"/>
  <c r="I2451" i="1"/>
  <c r="H2452" i="1"/>
  <c r="I2452" i="1"/>
  <c r="H2453" i="1"/>
  <c r="I2453" i="1"/>
  <c r="H2454" i="1"/>
  <c r="I2454" i="1"/>
  <c r="H2455" i="1"/>
  <c r="I2455" i="1"/>
  <c r="H2456" i="1"/>
  <c r="I2456" i="1"/>
  <c r="H2457" i="1"/>
  <c r="I2457" i="1"/>
  <c r="H2458" i="1"/>
  <c r="I2458" i="1"/>
  <c r="H2459" i="1"/>
  <c r="I2459" i="1"/>
  <c r="H2460" i="1"/>
  <c r="I2460" i="1"/>
  <c r="H2461" i="1"/>
  <c r="I2461" i="1"/>
  <c r="H2462" i="1"/>
  <c r="I2462" i="1"/>
  <c r="H2463" i="1"/>
  <c r="I2463" i="1"/>
  <c r="H2464" i="1"/>
  <c r="I2464" i="1"/>
  <c r="H2465" i="1"/>
  <c r="I2465" i="1"/>
  <c r="H2466" i="1"/>
  <c r="I2466" i="1"/>
  <c r="H2467" i="1"/>
  <c r="I2467" i="1"/>
  <c r="H2468" i="1"/>
  <c r="I2468" i="1"/>
  <c r="H2469" i="1"/>
  <c r="I2469" i="1"/>
  <c r="H2470" i="1"/>
  <c r="I2470" i="1"/>
  <c r="H2471" i="1"/>
  <c r="I2471" i="1"/>
  <c r="H2472" i="1"/>
  <c r="I2472" i="1"/>
  <c r="H2473" i="1"/>
  <c r="I2473" i="1"/>
  <c r="H2474" i="1"/>
  <c r="I2474" i="1"/>
  <c r="H2475" i="1"/>
  <c r="I2475" i="1"/>
  <c r="H2476" i="1"/>
  <c r="I2476" i="1"/>
  <c r="H2477" i="1"/>
  <c r="I2477" i="1"/>
  <c r="H2478" i="1"/>
  <c r="I2478" i="1"/>
  <c r="H2479" i="1"/>
  <c r="I2479" i="1"/>
  <c r="H2480" i="1"/>
  <c r="I2480" i="1"/>
  <c r="H2481" i="1"/>
  <c r="I2481" i="1"/>
  <c r="H2482" i="1"/>
  <c r="I2482" i="1"/>
  <c r="H2483" i="1"/>
  <c r="I2483" i="1"/>
  <c r="H2484" i="1"/>
  <c r="I2484" i="1"/>
  <c r="H2485" i="1"/>
  <c r="I2485" i="1"/>
  <c r="H2486" i="1"/>
  <c r="I2486" i="1"/>
  <c r="H2487" i="1"/>
  <c r="I2487" i="1"/>
  <c r="H2488" i="1"/>
  <c r="I2488" i="1"/>
  <c r="H2489" i="1"/>
  <c r="I2489" i="1"/>
  <c r="H2490" i="1"/>
  <c r="I2490" i="1"/>
  <c r="H2491" i="1"/>
  <c r="I2491" i="1"/>
  <c r="H2492" i="1"/>
  <c r="I2492" i="1"/>
  <c r="H2493" i="1"/>
  <c r="I2493" i="1"/>
  <c r="H2494" i="1"/>
  <c r="I2494" i="1"/>
  <c r="H2495" i="1"/>
  <c r="I2495" i="1"/>
  <c r="H2496" i="1"/>
  <c r="I2496" i="1"/>
  <c r="H2497" i="1"/>
  <c r="I2497" i="1"/>
  <c r="H2498" i="1"/>
  <c r="I2498" i="1"/>
  <c r="H2499" i="1"/>
  <c r="I2499" i="1"/>
  <c r="H2500" i="1"/>
  <c r="I2500" i="1"/>
  <c r="H2501" i="1"/>
  <c r="I2501" i="1"/>
  <c r="H2502" i="1"/>
  <c r="I2502" i="1"/>
  <c r="H2503" i="1"/>
  <c r="I2503" i="1"/>
  <c r="H2504" i="1"/>
  <c r="I2504" i="1"/>
  <c r="H2505" i="1"/>
  <c r="I2505" i="1"/>
  <c r="H2506" i="1"/>
  <c r="I2506" i="1"/>
  <c r="H2507" i="1"/>
  <c r="I2507" i="1"/>
  <c r="H2508" i="1"/>
  <c r="I2508" i="1"/>
  <c r="H2509" i="1"/>
  <c r="I2509" i="1"/>
  <c r="H2510" i="1"/>
  <c r="I2510" i="1"/>
  <c r="H2511" i="1"/>
  <c r="I2511" i="1"/>
  <c r="H2512" i="1"/>
  <c r="I2512" i="1"/>
  <c r="H2513" i="1"/>
  <c r="I2513" i="1"/>
  <c r="H2514" i="1"/>
  <c r="I2514" i="1"/>
  <c r="H2515" i="1"/>
  <c r="I2515" i="1"/>
  <c r="H2516" i="1"/>
  <c r="I2516" i="1"/>
  <c r="H2517" i="1"/>
  <c r="I2517" i="1"/>
  <c r="H2518" i="1"/>
  <c r="I2518" i="1"/>
  <c r="H2519" i="1"/>
  <c r="I2519" i="1"/>
  <c r="H2520" i="1"/>
  <c r="I2520" i="1"/>
  <c r="H2521" i="1"/>
  <c r="I2521" i="1"/>
  <c r="H2522" i="1"/>
  <c r="I2522" i="1"/>
  <c r="H2523" i="1"/>
  <c r="I2523" i="1"/>
  <c r="H2524" i="1"/>
  <c r="I2524" i="1"/>
  <c r="H2525" i="1"/>
  <c r="I2525" i="1"/>
  <c r="H2526" i="1"/>
  <c r="I2526" i="1"/>
  <c r="H2527" i="1"/>
  <c r="I2527" i="1"/>
  <c r="H2528" i="1"/>
  <c r="I2528" i="1"/>
  <c r="H2529" i="1"/>
  <c r="I2529" i="1"/>
  <c r="H2530" i="1"/>
  <c r="I2530" i="1"/>
  <c r="H2531" i="1"/>
  <c r="I2531" i="1"/>
  <c r="H2532" i="1"/>
  <c r="I2532" i="1"/>
  <c r="H2533" i="1"/>
  <c r="I2533" i="1"/>
  <c r="H2534" i="1"/>
  <c r="I2534" i="1"/>
  <c r="H2535" i="1"/>
  <c r="I2535" i="1"/>
  <c r="H2536" i="1"/>
  <c r="I2536" i="1"/>
  <c r="H2537" i="1"/>
  <c r="I2537" i="1"/>
  <c r="H2538" i="1"/>
  <c r="I2538" i="1"/>
  <c r="H2539" i="1"/>
  <c r="I2539" i="1"/>
  <c r="H2540" i="1"/>
  <c r="I2540" i="1"/>
  <c r="H2541" i="1"/>
  <c r="I2541" i="1"/>
  <c r="H2542" i="1"/>
  <c r="I2542" i="1"/>
  <c r="H2543" i="1"/>
  <c r="I2543" i="1"/>
  <c r="H2544" i="1"/>
  <c r="I2544" i="1"/>
  <c r="H2545" i="1"/>
  <c r="I2545" i="1"/>
  <c r="H2546" i="1"/>
  <c r="I2546" i="1"/>
  <c r="H2547" i="1"/>
  <c r="I2547" i="1"/>
  <c r="H2548" i="1"/>
  <c r="I2548" i="1"/>
  <c r="H2549" i="1"/>
  <c r="I2549" i="1"/>
  <c r="H2550" i="1"/>
  <c r="I2550" i="1"/>
  <c r="H2551" i="1"/>
  <c r="I2551" i="1"/>
  <c r="H2552" i="1"/>
  <c r="I2552" i="1"/>
  <c r="H2553" i="1"/>
  <c r="I2553" i="1"/>
  <c r="H2554" i="1"/>
  <c r="I2554" i="1"/>
  <c r="H2555" i="1"/>
  <c r="I2555" i="1"/>
  <c r="H2556" i="1"/>
  <c r="I2556" i="1"/>
  <c r="H2557" i="1"/>
  <c r="I2557" i="1"/>
  <c r="H2558" i="1"/>
  <c r="I2558" i="1"/>
  <c r="H2559" i="1"/>
  <c r="I2559" i="1"/>
  <c r="H2560" i="1"/>
  <c r="I2560" i="1"/>
  <c r="H2561" i="1"/>
  <c r="I2561" i="1"/>
  <c r="H2562" i="1"/>
  <c r="I2562" i="1"/>
  <c r="H2563" i="1"/>
  <c r="I2563" i="1"/>
  <c r="H2564" i="1"/>
  <c r="I2564" i="1"/>
  <c r="H2565" i="1"/>
  <c r="I2565" i="1"/>
  <c r="H2566" i="1"/>
  <c r="I2566" i="1"/>
  <c r="H2567" i="1"/>
  <c r="I2567" i="1"/>
  <c r="H2568" i="1"/>
  <c r="I2568" i="1"/>
  <c r="H2569" i="1"/>
  <c r="I2569" i="1"/>
  <c r="H2570" i="1"/>
  <c r="I2570" i="1"/>
  <c r="H2571" i="1"/>
  <c r="I2571" i="1"/>
  <c r="H2572" i="1"/>
  <c r="I2572" i="1"/>
  <c r="H2573" i="1"/>
  <c r="I2573" i="1"/>
  <c r="H2574" i="1"/>
  <c r="I2574" i="1"/>
  <c r="H2575" i="1"/>
  <c r="I2575" i="1"/>
  <c r="H2576" i="1"/>
  <c r="I2576" i="1"/>
  <c r="H2577" i="1"/>
  <c r="I2577" i="1"/>
  <c r="H2578" i="1"/>
  <c r="I2578" i="1"/>
  <c r="H2579" i="1"/>
  <c r="I2579" i="1"/>
  <c r="H2580" i="1"/>
  <c r="I2580" i="1"/>
  <c r="H2581" i="1"/>
  <c r="I2581" i="1"/>
  <c r="H2582" i="1"/>
  <c r="I2582" i="1"/>
  <c r="H2583" i="1"/>
  <c r="I2583" i="1"/>
  <c r="H2584" i="1"/>
  <c r="I2584" i="1"/>
  <c r="H2585" i="1"/>
  <c r="I2585" i="1"/>
  <c r="H2586" i="1"/>
  <c r="I2586" i="1"/>
  <c r="H2587" i="1"/>
  <c r="I2587" i="1"/>
  <c r="H2588" i="1"/>
  <c r="I2588" i="1"/>
  <c r="H2589" i="1"/>
  <c r="I2589" i="1"/>
  <c r="H2590" i="1"/>
  <c r="I2590" i="1"/>
  <c r="H2591" i="1"/>
  <c r="I2591" i="1"/>
  <c r="H2592" i="1"/>
  <c r="I2592" i="1"/>
  <c r="H2593" i="1"/>
  <c r="I2593" i="1"/>
  <c r="H2594" i="1"/>
  <c r="I2594" i="1"/>
  <c r="H2595" i="1"/>
  <c r="I2595" i="1"/>
  <c r="H2596" i="1"/>
  <c r="I2596" i="1"/>
  <c r="H2597" i="1"/>
  <c r="I2597" i="1"/>
  <c r="H2598" i="1"/>
  <c r="I2598" i="1"/>
  <c r="H2599" i="1"/>
  <c r="I2599" i="1"/>
  <c r="H2600" i="1"/>
  <c r="I2600" i="1"/>
  <c r="H2601" i="1"/>
  <c r="I2601" i="1"/>
  <c r="H2602" i="1"/>
  <c r="I2602" i="1"/>
  <c r="H2603" i="1"/>
  <c r="I2603" i="1"/>
  <c r="H2604" i="1"/>
  <c r="I2604" i="1"/>
  <c r="H2605" i="1"/>
  <c r="I2605" i="1"/>
  <c r="H2606" i="1"/>
  <c r="I2606" i="1"/>
  <c r="H2607" i="1"/>
  <c r="I2607" i="1"/>
  <c r="H2608" i="1"/>
  <c r="I2608" i="1"/>
  <c r="H2609" i="1"/>
  <c r="I2609" i="1"/>
  <c r="H2610" i="1"/>
  <c r="I2610" i="1"/>
  <c r="H2611" i="1"/>
  <c r="I2611" i="1"/>
  <c r="H2612" i="1"/>
  <c r="I2612" i="1"/>
  <c r="H2613" i="1"/>
  <c r="I2613" i="1"/>
  <c r="H2614" i="1"/>
  <c r="I2614" i="1"/>
  <c r="H2615" i="1"/>
  <c r="I2615" i="1"/>
  <c r="H2616" i="1"/>
  <c r="I2616" i="1"/>
  <c r="H2617" i="1"/>
  <c r="I2617" i="1"/>
  <c r="H2618" i="1"/>
  <c r="I2618" i="1"/>
  <c r="H2619" i="1"/>
  <c r="I2619" i="1"/>
  <c r="H2620" i="1"/>
  <c r="I2620" i="1"/>
  <c r="H2621" i="1"/>
  <c r="I2621" i="1"/>
  <c r="H2622" i="1"/>
  <c r="I2622" i="1"/>
  <c r="H2623" i="1"/>
  <c r="I2623" i="1"/>
  <c r="H2624" i="1"/>
  <c r="I2624" i="1"/>
  <c r="H2625" i="1"/>
  <c r="I2625" i="1"/>
  <c r="H2626" i="1"/>
  <c r="I2626" i="1"/>
  <c r="H2627" i="1"/>
  <c r="I2627" i="1"/>
  <c r="H2628" i="1"/>
  <c r="I2628" i="1"/>
  <c r="H2629" i="1"/>
  <c r="I2629" i="1"/>
  <c r="H2630" i="1"/>
  <c r="I2630" i="1"/>
  <c r="H2631" i="1"/>
  <c r="I2631" i="1"/>
  <c r="H2632" i="1"/>
  <c r="I2632" i="1"/>
  <c r="H2633" i="1"/>
  <c r="I2633" i="1"/>
  <c r="H2634" i="1"/>
  <c r="I2634" i="1"/>
  <c r="H2635" i="1"/>
  <c r="I2635" i="1"/>
  <c r="H2636" i="1"/>
  <c r="I2636" i="1"/>
  <c r="H2637" i="1"/>
  <c r="I2637" i="1"/>
  <c r="H2638" i="1"/>
  <c r="I2638" i="1"/>
  <c r="H2639" i="1"/>
  <c r="I2639" i="1"/>
  <c r="H2640" i="1"/>
  <c r="I2640" i="1"/>
  <c r="H2641" i="1"/>
  <c r="I2641" i="1"/>
  <c r="H2642" i="1"/>
  <c r="I2642" i="1"/>
  <c r="H2643" i="1"/>
  <c r="I2643" i="1"/>
  <c r="H2644" i="1"/>
  <c r="I2644" i="1"/>
  <c r="H2645" i="1"/>
  <c r="I2645" i="1"/>
  <c r="H2646" i="1"/>
  <c r="I2646" i="1"/>
  <c r="H2647" i="1"/>
  <c r="I2647" i="1"/>
  <c r="H2648" i="1"/>
  <c r="I2648" i="1"/>
  <c r="H2649" i="1"/>
  <c r="I2649" i="1"/>
  <c r="H2650" i="1"/>
  <c r="I2650" i="1"/>
  <c r="H2651" i="1"/>
  <c r="I2651" i="1"/>
  <c r="H2652" i="1"/>
  <c r="I2652" i="1"/>
  <c r="H2653" i="1"/>
  <c r="I2653" i="1"/>
  <c r="H2654" i="1"/>
  <c r="I2654" i="1"/>
  <c r="H2655" i="1"/>
  <c r="I2655" i="1"/>
  <c r="H2656" i="1"/>
  <c r="I2656" i="1"/>
  <c r="H2657" i="1"/>
  <c r="I2657" i="1"/>
  <c r="H2658" i="1"/>
  <c r="I2658" i="1"/>
  <c r="H2659" i="1"/>
  <c r="I2659" i="1"/>
  <c r="H2660" i="1"/>
  <c r="I2660" i="1"/>
  <c r="H2661" i="1"/>
  <c r="I2661" i="1"/>
  <c r="H2662" i="1"/>
  <c r="I2662" i="1"/>
  <c r="H2663" i="1"/>
  <c r="I2663" i="1"/>
  <c r="H2664" i="1"/>
  <c r="I2664" i="1"/>
  <c r="H2665" i="1"/>
  <c r="I2665" i="1"/>
  <c r="H2666" i="1"/>
  <c r="I2666" i="1"/>
  <c r="H2667" i="1"/>
  <c r="I2667" i="1"/>
  <c r="H2668" i="1"/>
  <c r="I2668" i="1"/>
  <c r="H2669" i="1"/>
  <c r="I2669" i="1"/>
  <c r="H2670" i="1"/>
  <c r="I2670" i="1"/>
  <c r="H2671" i="1"/>
  <c r="I2671" i="1"/>
  <c r="H2672" i="1"/>
  <c r="I2672" i="1"/>
  <c r="H2673" i="1"/>
  <c r="I2673" i="1"/>
  <c r="H2674" i="1"/>
  <c r="I2674" i="1"/>
  <c r="H2675" i="1"/>
  <c r="I2675" i="1"/>
  <c r="H2676" i="1"/>
  <c r="I2676" i="1"/>
  <c r="H2677" i="1"/>
  <c r="I2677" i="1"/>
  <c r="H2678" i="1"/>
  <c r="I2678" i="1"/>
  <c r="H2679" i="1"/>
  <c r="I2679" i="1"/>
  <c r="H2680" i="1"/>
  <c r="I2680" i="1"/>
  <c r="H2681" i="1"/>
  <c r="I2681" i="1"/>
  <c r="H2682" i="1"/>
  <c r="I2682" i="1"/>
  <c r="H2683" i="1"/>
  <c r="I2683" i="1"/>
  <c r="H2684" i="1"/>
  <c r="I2684" i="1"/>
  <c r="H2685" i="1"/>
  <c r="I2685" i="1"/>
  <c r="H2686" i="1"/>
  <c r="I2686" i="1"/>
  <c r="H2687" i="1"/>
  <c r="I2687" i="1"/>
  <c r="H2688" i="1"/>
  <c r="I2688" i="1"/>
  <c r="H2689" i="1"/>
  <c r="I2689" i="1"/>
  <c r="H2690" i="1"/>
  <c r="I2690" i="1"/>
  <c r="H2691" i="1"/>
  <c r="I2691" i="1"/>
  <c r="H2692" i="1"/>
  <c r="I2692" i="1"/>
  <c r="H2693" i="1"/>
  <c r="I2693" i="1"/>
  <c r="H2694" i="1"/>
  <c r="I2694" i="1"/>
  <c r="H2695" i="1"/>
  <c r="I2695" i="1"/>
  <c r="H2696" i="1"/>
  <c r="I2696" i="1"/>
  <c r="H2697" i="1"/>
  <c r="I2697" i="1"/>
  <c r="H2698" i="1"/>
  <c r="I2698" i="1"/>
  <c r="H2699" i="1"/>
  <c r="I2699" i="1"/>
  <c r="H2700" i="1"/>
  <c r="I2700" i="1"/>
  <c r="H2701" i="1"/>
  <c r="I2701" i="1"/>
  <c r="H2702" i="1"/>
  <c r="I2702" i="1"/>
  <c r="H2703" i="1"/>
  <c r="I2703" i="1"/>
  <c r="H2704" i="1"/>
  <c r="I2704" i="1"/>
  <c r="H2705" i="1"/>
  <c r="I2705" i="1"/>
  <c r="H2706" i="1"/>
  <c r="I2706" i="1"/>
  <c r="H2707" i="1"/>
  <c r="I2707" i="1"/>
  <c r="H2708" i="1"/>
  <c r="I2708" i="1"/>
  <c r="H2709" i="1"/>
  <c r="I2709" i="1"/>
  <c r="H2710" i="1"/>
  <c r="I2710" i="1"/>
  <c r="H2711" i="1"/>
  <c r="I2711" i="1"/>
  <c r="H2712" i="1"/>
  <c r="I2712" i="1"/>
  <c r="H2713" i="1"/>
  <c r="I2713" i="1"/>
  <c r="H2714" i="1"/>
  <c r="I2714" i="1"/>
  <c r="H2715" i="1"/>
  <c r="I2715" i="1"/>
  <c r="H2716" i="1"/>
  <c r="I2716" i="1"/>
  <c r="H2717" i="1"/>
  <c r="I2717" i="1"/>
  <c r="H2718" i="1"/>
  <c r="I2718" i="1"/>
  <c r="H2719" i="1"/>
  <c r="I2719" i="1"/>
  <c r="H2720" i="1"/>
  <c r="I2720" i="1"/>
  <c r="H2721" i="1"/>
  <c r="I2721" i="1"/>
  <c r="H2722" i="1"/>
  <c r="I2722" i="1"/>
  <c r="H2723" i="1"/>
  <c r="I2723" i="1"/>
  <c r="H2724" i="1"/>
  <c r="I2724" i="1"/>
  <c r="H2725" i="1"/>
  <c r="I2725" i="1"/>
  <c r="H2726" i="1"/>
  <c r="I2726" i="1"/>
  <c r="H2727" i="1"/>
  <c r="I2727" i="1"/>
  <c r="H2728" i="1"/>
  <c r="I2728" i="1"/>
  <c r="H2729" i="1"/>
  <c r="I2729" i="1"/>
  <c r="H2730" i="1"/>
  <c r="I2730" i="1"/>
  <c r="H2731" i="1"/>
  <c r="I2731" i="1"/>
  <c r="H2732" i="1"/>
  <c r="I2732" i="1"/>
  <c r="H2733" i="1"/>
  <c r="I2733" i="1"/>
  <c r="H2734" i="1"/>
  <c r="I2734" i="1"/>
  <c r="H2735" i="1"/>
  <c r="I2735" i="1"/>
  <c r="H2736" i="1"/>
  <c r="I2736" i="1"/>
  <c r="H2737" i="1"/>
  <c r="I2737" i="1"/>
  <c r="H2738" i="1"/>
  <c r="I2738" i="1"/>
  <c r="H2739" i="1"/>
  <c r="I2739" i="1"/>
  <c r="H2740" i="1"/>
  <c r="I2740" i="1"/>
  <c r="H2741" i="1"/>
  <c r="I2741" i="1"/>
  <c r="H2742" i="1"/>
  <c r="I2742" i="1"/>
  <c r="H2743" i="1"/>
  <c r="I2743" i="1"/>
  <c r="H2744" i="1"/>
  <c r="I2744" i="1"/>
  <c r="H2745" i="1"/>
  <c r="I2745" i="1"/>
  <c r="H2746" i="1"/>
  <c r="I2746" i="1"/>
  <c r="H2747" i="1"/>
  <c r="I2747" i="1"/>
  <c r="H2748" i="1"/>
  <c r="I2748" i="1"/>
  <c r="H2749" i="1"/>
  <c r="I2749" i="1"/>
  <c r="H2750" i="1"/>
  <c r="I2750" i="1"/>
  <c r="H2751" i="1"/>
  <c r="I2751" i="1"/>
  <c r="H2752" i="1"/>
  <c r="I2752" i="1"/>
  <c r="H2753" i="1"/>
  <c r="I2753" i="1"/>
  <c r="H2754" i="1"/>
  <c r="I2754" i="1"/>
  <c r="H2755" i="1"/>
  <c r="I2755" i="1"/>
  <c r="H2756" i="1"/>
  <c r="I2756" i="1"/>
  <c r="H2757" i="1"/>
  <c r="I2757" i="1"/>
  <c r="H2758" i="1"/>
  <c r="I2758" i="1"/>
  <c r="H2759" i="1"/>
  <c r="I2759" i="1"/>
  <c r="H2760" i="1"/>
  <c r="I2760" i="1"/>
  <c r="H2761" i="1"/>
  <c r="I2761" i="1"/>
  <c r="H2762" i="1"/>
  <c r="I2762" i="1"/>
  <c r="H2763" i="1"/>
  <c r="I2763" i="1"/>
  <c r="H2764" i="1"/>
  <c r="I2764" i="1"/>
  <c r="H2765" i="1"/>
  <c r="I2765" i="1"/>
  <c r="H2766" i="1"/>
  <c r="I2766" i="1"/>
  <c r="H2767" i="1"/>
  <c r="I2767" i="1"/>
  <c r="H2768" i="1"/>
  <c r="I2768" i="1"/>
  <c r="H2769" i="1"/>
  <c r="I2769" i="1"/>
  <c r="H2770" i="1"/>
  <c r="I2770" i="1"/>
  <c r="H2771" i="1"/>
  <c r="I2771" i="1"/>
  <c r="H2772" i="1"/>
  <c r="I2772" i="1"/>
  <c r="H2773" i="1"/>
  <c r="I2773" i="1"/>
  <c r="H2774" i="1"/>
  <c r="I2774" i="1"/>
  <c r="H2775" i="1"/>
  <c r="I2775" i="1"/>
  <c r="H2776" i="1"/>
  <c r="I2776" i="1"/>
  <c r="H2777" i="1"/>
  <c r="I2777" i="1"/>
  <c r="H2778" i="1"/>
  <c r="I2778" i="1"/>
  <c r="H2779" i="1"/>
  <c r="I2779" i="1"/>
  <c r="H2780" i="1"/>
  <c r="I2780" i="1"/>
  <c r="H2781" i="1"/>
  <c r="I2781" i="1"/>
  <c r="H2782" i="1"/>
  <c r="I2782" i="1"/>
  <c r="H2783" i="1"/>
  <c r="I2783" i="1"/>
  <c r="H2784" i="1"/>
  <c r="I2784" i="1"/>
  <c r="H2785" i="1"/>
  <c r="I2785" i="1"/>
  <c r="H2786" i="1"/>
  <c r="I2786" i="1"/>
  <c r="H2787" i="1"/>
  <c r="I2787" i="1"/>
  <c r="H2788" i="1"/>
  <c r="I2788" i="1"/>
  <c r="H2789" i="1"/>
  <c r="I2789" i="1"/>
  <c r="H2790" i="1"/>
  <c r="I2790" i="1"/>
  <c r="H2791" i="1"/>
  <c r="I2791" i="1"/>
  <c r="H2792" i="1"/>
  <c r="I2792" i="1"/>
  <c r="H2793" i="1"/>
  <c r="I2793" i="1"/>
  <c r="H2794" i="1"/>
  <c r="I2794" i="1"/>
  <c r="H2795" i="1"/>
  <c r="I2795" i="1"/>
  <c r="H2796" i="1"/>
  <c r="I2796" i="1"/>
  <c r="H2797" i="1"/>
  <c r="I2797" i="1"/>
  <c r="H2798" i="1"/>
  <c r="I2798" i="1"/>
  <c r="H2799" i="1"/>
  <c r="I2799" i="1"/>
  <c r="H2800" i="1"/>
  <c r="I2800" i="1"/>
  <c r="H2801" i="1"/>
  <c r="I2801" i="1"/>
  <c r="H2802" i="1"/>
  <c r="I2802" i="1"/>
  <c r="H2803" i="1"/>
  <c r="I2803" i="1"/>
  <c r="H2804" i="1"/>
  <c r="I2804" i="1"/>
  <c r="H2805" i="1"/>
  <c r="I2805" i="1"/>
  <c r="H2806" i="1"/>
  <c r="I2806" i="1"/>
  <c r="H2807" i="1"/>
  <c r="I2807" i="1"/>
  <c r="H2808" i="1"/>
  <c r="I2808" i="1"/>
  <c r="H2809" i="1"/>
  <c r="I2809" i="1"/>
  <c r="H2810" i="1"/>
  <c r="I2810" i="1"/>
  <c r="H2811" i="1"/>
  <c r="I2811" i="1"/>
  <c r="H2812" i="1"/>
  <c r="I2812" i="1"/>
  <c r="H2813" i="1"/>
  <c r="I2813" i="1"/>
  <c r="H2814" i="1"/>
  <c r="I2814" i="1"/>
  <c r="H2815" i="1"/>
  <c r="I2815" i="1"/>
  <c r="H2816" i="1"/>
  <c r="I2816" i="1"/>
  <c r="H2817" i="1"/>
  <c r="I2817" i="1"/>
  <c r="H2818" i="1"/>
  <c r="I2818" i="1"/>
  <c r="H2819" i="1"/>
  <c r="I2819" i="1"/>
  <c r="H2820" i="1"/>
  <c r="I2820" i="1"/>
  <c r="H2821" i="1"/>
  <c r="I2821" i="1"/>
  <c r="H2822" i="1"/>
  <c r="I2822" i="1"/>
  <c r="H2823" i="1"/>
  <c r="I2823" i="1"/>
  <c r="H2824" i="1"/>
  <c r="I2824" i="1"/>
  <c r="H2825" i="1"/>
  <c r="I2825" i="1"/>
  <c r="H2826" i="1"/>
  <c r="I2826" i="1"/>
  <c r="H2827" i="1"/>
  <c r="I2827" i="1"/>
  <c r="H2828" i="1"/>
  <c r="I2828" i="1"/>
  <c r="H2829" i="1"/>
  <c r="I2829" i="1"/>
  <c r="H2830" i="1"/>
  <c r="I2830" i="1"/>
  <c r="H2831" i="1"/>
  <c r="I2831" i="1"/>
  <c r="H2832" i="1"/>
  <c r="I2832" i="1"/>
  <c r="H2833" i="1"/>
  <c r="I2833" i="1"/>
  <c r="H2834" i="1"/>
  <c r="I2834" i="1"/>
  <c r="H2835" i="1"/>
  <c r="I2835" i="1"/>
  <c r="H2836" i="1"/>
  <c r="I2836" i="1"/>
  <c r="H2837" i="1"/>
  <c r="I2837" i="1"/>
  <c r="H2838" i="1"/>
  <c r="I2838" i="1"/>
  <c r="H2839" i="1"/>
  <c r="I2839" i="1"/>
  <c r="H2840" i="1"/>
  <c r="I2840" i="1"/>
  <c r="H2841" i="1"/>
  <c r="I2841" i="1"/>
  <c r="H2842" i="1"/>
  <c r="I2842" i="1"/>
  <c r="H2843" i="1"/>
  <c r="I2843" i="1"/>
  <c r="H2844" i="1"/>
  <c r="I2844" i="1"/>
  <c r="H2845" i="1"/>
  <c r="I2845" i="1"/>
  <c r="H2846" i="1"/>
  <c r="I2846" i="1"/>
  <c r="H2847" i="1"/>
  <c r="I2847" i="1"/>
  <c r="H2848" i="1"/>
  <c r="I2848" i="1"/>
  <c r="H2849" i="1"/>
  <c r="I2849" i="1"/>
  <c r="H2850" i="1"/>
  <c r="I2850" i="1"/>
  <c r="H2851" i="1"/>
  <c r="I2851" i="1"/>
  <c r="H2852" i="1"/>
  <c r="I2852" i="1"/>
  <c r="H2853" i="1"/>
  <c r="I2853" i="1"/>
  <c r="H2854" i="1"/>
  <c r="I2854" i="1"/>
  <c r="H2855" i="1"/>
  <c r="I2855" i="1"/>
  <c r="H2856" i="1"/>
  <c r="I2856" i="1"/>
  <c r="H2857" i="1"/>
  <c r="I2857" i="1"/>
  <c r="H2858" i="1"/>
  <c r="I2858" i="1"/>
  <c r="H2859" i="1"/>
  <c r="I2859" i="1"/>
  <c r="H2860" i="1"/>
  <c r="I2860" i="1"/>
  <c r="H2861" i="1"/>
  <c r="I2861" i="1"/>
  <c r="H2862" i="1"/>
  <c r="I2862" i="1"/>
  <c r="H2863" i="1"/>
  <c r="I2863" i="1"/>
  <c r="H2864" i="1"/>
  <c r="I2864" i="1"/>
  <c r="H2865" i="1"/>
  <c r="I2865" i="1"/>
  <c r="H2866" i="1"/>
  <c r="I2866" i="1"/>
  <c r="H2867" i="1"/>
  <c r="I2867" i="1"/>
  <c r="H2868" i="1"/>
  <c r="I2868" i="1"/>
  <c r="H2869" i="1"/>
  <c r="I2869" i="1"/>
  <c r="H2870" i="1"/>
  <c r="I2870" i="1"/>
  <c r="H2871" i="1"/>
  <c r="I2871" i="1"/>
  <c r="H2872" i="1"/>
  <c r="I2872" i="1"/>
  <c r="H2873" i="1"/>
  <c r="I2873" i="1"/>
  <c r="H2874" i="1"/>
  <c r="I2874" i="1"/>
  <c r="H2875" i="1"/>
  <c r="I2875" i="1"/>
  <c r="H2876" i="1"/>
  <c r="I2876" i="1"/>
  <c r="H2877" i="1"/>
  <c r="I2877" i="1"/>
  <c r="H2878" i="1"/>
  <c r="I2878" i="1"/>
  <c r="H2879" i="1"/>
  <c r="I2879" i="1"/>
  <c r="H2880" i="1"/>
  <c r="I2880" i="1"/>
  <c r="H2881" i="1"/>
  <c r="I2881" i="1"/>
  <c r="H2882" i="1"/>
  <c r="I2882" i="1"/>
  <c r="H2883" i="1"/>
  <c r="I2883" i="1"/>
  <c r="H2884" i="1"/>
  <c r="I2884" i="1"/>
  <c r="H2885" i="1"/>
  <c r="I2885" i="1"/>
  <c r="H2886" i="1"/>
  <c r="I2886" i="1"/>
  <c r="H2887" i="1"/>
  <c r="I2887" i="1"/>
  <c r="H2888" i="1"/>
  <c r="I2888" i="1"/>
  <c r="H2889" i="1"/>
  <c r="I2889" i="1"/>
  <c r="H2890" i="1"/>
  <c r="I2890" i="1"/>
  <c r="H2891" i="1"/>
  <c r="I2891" i="1"/>
  <c r="H2892" i="1"/>
  <c r="I2892" i="1"/>
  <c r="H2893" i="1"/>
  <c r="I2893" i="1"/>
  <c r="H2894" i="1"/>
  <c r="I2894" i="1"/>
  <c r="H2895" i="1"/>
  <c r="I2895" i="1"/>
  <c r="H2896" i="1"/>
  <c r="I2896" i="1"/>
  <c r="H2897" i="1"/>
  <c r="I2897" i="1"/>
  <c r="H2898" i="1"/>
  <c r="I2898" i="1"/>
  <c r="H2899" i="1"/>
  <c r="I2899" i="1"/>
  <c r="H2900" i="1"/>
  <c r="I2900" i="1"/>
  <c r="H2901" i="1"/>
  <c r="I2901" i="1"/>
  <c r="H2902" i="1"/>
  <c r="I2902" i="1"/>
  <c r="H2903" i="1"/>
  <c r="I2903" i="1"/>
  <c r="H2904" i="1"/>
  <c r="I2904" i="1"/>
  <c r="H2905" i="1"/>
  <c r="I2905" i="1"/>
  <c r="H2906" i="1"/>
  <c r="I2906" i="1"/>
  <c r="H2907" i="1"/>
  <c r="I2907" i="1"/>
  <c r="H2908" i="1"/>
  <c r="I2908" i="1"/>
  <c r="H2909" i="1"/>
  <c r="I2909" i="1"/>
  <c r="H2910" i="1"/>
  <c r="I2910" i="1"/>
  <c r="H2911" i="1"/>
  <c r="I2911" i="1"/>
  <c r="H2912" i="1"/>
  <c r="I2912" i="1"/>
  <c r="H2913" i="1"/>
  <c r="I2913" i="1"/>
  <c r="H2914" i="1"/>
  <c r="I2914" i="1"/>
  <c r="H2915" i="1"/>
  <c r="I2915" i="1"/>
  <c r="H2916" i="1"/>
  <c r="I2916" i="1"/>
  <c r="H2917" i="1"/>
  <c r="I2917" i="1"/>
  <c r="H2918" i="1"/>
  <c r="I2918" i="1"/>
  <c r="H2919" i="1"/>
  <c r="I2919" i="1"/>
  <c r="H2920" i="1"/>
  <c r="I2920" i="1"/>
  <c r="H2921" i="1"/>
  <c r="I2921" i="1"/>
  <c r="H2922" i="1"/>
  <c r="I2922" i="1"/>
  <c r="H2923" i="1"/>
  <c r="I2923" i="1"/>
  <c r="H2924" i="1"/>
  <c r="I2924" i="1"/>
  <c r="H2925" i="1"/>
  <c r="I2925" i="1"/>
  <c r="H2926" i="1"/>
  <c r="I2926" i="1"/>
  <c r="H2927" i="1"/>
  <c r="I2927" i="1"/>
  <c r="H2928" i="1"/>
  <c r="I2928" i="1"/>
  <c r="H2929" i="1"/>
  <c r="I2929" i="1"/>
  <c r="H2930" i="1"/>
  <c r="I2930" i="1"/>
  <c r="H2931" i="1"/>
  <c r="I2931" i="1"/>
  <c r="H2932" i="1"/>
  <c r="I2932" i="1"/>
  <c r="H2933" i="1"/>
  <c r="I2933" i="1"/>
  <c r="H2934" i="1"/>
  <c r="I2934" i="1"/>
  <c r="H2935" i="1"/>
  <c r="I2935" i="1"/>
  <c r="H2936" i="1"/>
  <c r="I2936" i="1"/>
  <c r="H2937" i="1"/>
  <c r="I2937" i="1"/>
  <c r="H2938" i="1"/>
  <c r="I2938" i="1"/>
  <c r="H2939" i="1"/>
  <c r="I2939" i="1"/>
  <c r="H2940" i="1"/>
  <c r="I2940" i="1"/>
  <c r="H2941" i="1"/>
  <c r="I2941" i="1"/>
  <c r="H2942" i="1"/>
  <c r="I2942" i="1"/>
  <c r="H2943" i="1"/>
  <c r="I2943" i="1"/>
  <c r="H2944" i="1"/>
  <c r="I2944" i="1"/>
  <c r="H2945" i="1"/>
  <c r="I2945" i="1"/>
  <c r="H2946" i="1"/>
  <c r="I2946" i="1"/>
  <c r="H2947" i="1"/>
  <c r="I2947" i="1"/>
  <c r="H2948" i="1"/>
  <c r="I2948" i="1"/>
  <c r="H2949" i="1"/>
  <c r="I2949" i="1"/>
  <c r="H2950" i="1"/>
  <c r="I2950" i="1"/>
  <c r="H2951" i="1"/>
  <c r="I2951" i="1"/>
  <c r="H2952" i="1"/>
  <c r="I2952" i="1"/>
  <c r="H2953" i="1"/>
  <c r="I2953" i="1"/>
  <c r="H2954" i="1"/>
  <c r="I2954" i="1"/>
  <c r="H2955" i="1"/>
  <c r="I2955" i="1"/>
  <c r="H2956" i="1"/>
  <c r="I2956" i="1"/>
  <c r="H2957" i="1"/>
  <c r="I2957" i="1"/>
  <c r="H2958" i="1"/>
  <c r="I2958" i="1"/>
  <c r="H2959" i="1"/>
  <c r="I2959" i="1"/>
  <c r="H2960" i="1"/>
  <c r="I2960" i="1"/>
  <c r="H2961" i="1"/>
  <c r="I2961" i="1"/>
  <c r="H2962" i="1"/>
  <c r="I2962" i="1"/>
  <c r="H2963" i="1"/>
  <c r="I2963" i="1"/>
  <c r="H2964" i="1"/>
  <c r="I2964" i="1"/>
  <c r="H2965" i="1"/>
  <c r="I2965" i="1"/>
  <c r="H2966" i="1"/>
  <c r="I2966" i="1"/>
  <c r="H2967" i="1"/>
  <c r="I2967" i="1"/>
  <c r="H2968" i="1"/>
  <c r="I2968" i="1"/>
  <c r="H2969" i="1"/>
  <c r="I2969" i="1"/>
  <c r="H2970" i="1"/>
  <c r="I2970" i="1"/>
  <c r="H2971" i="1"/>
  <c r="I2971" i="1"/>
  <c r="H2972" i="1"/>
  <c r="I2972" i="1"/>
  <c r="H2973" i="1"/>
  <c r="I2973" i="1"/>
  <c r="H2974" i="1"/>
  <c r="I2974" i="1"/>
  <c r="H2975" i="1"/>
  <c r="I2975" i="1"/>
  <c r="H2976" i="1"/>
  <c r="I2976" i="1"/>
  <c r="H2977" i="1"/>
  <c r="I2977" i="1"/>
  <c r="H2978" i="1"/>
  <c r="I2978" i="1"/>
  <c r="H2979" i="1"/>
  <c r="I2979" i="1"/>
  <c r="H2980" i="1"/>
  <c r="I2980" i="1"/>
  <c r="H2981" i="1"/>
  <c r="I2981" i="1"/>
  <c r="H2982" i="1"/>
  <c r="I2982" i="1"/>
  <c r="H2983" i="1"/>
  <c r="I2983" i="1"/>
  <c r="H2984" i="1"/>
  <c r="I2984" i="1"/>
  <c r="H2985" i="1"/>
  <c r="I2985" i="1"/>
  <c r="H2986" i="1"/>
  <c r="I2986" i="1"/>
  <c r="H2987" i="1"/>
  <c r="I2987" i="1"/>
  <c r="H2988" i="1"/>
  <c r="I2988" i="1"/>
  <c r="H2989" i="1"/>
  <c r="I2989" i="1"/>
  <c r="H2990" i="1"/>
  <c r="I2990" i="1"/>
  <c r="H2991" i="1"/>
  <c r="I2991" i="1"/>
  <c r="H2992" i="1"/>
  <c r="I2992" i="1"/>
  <c r="H2993" i="1"/>
  <c r="I2993" i="1"/>
  <c r="H2994" i="1"/>
  <c r="I2994" i="1"/>
  <c r="H2995" i="1"/>
  <c r="I2995" i="1"/>
  <c r="H2996" i="1"/>
  <c r="I2996" i="1"/>
  <c r="H2997" i="1"/>
  <c r="I2997" i="1"/>
  <c r="H2998" i="1"/>
  <c r="I2998" i="1"/>
  <c r="H2999" i="1"/>
  <c r="I2999" i="1"/>
  <c r="H3000" i="1"/>
  <c r="I3000" i="1"/>
  <c r="H3001" i="1"/>
  <c r="I3001" i="1"/>
  <c r="H3002" i="1"/>
  <c r="I3002" i="1"/>
  <c r="H3003" i="1"/>
  <c r="I3003" i="1"/>
  <c r="H3004" i="1"/>
  <c r="I3004" i="1"/>
  <c r="H3005" i="1"/>
  <c r="I3005" i="1"/>
  <c r="H3006" i="1"/>
  <c r="I3006" i="1"/>
  <c r="H3007" i="1"/>
  <c r="I3007" i="1"/>
  <c r="H3008" i="1"/>
  <c r="I3008" i="1"/>
  <c r="H3009" i="1"/>
  <c r="I3009" i="1"/>
  <c r="H3010" i="1"/>
  <c r="I3010" i="1"/>
  <c r="H3011" i="1"/>
  <c r="I3011" i="1"/>
  <c r="H3012" i="1"/>
  <c r="I3012" i="1"/>
  <c r="H3013" i="1"/>
  <c r="I3013" i="1"/>
  <c r="H3014" i="1"/>
  <c r="I3014" i="1"/>
  <c r="H3015" i="1"/>
  <c r="I3015" i="1"/>
  <c r="H3016" i="1"/>
  <c r="I3016" i="1"/>
  <c r="H3017" i="1"/>
  <c r="I3017" i="1"/>
  <c r="H3018" i="1"/>
  <c r="I3018" i="1"/>
  <c r="H3019" i="1"/>
  <c r="I3019" i="1"/>
  <c r="H3020" i="1"/>
  <c r="I3020" i="1"/>
  <c r="H3021" i="1"/>
  <c r="I3021" i="1"/>
  <c r="H3022" i="1"/>
  <c r="I3022" i="1"/>
  <c r="H3023" i="1"/>
  <c r="I3023" i="1"/>
  <c r="H3024" i="1"/>
  <c r="I3024" i="1"/>
  <c r="H3025" i="1"/>
  <c r="I3025" i="1"/>
  <c r="H3026" i="1"/>
  <c r="I3026" i="1"/>
  <c r="H3027" i="1"/>
  <c r="I3027" i="1"/>
  <c r="H3028" i="1"/>
  <c r="I3028" i="1"/>
  <c r="H3029" i="1"/>
  <c r="I3029" i="1"/>
  <c r="H3030" i="1"/>
  <c r="I3030" i="1"/>
  <c r="H3031" i="1"/>
  <c r="I3031" i="1"/>
  <c r="H3032" i="1"/>
  <c r="I3032" i="1"/>
  <c r="H3033" i="1"/>
  <c r="I3033" i="1"/>
  <c r="H3034" i="1"/>
  <c r="I3034" i="1"/>
  <c r="H3035" i="1"/>
  <c r="I3035" i="1"/>
  <c r="H3036" i="1"/>
  <c r="I3036" i="1"/>
  <c r="H3037" i="1"/>
  <c r="I3037" i="1"/>
  <c r="H3038" i="1"/>
  <c r="I3038" i="1"/>
  <c r="H3039" i="1"/>
  <c r="I3039" i="1"/>
  <c r="H3040" i="1"/>
  <c r="I3040" i="1"/>
  <c r="H3041" i="1"/>
  <c r="I3041" i="1"/>
  <c r="H3042" i="1"/>
  <c r="I3042" i="1"/>
  <c r="H3043" i="1"/>
  <c r="I3043" i="1"/>
  <c r="H3044" i="1"/>
  <c r="I3044" i="1"/>
  <c r="H3045" i="1"/>
  <c r="I3045" i="1"/>
  <c r="H3046" i="1"/>
  <c r="I3046" i="1"/>
  <c r="H3047" i="1"/>
  <c r="I3047" i="1"/>
  <c r="H3048" i="1"/>
  <c r="I3048" i="1"/>
  <c r="H3049" i="1"/>
  <c r="I3049" i="1"/>
  <c r="H3050" i="1"/>
  <c r="I3050" i="1"/>
  <c r="H3051" i="1"/>
  <c r="I3051" i="1"/>
  <c r="H3052" i="1"/>
  <c r="I3052" i="1"/>
  <c r="H3053" i="1"/>
  <c r="I3053" i="1"/>
  <c r="H3054" i="1"/>
  <c r="I3054" i="1"/>
  <c r="H3055" i="1"/>
  <c r="I3055" i="1"/>
  <c r="H3056" i="1"/>
  <c r="I3056" i="1"/>
  <c r="H3057" i="1"/>
  <c r="I3057" i="1"/>
  <c r="H3058" i="1"/>
  <c r="I3058" i="1"/>
  <c r="H3059" i="1"/>
  <c r="I3059" i="1"/>
  <c r="H3060" i="1"/>
  <c r="I3060" i="1"/>
  <c r="H3061" i="1"/>
  <c r="I3061" i="1"/>
  <c r="H3062" i="1"/>
  <c r="I3062" i="1"/>
  <c r="H3063" i="1"/>
  <c r="I3063" i="1"/>
  <c r="H3064" i="1"/>
  <c r="I3064" i="1"/>
  <c r="H3065" i="1"/>
  <c r="I3065" i="1"/>
  <c r="H3066" i="1"/>
  <c r="I3066" i="1"/>
  <c r="H3067" i="1"/>
  <c r="I3067" i="1"/>
  <c r="H3068" i="1"/>
  <c r="I3068" i="1"/>
  <c r="H3069" i="1"/>
  <c r="I3069" i="1"/>
  <c r="H3070" i="1"/>
  <c r="I3070" i="1"/>
  <c r="H3071" i="1"/>
  <c r="I3071" i="1"/>
  <c r="H3072" i="1"/>
  <c r="I3072" i="1"/>
  <c r="H3073" i="1"/>
  <c r="I3073" i="1"/>
  <c r="H3074" i="1"/>
  <c r="I3074" i="1"/>
  <c r="H3075" i="1"/>
  <c r="I3075" i="1"/>
  <c r="H3076" i="1"/>
  <c r="I3076" i="1"/>
  <c r="H3077" i="1"/>
  <c r="I3077" i="1"/>
  <c r="H3078" i="1"/>
  <c r="I3078" i="1"/>
  <c r="H3079" i="1"/>
  <c r="I3079" i="1"/>
  <c r="H3080" i="1"/>
  <c r="I3080" i="1"/>
  <c r="H3081" i="1"/>
  <c r="I3081" i="1"/>
  <c r="H3082" i="1"/>
  <c r="I3082" i="1"/>
  <c r="H3083" i="1"/>
  <c r="I3083" i="1"/>
  <c r="H3084" i="1"/>
  <c r="I3084" i="1"/>
  <c r="H3085" i="1"/>
  <c r="I3085" i="1"/>
  <c r="H3086" i="1"/>
  <c r="I3086" i="1"/>
  <c r="H3087" i="1"/>
  <c r="I3087" i="1"/>
  <c r="H3088" i="1"/>
  <c r="I3088" i="1"/>
  <c r="H3089" i="1"/>
  <c r="I3089" i="1"/>
  <c r="H3090" i="1"/>
  <c r="I3090" i="1"/>
  <c r="H3091" i="1"/>
  <c r="I3091" i="1"/>
  <c r="H3092" i="1"/>
  <c r="I3092" i="1"/>
  <c r="H3093" i="1"/>
  <c r="I3093" i="1"/>
  <c r="H3094" i="1"/>
  <c r="I3094" i="1"/>
  <c r="H3095" i="1"/>
  <c r="I3095" i="1"/>
  <c r="H3096" i="1"/>
  <c r="I3096" i="1"/>
  <c r="H3097" i="1"/>
  <c r="I3097" i="1"/>
  <c r="H3098" i="1"/>
  <c r="I3098" i="1"/>
  <c r="H3099" i="1"/>
  <c r="I3099" i="1"/>
  <c r="H3100" i="1"/>
  <c r="I3100" i="1"/>
  <c r="H3101" i="1"/>
  <c r="I3101" i="1"/>
  <c r="H3102" i="1"/>
  <c r="I3102" i="1"/>
  <c r="H3103" i="1"/>
  <c r="I3103" i="1"/>
  <c r="H3104" i="1"/>
  <c r="I3104" i="1"/>
  <c r="H3105" i="1"/>
  <c r="I3105" i="1"/>
  <c r="H3106" i="1"/>
  <c r="I3106" i="1"/>
  <c r="H3107" i="1"/>
  <c r="I3107" i="1"/>
  <c r="H3108" i="1"/>
  <c r="I3108" i="1"/>
  <c r="H3109" i="1"/>
  <c r="I3109" i="1"/>
  <c r="H3110" i="1"/>
  <c r="I3110" i="1"/>
  <c r="H3111" i="1"/>
  <c r="I3111" i="1"/>
  <c r="H3112" i="1"/>
  <c r="I3112" i="1"/>
  <c r="H3113" i="1"/>
  <c r="I3113" i="1"/>
  <c r="H3114" i="1"/>
  <c r="I3114" i="1"/>
  <c r="H3115" i="1"/>
  <c r="I3115" i="1"/>
  <c r="H3116" i="1"/>
  <c r="I3116" i="1"/>
  <c r="H3117" i="1"/>
  <c r="I3117" i="1"/>
  <c r="H3118" i="1"/>
  <c r="I3118" i="1"/>
  <c r="H3119" i="1"/>
  <c r="I3119" i="1"/>
  <c r="H3120" i="1"/>
  <c r="I3120" i="1"/>
  <c r="H3121" i="1"/>
  <c r="I3121" i="1"/>
  <c r="H3122" i="1"/>
  <c r="I3122" i="1"/>
  <c r="H3123" i="1"/>
  <c r="I3123" i="1"/>
  <c r="H3124" i="1"/>
  <c r="I3124" i="1"/>
  <c r="H3125" i="1"/>
  <c r="I3125" i="1"/>
  <c r="H3126" i="1"/>
  <c r="I3126" i="1"/>
  <c r="H3127" i="1"/>
  <c r="I3127" i="1"/>
  <c r="H3128" i="1"/>
  <c r="I3128" i="1"/>
  <c r="H3129" i="1"/>
  <c r="I3129" i="1"/>
  <c r="H3130" i="1"/>
  <c r="I3130" i="1"/>
  <c r="H3131" i="1"/>
  <c r="I3131" i="1"/>
  <c r="H3132" i="1"/>
  <c r="I3132" i="1"/>
  <c r="H3133" i="1"/>
  <c r="I3133" i="1"/>
  <c r="H3134" i="1"/>
  <c r="I3134" i="1"/>
  <c r="H3135" i="1"/>
  <c r="I3135" i="1"/>
  <c r="H3136" i="1"/>
  <c r="I3136" i="1"/>
  <c r="H3137" i="1"/>
  <c r="I3137" i="1"/>
  <c r="H3138" i="1"/>
  <c r="I3138" i="1"/>
  <c r="H3139" i="1"/>
  <c r="I3139" i="1"/>
  <c r="H3140" i="1"/>
  <c r="I3140" i="1"/>
  <c r="H3141" i="1"/>
  <c r="I3141" i="1"/>
  <c r="H3142" i="1"/>
  <c r="I3142" i="1"/>
  <c r="H3143" i="1"/>
  <c r="I3143" i="1"/>
  <c r="H3144" i="1"/>
  <c r="I3144" i="1"/>
  <c r="H3145" i="1"/>
  <c r="I3145" i="1"/>
  <c r="H3146" i="1"/>
  <c r="I3146" i="1"/>
  <c r="H3147" i="1"/>
  <c r="I3147" i="1"/>
  <c r="H3148" i="1"/>
  <c r="I3148" i="1"/>
  <c r="H3149" i="1"/>
  <c r="I3149" i="1"/>
  <c r="H3150" i="1"/>
  <c r="I3150" i="1"/>
  <c r="H3151" i="1"/>
  <c r="I3151" i="1"/>
  <c r="H3152" i="1"/>
  <c r="I3152" i="1"/>
  <c r="H3153" i="1"/>
  <c r="I3153" i="1"/>
  <c r="H3154" i="1"/>
  <c r="I3154" i="1"/>
  <c r="H3155" i="1"/>
  <c r="I3155" i="1"/>
  <c r="H3156" i="1"/>
  <c r="I3156" i="1"/>
  <c r="H3157" i="1"/>
  <c r="I3157" i="1"/>
  <c r="H3158" i="1"/>
  <c r="I3158" i="1"/>
  <c r="H3159" i="1"/>
  <c r="I3159" i="1"/>
  <c r="H3160" i="1"/>
  <c r="I3160" i="1"/>
  <c r="H3161" i="1"/>
  <c r="I3161" i="1"/>
  <c r="H3162" i="1"/>
  <c r="I3162" i="1"/>
  <c r="H3163" i="1"/>
  <c r="I3163" i="1"/>
  <c r="H3164" i="1"/>
  <c r="I3164" i="1"/>
  <c r="H3165" i="1"/>
  <c r="I3165" i="1"/>
  <c r="H3166" i="1"/>
  <c r="I3166" i="1"/>
  <c r="H3167" i="1"/>
  <c r="I3167" i="1"/>
  <c r="H3168" i="1"/>
  <c r="I3168" i="1"/>
  <c r="H3169" i="1"/>
  <c r="I3169" i="1"/>
  <c r="H3170" i="1"/>
  <c r="I3170" i="1"/>
  <c r="H3171" i="1"/>
  <c r="I3171" i="1"/>
  <c r="H3172" i="1"/>
  <c r="I3172" i="1"/>
  <c r="H3173" i="1"/>
  <c r="I3173" i="1"/>
  <c r="H3174" i="1"/>
  <c r="I3174" i="1"/>
  <c r="H3175" i="1"/>
  <c r="I3175" i="1"/>
  <c r="H3176" i="1"/>
  <c r="I3176" i="1"/>
  <c r="H3177" i="1"/>
  <c r="I3177" i="1"/>
  <c r="H3178" i="1"/>
  <c r="I3178" i="1"/>
  <c r="H3179" i="1"/>
  <c r="I3179" i="1"/>
  <c r="H3180" i="1"/>
  <c r="I3180" i="1"/>
  <c r="H3181" i="1"/>
  <c r="I3181" i="1"/>
  <c r="H3182" i="1"/>
  <c r="I3182" i="1"/>
  <c r="H3183" i="1"/>
  <c r="I3183" i="1"/>
  <c r="H3184" i="1"/>
  <c r="I3184" i="1"/>
  <c r="H3185" i="1"/>
  <c r="I3185" i="1"/>
  <c r="H3186" i="1"/>
  <c r="I3186" i="1"/>
  <c r="H3187" i="1"/>
  <c r="I3187" i="1"/>
  <c r="H3188" i="1"/>
  <c r="I3188" i="1"/>
  <c r="H3189" i="1"/>
  <c r="I3189" i="1"/>
  <c r="H3190" i="1"/>
  <c r="I3190" i="1"/>
  <c r="H3191" i="1"/>
  <c r="I3191" i="1"/>
  <c r="H3192" i="1"/>
  <c r="I3192" i="1"/>
  <c r="H3193" i="1"/>
  <c r="I3193" i="1"/>
  <c r="H3194" i="1"/>
  <c r="I3194" i="1"/>
  <c r="H3195" i="1"/>
  <c r="I3195" i="1"/>
  <c r="H3196" i="1"/>
  <c r="I3196" i="1"/>
  <c r="H3197" i="1"/>
  <c r="I3197" i="1"/>
  <c r="H3198" i="1"/>
  <c r="I3198" i="1"/>
  <c r="H3199" i="1"/>
  <c r="I3199" i="1"/>
  <c r="H3200" i="1"/>
  <c r="I3200" i="1"/>
  <c r="H3201" i="1"/>
  <c r="I3201" i="1"/>
  <c r="H3202" i="1"/>
  <c r="I3202" i="1"/>
  <c r="H3203" i="1"/>
  <c r="I3203" i="1"/>
  <c r="H3204" i="1"/>
  <c r="I3204" i="1"/>
  <c r="H3205" i="1"/>
  <c r="I3205" i="1"/>
  <c r="H3206" i="1"/>
  <c r="I3206" i="1"/>
  <c r="H3207" i="1"/>
  <c r="I3207" i="1"/>
  <c r="H3208" i="1"/>
  <c r="I3208" i="1"/>
  <c r="H3209" i="1"/>
  <c r="I3209" i="1"/>
  <c r="H3210" i="1"/>
  <c r="I3210" i="1"/>
  <c r="H3211" i="1"/>
  <c r="I3211" i="1"/>
  <c r="H3212" i="1"/>
  <c r="I3212" i="1"/>
  <c r="H3213" i="1"/>
  <c r="I3213" i="1"/>
  <c r="H3214" i="1"/>
  <c r="I3214" i="1"/>
  <c r="H3215" i="1"/>
  <c r="I3215" i="1"/>
  <c r="H3216" i="1"/>
  <c r="I3216" i="1"/>
  <c r="H3217" i="1"/>
  <c r="I3217" i="1"/>
  <c r="H3218" i="1"/>
  <c r="I3218" i="1"/>
  <c r="H3219" i="1"/>
  <c r="I3219" i="1"/>
  <c r="H3220" i="1"/>
  <c r="I3220" i="1"/>
  <c r="H3221" i="1"/>
  <c r="I3221" i="1"/>
  <c r="H3222" i="1"/>
  <c r="I3222" i="1"/>
  <c r="H3223" i="1"/>
  <c r="I3223" i="1"/>
  <c r="H3224" i="1"/>
  <c r="I3224" i="1"/>
  <c r="H3225" i="1"/>
  <c r="I3225" i="1"/>
  <c r="H3226" i="1"/>
  <c r="I3226" i="1"/>
  <c r="H3227" i="1"/>
  <c r="I3227" i="1"/>
  <c r="H3228" i="1"/>
  <c r="I3228" i="1"/>
  <c r="H3229" i="1"/>
  <c r="I3229" i="1"/>
  <c r="H3230" i="1"/>
  <c r="I3230" i="1"/>
  <c r="H3231" i="1"/>
  <c r="I3231" i="1"/>
  <c r="H3232" i="1"/>
  <c r="I3232" i="1"/>
  <c r="H3233" i="1"/>
  <c r="I3233" i="1"/>
  <c r="H3234" i="1"/>
  <c r="I3234" i="1"/>
  <c r="H3235" i="1"/>
  <c r="I3235" i="1"/>
  <c r="H3236" i="1"/>
  <c r="I3236" i="1"/>
  <c r="H3237" i="1"/>
  <c r="I3237" i="1"/>
  <c r="H3238" i="1"/>
  <c r="I3238" i="1"/>
  <c r="H3239" i="1"/>
  <c r="I3239" i="1"/>
  <c r="H3240" i="1"/>
  <c r="I3240" i="1"/>
  <c r="H3241" i="1"/>
  <c r="I3241" i="1"/>
  <c r="H3242" i="1"/>
  <c r="I3242" i="1"/>
  <c r="H3243" i="1"/>
  <c r="I3243" i="1"/>
  <c r="H3244" i="1"/>
  <c r="I3244" i="1"/>
  <c r="H3245" i="1"/>
  <c r="I3245" i="1"/>
  <c r="H3246" i="1"/>
  <c r="I3246" i="1"/>
  <c r="H3247" i="1"/>
  <c r="I3247" i="1"/>
  <c r="H3248" i="1"/>
  <c r="I3248" i="1"/>
  <c r="H3249" i="1"/>
  <c r="I3249" i="1"/>
  <c r="H3250" i="1"/>
  <c r="I3250" i="1"/>
  <c r="H3251" i="1"/>
  <c r="I3251" i="1"/>
  <c r="H3252" i="1"/>
  <c r="I3252" i="1"/>
  <c r="H3253" i="1"/>
  <c r="I3253" i="1"/>
  <c r="H3254" i="1"/>
  <c r="I3254" i="1"/>
  <c r="H3255" i="1"/>
  <c r="I3255" i="1"/>
  <c r="H3256" i="1"/>
  <c r="I3256" i="1"/>
  <c r="H3257" i="1"/>
  <c r="I3257" i="1"/>
  <c r="H3258" i="1"/>
  <c r="I3258" i="1"/>
  <c r="H3259" i="1"/>
  <c r="I3259" i="1"/>
  <c r="H3260" i="1"/>
  <c r="I3260" i="1"/>
  <c r="H3261" i="1"/>
  <c r="I3261" i="1"/>
  <c r="H3262" i="1"/>
  <c r="I3262" i="1"/>
  <c r="H3263" i="1"/>
  <c r="I3263" i="1"/>
  <c r="H3264" i="1"/>
  <c r="I3264" i="1"/>
  <c r="H3265" i="1"/>
  <c r="I3265" i="1"/>
  <c r="H3266" i="1"/>
  <c r="I3266" i="1"/>
  <c r="H3267" i="1"/>
  <c r="I3267" i="1"/>
  <c r="H3268" i="1"/>
  <c r="I3268" i="1"/>
  <c r="H3269" i="1"/>
  <c r="I3269" i="1"/>
  <c r="H3270" i="1"/>
  <c r="I3270" i="1"/>
  <c r="H3271" i="1"/>
  <c r="I3271" i="1"/>
  <c r="H3272" i="1"/>
  <c r="I3272" i="1"/>
  <c r="H3273" i="1"/>
  <c r="I3273" i="1"/>
  <c r="H3274" i="1"/>
  <c r="I3274" i="1"/>
  <c r="H3275" i="1"/>
  <c r="I3275" i="1"/>
  <c r="H3276" i="1"/>
  <c r="I3276" i="1"/>
  <c r="H3277" i="1"/>
  <c r="I3277" i="1"/>
  <c r="H3278" i="1"/>
  <c r="I3278" i="1"/>
  <c r="H3279" i="1"/>
  <c r="I3279" i="1"/>
  <c r="H3280" i="1"/>
  <c r="I3280" i="1"/>
  <c r="H3281" i="1"/>
  <c r="I3281" i="1"/>
  <c r="H3282" i="1"/>
  <c r="I3282" i="1"/>
  <c r="H3283" i="1"/>
  <c r="I3283" i="1"/>
  <c r="H3284" i="1"/>
  <c r="I3284" i="1"/>
  <c r="H3285" i="1"/>
  <c r="I3285" i="1"/>
  <c r="H3286" i="1"/>
  <c r="I3286" i="1"/>
  <c r="H3287" i="1"/>
  <c r="I3287" i="1"/>
  <c r="H3288" i="1"/>
  <c r="I3288" i="1"/>
  <c r="H3289" i="1"/>
  <c r="I3289" i="1"/>
  <c r="H3290" i="1"/>
  <c r="I3290" i="1"/>
  <c r="H3291" i="1"/>
  <c r="I3291" i="1"/>
  <c r="I3" i="1"/>
  <c r="H3" i="1"/>
</calcChain>
</file>

<file path=xl/sharedStrings.xml><?xml version="1.0" encoding="utf-8"?>
<sst xmlns="http://schemas.openxmlformats.org/spreadsheetml/2006/main" count="13162" uniqueCount="6431">
  <si>
    <t>種別</t>
    <rPh sb="0" eb="2">
      <t>シュベツ</t>
    </rPh>
    <phoneticPr fontId="8"/>
  </si>
  <si>
    <t>指定医療機関名称</t>
    <rPh sb="0" eb="2">
      <t>シテイ</t>
    </rPh>
    <rPh sb="2" eb="4">
      <t>イリョウ</t>
    </rPh>
    <rPh sb="4" eb="6">
      <t>キカン</t>
    </rPh>
    <rPh sb="6" eb="8">
      <t>メイショウ</t>
    </rPh>
    <phoneticPr fontId="8"/>
  </si>
  <si>
    <t>所在地</t>
    <rPh sb="0" eb="3">
      <t>ショザイチ</t>
    </rPh>
    <phoneticPr fontId="8"/>
  </si>
  <si>
    <t>保険医療機関等
コード</t>
    <rPh sb="0" eb="2">
      <t>ホケン</t>
    </rPh>
    <rPh sb="2" eb="4">
      <t>イリョウ</t>
    </rPh>
    <rPh sb="4" eb="6">
      <t>キカン</t>
    </rPh>
    <rPh sb="6" eb="7">
      <t>トウ</t>
    </rPh>
    <phoneticPr fontId="8"/>
  </si>
  <si>
    <t>指定有効期間
終了日</t>
    <rPh sb="0" eb="2">
      <t>シテイ</t>
    </rPh>
    <rPh sb="2" eb="4">
      <t>ユウコウ</t>
    </rPh>
    <rPh sb="4" eb="6">
      <t>キカン</t>
    </rPh>
    <rPh sb="7" eb="9">
      <t>シュウリョウ</t>
    </rPh>
    <rPh sb="9" eb="10">
      <t>ビ</t>
    </rPh>
    <phoneticPr fontId="8"/>
  </si>
  <si>
    <t>市町村
〔検索用〕</t>
    <rPh sb="0" eb="3">
      <t>シチョウソン</t>
    </rPh>
    <rPh sb="1" eb="3">
      <t>チョウソン</t>
    </rPh>
    <rPh sb="5" eb="8">
      <t>ケンサクヨウ</t>
    </rPh>
    <phoneticPr fontId="8"/>
  </si>
  <si>
    <t>歯科</t>
  </si>
  <si>
    <t>なお歯科</t>
  </si>
  <si>
    <t>横須賀市安浦町2-4-13</t>
  </si>
  <si>
    <t>横須賀市</t>
  </si>
  <si>
    <t>衣笠ヘルスケア歯科・矯正歯科</t>
  </si>
  <si>
    <t>横須賀市衣笠栄町1-40</t>
  </si>
  <si>
    <t>福島デンタルクリニック</t>
  </si>
  <si>
    <t>横須賀市追浜町3-2　ナスカクリニックビル5F</t>
  </si>
  <si>
    <t>サンライズファミリークリニック</t>
  </si>
  <si>
    <t>横須賀市武1-28-5</t>
  </si>
  <si>
    <t>衣笠あかり訪問歯科クリニック</t>
  </si>
  <si>
    <t>横須賀市平作1-14-14-101</t>
  </si>
  <si>
    <t>平塚デンタルクリニック</t>
  </si>
  <si>
    <t>平塚市錦町4-22　アクロスプラザ平塚見附2F</t>
  </si>
  <si>
    <t>平塚市</t>
  </si>
  <si>
    <t>医療法人社団福順会　かじわら歯科クリニック</t>
  </si>
  <si>
    <t>鎌倉市梶原2-34-23</t>
  </si>
  <si>
    <t>鎌倉市</t>
  </si>
  <si>
    <t>医療法人　樹会　いがらし歯科医院</t>
  </si>
  <si>
    <t>鎌倉市山崎1222-23　1F</t>
  </si>
  <si>
    <t>加茂歯科</t>
  </si>
  <si>
    <t>鎌倉市雪ノ下1-16-24</t>
  </si>
  <si>
    <t>大船みんなの歯科クリニック</t>
  </si>
  <si>
    <t>鎌倉市大船2-18-6</t>
  </si>
  <si>
    <t>医療法人社団咲陽会　ふかわ矯正歯科</t>
  </si>
  <si>
    <t>鎌倉市大船2-20-35</t>
  </si>
  <si>
    <t>医療法人社団　カマタ歯科診療所</t>
  </si>
  <si>
    <t>鎌倉市大船2-6-20　MCH大船1F</t>
  </si>
  <si>
    <t>ひまわり歯科</t>
  </si>
  <si>
    <t>鎌倉市大船2丁目21番15号　浜田第2ビル2F</t>
  </si>
  <si>
    <t>鎌倉大町歯科</t>
  </si>
  <si>
    <t>鎌倉市大町4丁目1番７号</t>
  </si>
  <si>
    <t>湘南ふじさわ歯科</t>
  </si>
  <si>
    <t>藤沢市葛原2413番地6</t>
  </si>
  <si>
    <t>藤沢市</t>
  </si>
  <si>
    <t>たちばな歯科医院</t>
  </si>
  <si>
    <t>藤沢市鵠沼橘2-12-26</t>
  </si>
  <si>
    <t>パーク歯科クリニック</t>
  </si>
  <si>
    <t>藤沢市鵠沼石上1-2-10　Wel-BIZ藤沢 2F</t>
  </si>
  <si>
    <t>コンパス内科歯科クリニック藤沢湘南台</t>
  </si>
  <si>
    <t>藤沢市湘南台1丁目15番地22号　ガーデンパレス湘南台102号室</t>
  </si>
  <si>
    <t>ひらの歯科医院</t>
  </si>
  <si>
    <t>藤沢市菖蒲沢611番1</t>
  </si>
  <si>
    <t>伊藤歯科医院</t>
  </si>
  <si>
    <t>藤沢市川名1-3-20-510</t>
  </si>
  <si>
    <t>デンタルハート湘南</t>
  </si>
  <si>
    <t>藤沢市長後706番地　ゴールドエイジ藤沢106号</t>
  </si>
  <si>
    <t>つばめデンタルクリニック</t>
  </si>
  <si>
    <t>藤沢市辻堂1丁目4番29号　1F　A-1</t>
  </si>
  <si>
    <t>鈴木デンタルクリニック</t>
  </si>
  <si>
    <t>藤沢市藤沢4番地　鈴木ビル1Ｆ</t>
  </si>
  <si>
    <t>湘南食サポート歯科</t>
  </si>
  <si>
    <t>藤沢市本藤沢1丁目10番14号 1F</t>
  </si>
  <si>
    <t>永村歯科クリニック</t>
  </si>
  <si>
    <t>藤沢市弥勒寺1丁目2-10-1</t>
  </si>
  <si>
    <t>グレースデンタルメディカルクリニック　小田原分院</t>
  </si>
  <si>
    <t>小田原市栄町2丁目8番39号　魚がしビル2F</t>
  </si>
  <si>
    <t>小田原市</t>
  </si>
  <si>
    <t>伊東歯科医院</t>
  </si>
  <si>
    <t>小田原市国府津1丁目6番14号</t>
  </si>
  <si>
    <t>医療法人　同愛会　小澤病院</t>
  </si>
  <si>
    <t>小田原市本町1丁目1番17号</t>
  </si>
  <si>
    <t>ざくろ歯科</t>
  </si>
  <si>
    <t>茅ヶ崎市みずき3-1-10　サンミズキビル3F</t>
  </si>
  <si>
    <t>茅ヶ崎市</t>
  </si>
  <si>
    <t>下町屋歯科医院</t>
  </si>
  <si>
    <t>茅ヶ崎市下町屋3-14-2</t>
  </si>
  <si>
    <t>茅ヶ崎パーク歯科クリニック</t>
  </si>
  <si>
    <t>茅ヶ崎市茅ヶ崎3-5-16　イオン茅ケ崎中央SC 3F</t>
  </si>
  <si>
    <t>LaLaクリニック</t>
  </si>
  <si>
    <t>茅ヶ崎市本宿町3-5</t>
  </si>
  <si>
    <t>茅ヶ崎市立病院</t>
  </si>
  <si>
    <t>茅ヶ崎市本村5丁目15番1号</t>
  </si>
  <si>
    <t>Kuu デンタルクリニック</t>
  </si>
  <si>
    <t>茅ヶ崎市矢畑215-1</t>
  </si>
  <si>
    <t>医療法人メディスタイル　逗子メディスタイルクリニック</t>
  </si>
  <si>
    <t>逗子市逗子1丁目5番4号　128ビル3F</t>
  </si>
  <si>
    <t>逗子市</t>
  </si>
  <si>
    <t>医療法人社団厚誠会歯科　秦野</t>
  </si>
  <si>
    <t>秦野市大秦町1-10　グランドホテル神奈中・5F</t>
  </si>
  <si>
    <t>秦野市</t>
  </si>
  <si>
    <t>サークル歯科</t>
  </si>
  <si>
    <t>秦野市鶴巻南2-44-10</t>
  </si>
  <si>
    <t>医療法人宝歯会　平沢歯科</t>
  </si>
  <si>
    <t>秦野市平沢1152-1</t>
  </si>
  <si>
    <t>中島歯科医院</t>
  </si>
  <si>
    <t>厚木市中依知85-1　本厚木スカイハイツ104号</t>
  </si>
  <si>
    <t>厚木市</t>
  </si>
  <si>
    <t>医療法人社団厚誠会歯科　本厚木</t>
  </si>
  <si>
    <t>厚木市中町2-2-1　小田急本厚木ミロード 7F</t>
  </si>
  <si>
    <t>大和パーク歯科クリニック</t>
  </si>
  <si>
    <t>大和市下鶴間1-2-1　イオンモール大和2F</t>
  </si>
  <si>
    <t>大和市</t>
  </si>
  <si>
    <t>ハローデンタルクリニック</t>
  </si>
  <si>
    <t>大和市桜森3丁目8番18号　第2中喜ビル2F</t>
  </si>
  <si>
    <t>トラストデンタルクリニック湘南</t>
  </si>
  <si>
    <t>大和市渋谷2-24-10</t>
  </si>
  <si>
    <t>あさがお歯科　高座渋谷</t>
  </si>
  <si>
    <t>大和市渋谷4-8-4　スカイステーションビル　1F</t>
  </si>
  <si>
    <t>平田歯科医院</t>
  </si>
  <si>
    <t>大和市西鶴間1-17-1</t>
  </si>
  <si>
    <t>みんなの歯科　大和プロス院</t>
  </si>
  <si>
    <t>大和市大和東1-1-1　大和駅ビルプロス4F</t>
  </si>
  <si>
    <t>つるた歯科医院</t>
  </si>
  <si>
    <t>大和市中央林間3-11-12　東総ビル1F</t>
  </si>
  <si>
    <t>セントルカ眼科歯科クリニック</t>
  </si>
  <si>
    <t>大和市鶴間1-31-1　大和クリニックモール1Ｆ</t>
  </si>
  <si>
    <t>医療法人　桜城会　友愛歯科クリニック</t>
  </si>
  <si>
    <t>大和市福田2-2-3</t>
  </si>
  <si>
    <t>グレースデンタルメディカルクリニック厚木</t>
  </si>
  <si>
    <t>海老名市河原口2-15-22 厚木倉庫ビル</t>
  </si>
  <si>
    <t>海老名市</t>
  </si>
  <si>
    <t>医療法人社団厚誠会歯科　海老名</t>
  </si>
  <si>
    <t>海老名市中央1丁目13番1号　ビナウォーク4番館1F</t>
  </si>
  <si>
    <t>座間歯科医院</t>
  </si>
  <si>
    <t>座間市座間1-3120-4</t>
  </si>
  <si>
    <t>座間市</t>
  </si>
  <si>
    <t>医療法人社団秀友会　白風歯科</t>
  </si>
  <si>
    <t>座間市入谷東3-31-15</t>
  </si>
  <si>
    <t>医療法人社団　武尾歯科</t>
  </si>
  <si>
    <t>南足柄市塚原2642-4</t>
  </si>
  <si>
    <t>南足柄市</t>
  </si>
  <si>
    <t>とばやま歯科クリニック</t>
  </si>
  <si>
    <t>綾瀬市深谷上2丁目3番16号</t>
  </si>
  <si>
    <t>綾瀬市</t>
  </si>
  <si>
    <t>医療法人徳洲会　湘南大磯病院</t>
  </si>
  <si>
    <t>中郡大磯町月京21-1</t>
  </si>
  <si>
    <t>大磯町</t>
  </si>
  <si>
    <t>医療法人社団八洲会　あしがら西湘歯科診療所</t>
  </si>
  <si>
    <t>足柄下郡湯河原町鍛冶屋393　1F</t>
  </si>
  <si>
    <t>湯河原町</t>
  </si>
  <si>
    <t>病院・診療所</t>
  </si>
  <si>
    <t>コスモス皮膚科</t>
  </si>
  <si>
    <t>横須賀市 久里浜4-15-7</t>
  </si>
  <si>
    <t>医療法人社団　大畑医院</t>
  </si>
  <si>
    <t>横須賀市 坂本町4-5</t>
  </si>
  <si>
    <t>中村皮膚科</t>
  </si>
  <si>
    <t>横須賀市芦名2-1-2</t>
  </si>
  <si>
    <t>ナーブ・ケア・クリニック</t>
  </si>
  <si>
    <t>横須賀市安浦町2-19</t>
  </si>
  <si>
    <t>ナーブケア在宅クリニック</t>
  </si>
  <si>
    <t>横須賀市安浦町2-19-22</t>
  </si>
  <si>
    <t>三上医院</t>
  </si>
  <si>
    <t>横須賀市安浦町2-2</t>
  </si>
  <si>
    <t>塩谷眼科クリニック</t>
  </si>
  <si>
    <t>横須賀市安浦町2-27-5　佐野ビル1Ｆ</t>
  </si>
  <si>
    <t>医療法人　弘和会　みやざき内科クリニック</t>
  </si>
  <si>
    <t>横須賀市安浦町3-13 木光クリニックビル102</t>
  </si>
  <si>
    <t>ゆきこどもクリニック</t>
  </si>
  <si>
    <t>横須賀市安浦町3丁目13番地　木光クリニックビル2F</t>
  </si>
  <si>
    <t>青山内科クリニック</t>
  </si>
  <si>
    <t>横須賀市衣笠栄町1-22-7　衣笠医療ビル2F</t>
  </si>
  <si>
    <t>やまうち内科クリニック</t>
  </si>
  <si>
    <t>横須賀市衣笠栄町1-61</t>
  </si>
  <si>
    <t>医療法人衣笠あさかわ眼科</t>
  </si>
  <si>
    <t>横須賀市衣笠栄町1丁目22番地７衣笠医療ビル３F</t>
  </si>
  <si>
    <t>衣笠駅前整形外科リハビリ・骨粗鬆症クリニック</t>
  </si>
  <si>
    <t>横須賀市衣笠栄町2-1-2　夢Qビル1F</t>
  </si>
  <si>
    <t>きくち消化器内科クリニック</t>
  </si>
  <si>
    <t>横須賀市衣笠栄町2ｰ66ｰ3　KMビル2F</t>
  </si>
  <si>
    <t>コンフォート衣笠クリニック</t>
  </si>
  <si>
    <t>横須賀市衣笠町44番4号</t>
  </si>
  <si>
    <t>三宅整形外科小児科クリニック</t>
  </si>
  <si>
    <t>横須賀市浦賀5-2-3</t>
  </si>
  <si>
    <t>医療法人社団　徳田医院</t>
  </si>
  <si>
    <t>横須賀市浦賀6丁目1番27号</t>
  </si>
  <si>
    <t>鴨居ファミリークリニック</t>
  </si>
  <si>
    <t>横須賀市鴨居1-17-16　2F</t>
  </si>
  <si>
    <t>医療法人社団一彩会　浦賀メディカルクリニック</t>
  </si>
  <si>
    <t>横須賀市鴨居2-6-1</t>
  </si>
  <si>
    <t>小磯第２診療所</t>
  </si>
  <si>
    <t>横須賀市鴨居2-80-37</t>
  </si>
  <si>
    <t>小磯診療所</t>
  </si>
  <si>
    <t>横須賀市鴨居2-80-9</t>
  </si>
  <si>
    <t>うめざわ医院</t>
  </si>
  <si>
    <t>横須賀市岩戸2-17-6</t>
  </si>
  <si>
    <t>さいとう整形クリニック</t>
  </si>
  <si>
    <t>横須賀市吉井2-3-3</t>
  </si>
  <si>
    <t>湘南山手つちだクリニック</t>
  </si>
  <si>
    <t>横須賀市吉井2-3-5</t>
  </si>
  <si>
    <t>中山内科クリニック</t>
  </si>
  <si>
    <t>横須賀市吉井3-13-1　吉井クリニックビル301</t>
  </si>
  <si>
    <t>久里浜在宅クリニック</t>
  </si>
  <si>
    <t>横須賀市久里浜1-10-5</t>
  </si>
  <si>
    <t>めぐみケアクリニック</t>
  </si>
  <si>
    <t>横須賀市久里浜1-11-7</t>
  </si>
  <si>
    <t>久里浜駅前皮フ科</t>
  </si>
  <si>
    <t>横須賀市久里浜1ｰ3ｰ18　サンヨービル2F</t>
  </si>
  <si>
    <t>鈴木内科クリニック</t>
  </si>
  <si>
    <t>横須賀市久里浜1-3-17-2F</t>
  </si>
  <si>
    <t>久里浜プラムクリニック</t>
  </si>
  <si>
    <t>横須賀市久里浜3-10-2-101</t>
  </si>
  <si>
    <t>中村整形外科</t>
  </si>
  <si>
    <t>横須賀市久里浜4-11-15</t>
  </si>
  <si>
    <t>医療法人　黒沢クリニック</t>
  </si>
  <si>
    <t>横須賀市久里浜4-15-7 ＫＨビル2Ｆ</t>
  </si>
  <si>
    <t>医療法人　眞仁会　久里浜クリニック</t>
  </si>
  <si>
    <t>横須賀市久里浜4-2-1</t>
  </si>
  <si>
    <t>医療法人社団　久里浜眼科</t>
  </si>
  <si>
    <t>横須賀市久里浜4-8-16</t>
  </si>
  <si>
    <t>久里浜糖尿病・甲状腺クリニック</t>
  </si>
  <si>
    <t>横須賀市久里浜4丁目3番12号　Lビル2F205号室</t>
  </si>
  <si>
    <t>青木耳鼻咽喉科医院</t>
  </si>
  <si>
    <t>横須賀市久里浜5-11-20</t>
  </si>
  <si>
    <t>つうらクリニック</t>
  </si>
  <si>
    <t>横須賀市久里浜5-14-14　メディカルスクエア3F</t>
  </si>
  <si>
    <t>医療法人吉瑞会　久里浜みなとクリニック</t>
  </si>
  <si>
    <t>横須賀市久里浜5丁目12番21号</t>
  </si>
  <si>
    <t>久里浜横井クリニック</t>
  </si>
  <si>
    <t>横須賀市久里浜5丁目13番17号</t>
  </si>
  <si>
    <t>つばさ在宅ファミリークリニック</t>
  </si>
  <si>
    <t>横須賀市金谷1-1-3　横山ビル　301号室</t>
  </si>
  <si>
    <t>医療法人社団　新明外科胃腸科</t>
  </si>
  <si>
    <t>横須賀市金谷2-2-15</t>
  </si>
  <si>
    <t>富永整形外科</t>
  </si>
  <si>
    <t>横須賀市公郷町1-55-1</t>
  </si>
  <si>
    <t>妹尾内科医院</t>
  </si>
  <si>
    <t>横須賀市公郷町1丁目58番4</t>
  </si>
  <si>
    <t>フロムワン付属診療所</t>
  </si>
  <si>
    <t>横須賀市公郷町3-68-3</t>
  </si>
  <si>
    <t>黒坂整形外科医院</t>
  </si>
  <si>
    <t>横須賀市港が丘2丁目21番4号</t>
  </si>
  <si>
    <t>あきやま医院</t>
  </si>
  <si>
    <t>横須賀市根岸町1ｰ9ｰ9久里浜スカイマンション2F</t>
  </si>
  <si>
    <t>横須賀南クリニック</t>
  </si>
  <si>
    <t>横須賀市根岸町1丁目9番9号 1F</t>
  </si>
  <si>
    <t>村岡クリニック</t>
  </si>
  <si>
    <t>横須賀市根岸町2丁目22ｰ8 第1赤坂ビル2F</t>
  </si>
  <si>
    <t>医療法人社団　かとう眼科クリニック</t>
  </si>
  <si>
    <t>横須賀市根岸町2丁目31番13号ナヴィール北久里浜2F</t>
  </si>
  <si>
    <t>宮入内科</t>
  </si>
  <si>
    <t>横須賀市根岸町3-12-6-1F</t>
  </si>
  <si>
    <t>医療法人　眞仁会　北久里浜たくちクリニック</t>
  </si>
  <si>
    <t>横須賀市根岸町3-16-1</t>
  </si>
  <si>
    <t>太田整形外科</t>
  </si>
  <si>
    <t>横須賀市根岸町3-9-5　HARA BLDG北久里浜1F</t>
  </si>
  <si>
    <t>髙澤整形外科醫院</t>
  </si>
  <si>
    <t>横須賀市佐野町4-51</t>
  </si>
  <si>
    <t>あき・アイクリニック</t>
  </si>
  <si>
    <t>横須賀市佐野町4-51　関本クリニックビル3F</t>
  </si>
  <si>
    <t>医療法人陽向会　小野田医院</t>
  </si>
  <si>
    <t>横須賀市坂本町1-2</t>
  </si>
  <si>
    <t>しんわ全人クリニック</t>
  </si>
  <si>
    <t>横須賀市三春町１丁目3番地</t>
  </si>
  <si>
    <t>堀ノ内駅前皮膚科</t>
  </si>
  <si>
    <t>横須賀市三春町3-24-6 2F</t>
  </si>
  <si>
    <t>医療法人　大澤医院</t>
  </si>
  <si>
    <t>横須賀市汐入町2-2-12　ベイサイドビル2Ｆ</t>
  </si>
  <si>
    <t>医療法人厚仁会　伊藤診療所</t>
  </si>
  <si>
    <t>横須賀市汐入町2-38</t>
  </si>
  <si>
    <t>汐入メンタルクリニック</t>
  </si>
  <si>
    <t>横須賀市汐入町2-7-1　山下ﾋﾞﾙ2・3F</t>
  </si>
  <si>
    <t>汐入ぱくクリニック</t>
  </si>
  <si>
    <t>横須賀市汐入町2丁目40番地　青柳ビル1F</t>
  </si>
  <si>
    <t>川村眼科</t>
  </si>
  <si>
    <t>横須賀市若松町2-30　横須賀モアーズシティ5F</t>
  </si>
  <si>
    <t>杉浦循環器内科クリニック</t>
  </si>
  <si>
    <t>横須賀市若松町2-5　矢島ビル5F</t>
  </si>
  <si>
    <t>しのはら眼科</t>
  </si>
  <si>
    <t>横須賀市若松町2-5　矢島ビル7F</t>
  </si>
  <si>
    <t>医療法人社団　北三会　中央内科クリニック</t>
  </si>
  <si>
    <t>横須賀市若松町2-7　藤田ビル4F</t>
  </si>
  <si>
    <t>医療法人　潮かぜ会　秋谷潮かぜ診療所</t>
  </si>
  <si>
    <t>横須賀市秋谷4430-2Ｆ</t>
  </si>
  <si>
    <t>神奈川歯科大学附属病院</t>
  </si>
  <si>
    <t>横須賀市小川町1番地23</t>
  </si>
  <si>
    <t>医療法人　眞仁会　横須賀クリニック</t>
  </si>
  <si>
    <t>横須賀市小川町24番地</t>
  </si>
  <si>
    <t>こうようクリニック</t>
  </si>
  <si>
    <t>横須賀市小川町28-1　横須賀ハイム204</t>
  </si>
  <si>
    <t>社会福祉法人日本医療伝道会　総合病院　衣笠病院</t>
  </si>
  <si>
    <t>横須賀市小矢部2-23-1</t>
  </si>
  <si>
    <t>衣笠病院附属在宅クリニック</t>
  </si>
  <si>
    <t>横須賀市小矢部2-25-14-2F</t>
  </si>
  <si>
    <t>アグリホームクリニック　よこすか</t>
  </si>
  <si>
    <t>横須賀市小矢部2丁目19番10　小矢部第1菱田ビル1F・2F</t>
  </si>
  <si>
    <t>内田宙司整形外科</t>
  </si>
  <si>
    <t>横須賀市湘南国際村1-3-10</t>
  </si>
  <si>
    <t>ライフゆう</t>
  </si>
  <si>
    <t>横須賀市湘南国際村1丁目4番6号</t>
  </si>
  <si>
    <t>さいとう内科クリニック</t>
  </si>
  <si>
    <t>横須賀市上町1-40-12　上町Nビル1F</t>
  </si>
  <si>
    <t>内海こどもクリニック</t>
  </si>
  <si>
    <t>横須賀市上町2-7-5　横須賀上町クリニックビル1Ｆ</t>
  </si>
  <si>
    <t>しざわクリニック</t>
  </si>
  <si>
    <t>横須賀市上町2-7-5 横須賀上町クリニックビル3Ｆ</t>
  </si>
  <si>
    <t>坂本内科クリニック</t>
  </si>
  <si>
    <t>横須賀市上町3-14-2</t>
  </si>
  <si>
    <t>横須賀市救急医療センター</t>
  </si>
  <si>
    <t>横須賀市新港町1番地11</t>
  </si>
  <si>
    <t>医療法人社団　田近内科・循環器科</t>
  </si>
  <si>
    <t>横須賀市深田台76番1号</t>
  </si>
  <si>
    <t>横須賀市立総合医療センター</t>
  </si>
  <si>
    <t>横須賀市神明町1番地8</t>
  </si>
  <si>
    <t>ウェルシティ若松クリニック</t>
  </si>
  <si>
    <t>横須賀市西逸見町1ｰ38ｰ11</t>
  </si>
  <si>
    <t>佐々木Ｋクリニック</t>
  </si>
  <si>
    <t>横須賀市西逸見町1-5</t>
  </si>
  <si>
    <t>いいだクリニック</t>
  </si>
  <si>
    <t>横須賀市西逸見町1-5-2-3F</t>
  </si>
  <si>
    <t>医療法人　横浜未来ヘルスケアシステム　よこすか浦賀病院</t>
  </si>
  <si>
    <t>横須賀市西浦賀1-11-1</t>
  </si>
  <si>
    <t>田浦内科クリニック</t>
  </si>
  <si>
    <t>横須賀市船越町1-58-6</t>
  </si>
  <si>
    <t>渕上内科クリニック</t>
  </si>
  <si>
    <t>横須賀市太田和1-1-8　AYビル3F</t>
  </si>
  <si>
    <t>峯村皮膚科クリニック</t>
  </si>
  <si>
    <t>横須賀市大滝町2-4　山本ビル5F</t>
  </si>
  <si>
    <t>ザ・タワーくまさん整形外科</t>
  </si>
  <si>
    <t>横須賀市大滝町2-6　ザ・タワー横須賀中央２F</t>
  </si>
  <si>
    <t>横須賀中央眼科</t>
  </si>
  <si>
    <t>横須賀市大滝町2-6　ザ・タワー横須賀中央303号</t>
  </si>
  <si>
    <t>よこすか女性泌尿器科・泌尿器科クリニック</t>
  </si>
  <si>
    <t>横須賀市大滝町2-6　ザタワー横須賀中央301-2</t>
  </si>
  <si>
    <t>横須賀タワークリニック</t>
  </si>
  <si>
    <t>横須賀市大滝町2丁目6番地　ザ・タワー横須賀中央401</t>
  </si>
  <si>
    <t>横須賀大津駅前クリニック</t>
  </si>
  <si>
    <t>横須賀市大津町1-12-22</t>
  </si>
  <si>
    <t>みやざわ皮膚科</t>
  </si>
  <si>
    <t>横須賀市大津町1-16-6　中央商工ビル2Ｆ</t>
  </si>
  <si>
    <t>君島整形外科</t>
  </si>
  <si>
    <t>横須賀市大津町1-20-5</t>
  </si>
  <si>
    <t>医療法人社団啓寿会　石橋クリニック</t>
  </si>
  <si>
    <t>横須賀市大津町1丁目8番32号</t>
  </si>
  <si>
    <t>医療法人社団　相光会　湘南グリーンクリニック</t>
  </si>
  <si>
    <t>横須賀市大矢部3-1-25</t>
  </si>
  <si>
    <t>医療法人　徳洲会　湘南病院</t>
  </si>
  <si>
    <t>横須賀市鷹取1丁目1番1号</t>
  </si>
  <si>
    <t>恵徳会在宅医療クリニック</t>
  </si>
  <si>
    <t>横須賀市池上1-4-5</t>
  </si>
  <si>
    <t>いけがみ眼科整形外科</t>
  </si>
  <si>
    <t>横須賀市池上7ｰ13ｰ1</t>
  </si>
  <si>
    <t>池田町クリニック</t>
  </si>
  <si>
    <t>横須賀市池田町5-8-11　タカハシビル2F</t>
  </si>
  <si>
    <t>みらいクリニック横須賀</t>
  </si>
  <si>
    <t>横須賀市池田町5丁目13-18 ストーリア201</t>
  </si>
  <si>
    <t>長井眼科クリニック</t>
  </si>
  <si>
    <t>横須賀市長井1-23-1</t>
  </si>
  <si>
    <t>嘉山医院</t>
  </si>
  <si>
    <t>横須賀市長井1-8-14</t>
  </si>
  <si>
    <t>ながいクリニック</t>
  </si>
  <si>
    <t>横須賀市長井3-33-1</t>
  </si>
  <si>
    <t>横須賀市立市民病院</t>
  </si>
  <si>
    <t>横須賀市長坂1-3-2</t>
  </si>
  <si>
    <t>西部腎クリニック</t>
  </si>
  <si>
    <t>横須賀市長坂3丁目8番9号</t>
  </si>
  <si>
    <t>ふかさわクリニック</t>
  </si>
  <si>
    <t>横須賀市長沢1-33-7　ルビエーヌ長沢Ｂ 1F</t>
  </si>
  <si>
    <t>すこやか耳鼻咽喉科</t>
  </si>
  <si>
    <t>横須賀市長沢3-1-30</t>
  </si>
  <si>
    <t>医療法人社団　津久井浜整形外科</t>
  </si>
  <si>
    <t>横須賀市津久井1-2-10</t>
  </si>
  <si>
    <t>追浜仁正クリニック</t>
  </si>
  <si>
    <t>横須賀市追浜町3-1　エルシャンテ追浜ビル4F</t>
  </si>
  <si>
    <t>平田整形外科クリニック</t>
  </si>
  <si>
    <t>横須賀市追浜町3-14-9　和幸ﾋﾞﾙ2・3F</t>
  </si>
  <si>
    <t>ふくおか泌尿器科クリニック</t>
  </si>
  <si>
    <t>横須賀市追浜町3-1-9　シブヤクリニックビル2F</t>
  </si>
  <si>
    <t>大田クリニック</t>
  </si>
  <si>
    <t>横須賀市追浜町3-1-9　シブヤクリニックビル3F</t>
  </si>
  <si>
    <t>ひまわり耳鼻咽喉科</t>
  </si>
  <si>
    <t>横須賀市追浜町3-2　ナスカクリニックビル2F</t>
  </si>
  <si>
    <t>医療法人健やか美徳グループ　かじもと眼科</t>
  </si>
  <si>
    <t>横須賀市追浜町3-2　ナスカクリニックビル3F</t>
  </si>
  <si>
    <t>うざわクリニック</t>
  </si>
  <si>
    <t>横須賀市追浜町3丁目14番地9　和幸ビル4F</t>
  </si>
  <si>
    <t>金成医院</t>
  </si>
  <si>
    <t>横須賀市追浜東町3-22</t>
  </si>
  <si>
    <t>すぎもとクリニック</t>
  </si>
  <si>
    <t>横須賀市追浜本町1-1-35　ツバサビル4F</t>
  </si>
  <si>
    <t>今井内科　大腸肛門クリニック</t>
  </si>
  <si>
    <t>横須賀市追浜本町1-28-5　サンビーチ追浜4F</t>
  </si>
  <si>
    <t>医療法人社団　蒼風会　追浜駅前眼科</t>
  </si>
  <si>
    <t>芳賀整形外科</t>
  </si>
  <si>
    <t>横須賀市追浜本町1-39-1</t>
  </si>
  <si>
    <t>追浜吉井内科クリニック</t>
  </si>
  <si>
    <t>横須賀市追浜本町1丁目40番地　追浜平川ビル1F</t>
  </si>
  <si>
    <t>まちの診療所つるがおか</t>
  </si>
  <si>
    <t>横須賀市鶴が丘2-3-9</t>
  </si>
  <si>
    <t>自衛隊横須賀病院</t>
  </si>
  <si>
    <t>横須賀市田浦港町1766-1</t>
  </si>
  <si>
    <t>秋澤医院</t>
  </si>
  <si>
    <t>横須賀市田浦町2丁目5番地</t>
  </si>
  <si>
    <t>佐藤眼科クリニック</t>
  </si>
  <si>
    <t>横須賀市東浦賀1-1-7 高橋ビル2F</t>
  </si>
  <si>
    <t>よしいけ内科クリニック</t>
  </si>
  <si>
    <t>横須賀市東浦賀1-1-7-3F</t>
  </si>
  <si>
    <t>湘南内科医院</t>
  </si>
  <si>
    <t>横須賀市日の出町1丁目7番地</t>
  </si>
  <si>
    <t>工藤医院</t>
  </si>
  <si>
    <t>横須賀市馬堀海岸3-26-7</t>
  </si>
  <si>
    <t>いまにしクリニック</t>
  </si>
  <si>
    <t>横須賀市馬堀町1-7-8</t>
  </si>
  <si>
    <t>医療法人　斉藤内科医院</t>
  </si>
  <si>
    <t>横須賀市馬堀町2-13-2　KYビル2F</t>
  </si>
  <si>
    <t>医療法人　慈航会　武山内科</t>
  </si>
  <si>
    <t>横須賀市武1-20-17　ライフコート横須賀武山2F</t>
  </si>
  <si>
    <t>医療法人　寿優会　山形医院</t>
  </si>
  <si>
    <t>横須賀市武2-12-3</t>
  </si>
  <si>
    <t>神奈川みなみ医療生活協同組合　衣笠診療所</t>
  </si>
  <si>
    <t>横須賀市平作7-10-27</t>
  </si>
  <si>
    <t>社会福祉法人恩賜財団神奈川県同胞援護会　衣笠診療所</t>
  </si>
  <si>
    <t>横須賀市平作8-14-1</t>
  </si>
  <si>
    <t>すずらん皮膚科クリニック</t>
  </si>
  <si>
    <t>横須賀市平作8-20-8-3F</t>
  </si>
  <si>
    <t>国家公務員共済組合連合会　横須賀共済病院</t>
  </si>
  <si>
    <t>横須賀市米が浜通1-16</t>
  </si>
  <si>
    <t>くすの木クリニック</t>
  </si>
  <si>
    <t>横須賀市米が浜通1-17　YM BLDG　4・5F</t>
  </si>
  <si>
    <t>中島内科クリニック</t>
  </si>
  <si>
    <t>横須賀市米が浜通1-17　YMBLDG.2F</t>
  </si>
  <si>
    <t>横須賀中央診療所</t>
  </si>
  <si>
    <t>横須賀市米が浜通1-18-15</t>
  </si>
  <si>
    <t>かつら整形外科・皮フ科</t>
  </si>
  <si>
    <t>横須賀市米が浜通1-3-25　KARS SQUARE2F</t>
  </si>
  <si>
    <t>山下ファミリークリニック</t>
  </si>
  <si>
    <t>横須賀市米が浜通1-4-6-3F</t>
  </si>
  <si>
    <t>よこすか甲状腺内科クリニック</t>
  </si>
  <si>
    <t>横須賀市米が浜通1-7-2　サクマ横須賀ビル1F</t>
  </si>
  <si>
    <t>医療法人社団　マール会　マールクリニック横須賀</t>
  </si>
  <si>
    <t>横須賀市米が浜通1-8-7共立米が浜ビル5F</t>
  </si>
  <si>
    <t>水口整形外科</t>
  </si>
  <si>
    <t>横須賀市米が浜通2-4</t>
  </si>
  <si>
    <t>耳鼻咽喉科　森医院</t>
  </si>
  <si>
    <t>横須賀市米が浜通り1-18-13　メディカルビル2F</t>
  </si>
  <si>
    <t>青葉内科クリニック</t>
  </si>
  <si>
    <t>横須賀市野比1-25-5　荒井ビル1F</t>
  </si>
  <si>
    <t>医療法人社団　藤田整形外科</t>
  </si>
  <si>
    <t>横須賀市野比1-39-15</t>
  </si>
  <si>
    <t>菱沼クリニック</t>
  </si>
  <si>
    <t>横須賀市野比1-42-47</t>
  </si>
  <si>
    <t>遠藤胃腸科外科医院</t>
  </si>
  <si>
    <t>横須賀市野比1丁目17番1号</t>
  </si>
  <si>
    <t>湘南野比すぎやま皮ふ科</t>
  </si>
  <si>
    <t>横須賀市野比1丁目24番12号</t>
  </si>
  <si>
    <t>白ゆり総合リハケアクリニック</t>
  </si>
  <si>
    <t>横須賀市野比2－2－6</t>
  </si>
  <si>
    <t>医療法人社団広正会　鎌倉医院</t>
  </si>
  <si>
    <t>横須賀市野比2-29-22</t>
  </si>
  <si>
    <t>独立行政法人国立病院機構　久里浜医療センター</t>
  </si>
  <si>
    <t>横須賀市野比5ｰ3ｰ1</t>
  </si>
  <si>
    <t>横須賀老人ホーム付属診療所</t>
  </si>
  <si>
    <t>横須賀市野比5-5-6</t>
  </si>
  <si>
    <t>医療法人社団　聖ルカ会　パシフィックホスピタル</t>
  </si>
  <si>
    <t>横須賀市野比5丁目7番2号</t>
  </si>
  <si>
    <t>聖ヨゼフ病院</t>
  </si>
  <si>
    <t>横須賀市緑が丘28</t>
  </si>
  <si>
    <t>野村内科クリニック</t>
  </si>
  <si>
    <t>横須賀市林1-23-6　ﾐｽﾞｹﾝﾋﾞﾙ2F</t>
  </si>
  <si>
    <t>新村皮フ泌尿クリニック</t>
  </si>
  <si>
    <t>横須賀市林2-1-32-6</t>
  </si>
  <si>
    <t>医療法人　横圭会　武山加藤医院</t>
  </si>
  <si>
    <t>横須賀市林3丁目1番7号</t>
  </si>
  <si>
    <t>いしわた医院</t>
  </si>
  <si>
    <t>横須賀市林5-8-27</t>
  </si>
  <si>
    <t>としクリニック</t>
  </si>
  <si>
    <t>平塚市横内4060　クリエイトSD新平塚横内店2F</t>
  </si>
  <si>
    <t>すずき小児科クリニック</t>
  </si>
  <si>
    <t>平塚市横内4060　クリエイトエス・ディー新平塚横内店2F</t>
  </si>
  <si>
    <t>ありがとうみんなファミリークリニック平塚</t>
  </si>
  <si>
    <t>平塚市岡崎215-3</t>
  </si>
  <si>
    <t>医療法人康養会　内科　久保田医院</t>
  </si>
  <si>
    <t>平塚市岡崎3531</t>
  </si>
  <si>
    <t>医療法人社団　高橋内科小児科整形外科医院</t>
  </si>
  <si>
    <t>平塚市花水台37番24号</t>
  </si>
  <si>
    <t>医療法人　今麓会　アイクリニック　イシハラ</t>
  </si>
  <si>
    <t>平塚市宮の前1-2　エバーズ第7平塚ビル7F</t>
  </si>
  <si>
    <t>在宅・ケア　たかたクリニック</t>
  </si>
  <si>
    <t>平塚市宮の前12-17　office・K2　1F</t>
  </si>
  <si>
    <t>坪井医院</t>
  </si>
  <si>
    <t>平塚市宮の前5-16</t>
  </si>
  <si>
    <t>寺田医院</t>
  </si>
  <si>
    <t>平塚市宮の前6-3</t>
  </si>
  <si>
    <t>こう内科・糖尿病クリニック</t>
  </si>
  <si>
    <t>平塚市宮の前7番地2　MKビル2F、3F</t>
  </si>
  <si>
    <t>社会福祉法人恩賜財団済生会支部神奈川県済生会湘南平塚病院</t>
  </si>
  <si>
    <t>平塚市宮松町18番１号</t>
  </si>
  <si>
    <t>医療法人社団　小笠原医院</t>
  </si>
  <si>
    <t>平塚市見附町8-8</t>
  </si>
  <si>
    <t>なす医院</t>
  </si>
  <si>
    <t>平塚市御殿1-5-10</t>
  </si>
  <si>
    <t>医療法人社団　萌芽会　やまうち内科クリニック</t>
  </si>
  <si>
    <t>平塚市御殿1丁目31番11号</t>
  </si>
  <si>
    <t>はまの内科・脳神経クリニック</t>
  </si>
  <si>
    <t>平塚市御殿3丁目3番37-1号</t>
  </si>
  <si>
    <t>湘南いいだハートクリニック</t>
  </si>
  <si>
    <t>平塚市公所436番地の7</t>
  </si>
  <si>
    <t>武川整形外科</t>
  </si>
  <si>
    <t>平塚市公所887-1</t>
  </si>
  <si>
    <t>武川医院</t>
  </si>
  <si>
    <t>平塚市広川848-4</t>
  </si>
  <si>
    <t>あらい内科クリニック</t>
  </si>
  <si>
    <t>平塚市紅谷町1-1　αビル　6Ｆ</t>
  </si>
  <si>
    <t>くま湘南クリニック</t>
  </si>
  <si>
    <t>医療法人　永瀬医院</t>
  </si>
  <si>
    <t>平塚市紅谷町9番1号　リーデンスタワー湘南平塚302号室</t>
  </si>
  <si>
    <t>医療法人研水会　高根台病院</t>
  </si>
  <si>
    <t>平塚市高根191番地</t>
  </si>
  <si>
    <t>くぼた内科クリニック</t>
  </si>
  <si>
    <t>平塚市山下3-14-40</t>
  </si>
  <si>
    <t>医療法人社団　久保田整形外科医院</t>
  </si>
  <si>
    <t>平塚市山下458</t>
  </si>
  <si>
    <t>湘南いなほクリニック</t>
  </si>
  <si>
    <t>平塚市四之宮1-3-57</t>
  </si>
  <si>
    <t>湘南ＧＰクリニック</t>
  </si>
  <si>
    <t>平塚市四之宮2丁目23番20号</t>
  </si>
  <si>
    <t>ひらつか在宅クリニック</t>
  </si>
  <si>
    <t>平塚市四之宮2丁目4番3号</t>
  </si>
  <si>
    <t>医療法人社団米山記念会　ここはなクリニック</t>
  </si>
  <si>
    <t>平塚市四之宮4丁目1-16-102号 スカイグランデ</t>
  </si>
  <si>
    <t>メモリーケアクリニック湘南</t>
  </si>
  <si>
    <t>平塚市四之宮5-20-4</t>
  </si>
  <si>
    <t>医療法人研水会　平塚病院</t>
  </si>
  <si>
    <t>平塚市出縄476番地</t>
  </si>
  <si>
    <t>医療法人社団水野会　平塚十全病院</t>
  </si>
  <si>
    <t>平塚市出縄550</t>
  </si>
  <si>
    <t>医療法人社団　瀬戸医院</t>
  </si>
  <si>
    <t>平塚市松風町21番32号</t>
  </si>
  <si>
    <t>湘南真田クリニック</t>
  </si>
  <si>
    <t>平塚市真田2-6-27</t>
  </si>
  <si>
    <t>医療法人社団　湘風会　かもめ眼科クリニック</t>
  </si>
  <si>
    <t>平塚市真田3丁目2番11号　1F・2F</t>
  </si>
  <si>
    <t>医療法人社団健齢会　ふれあい平塚ホスピタル</t>
  </si>
  <si>
    <t>平塚市袖ケ浜1-12</t>
  </si>
  <si>
    <t>医療法人社団松和会　望星平塚クリニック</t>
  </si>
  <si>
    <t>平塚市代官町23番1号</t>
  </si>
  <si>
    <t>たけお眼科医院</t>
  </si>
  <si>
    <t>平塚市代官町4-14　コスティーナ平塚1F</t>
  </si>
  <si>
    <t>湘南大神内科透析クリニック</t>
  </si>
  <si>
    <t>平塚市大神5-30-6</t>
  </si>
  <si>
    <t>湘南ウェルネスクリニック</t>
  </si>
  <si>
    <t>平塚市達上ケ丘13-19</t>
  </si>
  <si>
    <t>髙山医院</t>
  </si>
  <si>
    <t>平塚市達上ケ丘4-70</t>
  </si>
  <si>
    <t>わかもとクリニック</t>
  </si>
  <si>
    <t>平塚市中原1-15-14</t>
  </si>
  <si>
    <t>昭和クリニック</t>
  </si>
  <si>
    <t>平塚市中原1丁目20番11号　2F</t>
  </si>
  <si>
    <t>医療法人　富嶽会　みずきクリニック</t>
  </si>
  <si>
    <t>平塚市中原2-15-2</t>
  </si>
  <si>
    <t>松下医院</t>
  </si>
  <si>
    <t>平塚市中原2-6-11　2階</t>
  </si>
  <si>
    <t>医療法人社団　川井内科医院</t>
  </si>
  <si>
    <t>平塚市長持421-2</t>
  </si>
  <si>
    <t>国家公務員共済組合連合会　平塚共済病院</t>
  </si>
  <si>
    <t>平塚市追分9-11</t>
  </si>
  <si>
    <t>鈴木眼科</t>
  </si>
  <si>
    <t>平塚市天沼10番1号　ららぽーと湘南平塚3F</t>
  </si>
  <si>
    <t>平塚北クリニック</t>
  </si>
  <si>
    <t>平塚市田村6丁目15番29号　1F</t>
  </si>
  <si>
    <t>医療法人社団清風会　富士見台病院</t>
  </si>
  <si>
    <t>平塚市土屋1645</t>
  </si>
  <si>
    <t>医療法人財団　倉田会　くらた病院</t>
  </si>
  <si>
    <t>平塚市東真土4丁目5番26号</t>
  </si>
  <si>
    <t>医療法人社団　梶原医院</t>
  </si>
  <si>
    <t>平塚市東中原1-19-18</t>
  </si>
  <si>
    <t>医療法人社団湘南会　くすのき在宅診療所</t>
  </si>
  <si>
    <t>平塚市徳延131-1　カドヤビル202</t>
  </si>
  <si>
    <t>二瓶内科・胃腸内科医院</t>
  </si>
  <si>
    <t>平塚市徳延175-2</t>
  </si>
  <si>
    <t>内田クリニック</t>
  </si>
  <si>
    <t>平塚市徳延306－38</t>
  </si>
  <si>
    <t>三浦胃腸科クリニック</t>
  </si>
  <si>
    <t>平塚市徳延336-5</t>
  </si>
  <si>
    <t>まえむの森クリニック</t>
  </si>
  <si>
    <t>平塚市徳延3丁目15-2</t>
  </si>
  <si>
    <t>クリニック斎藤</t>
  </si>
  <si>
    <t>平塚市徳延572-1</t>
  </si>
  <si>
    <t>医療法人社団　倉田クリニック</t>
  </si>
  <si>
    <t>平塚市南金目1135-1</t>
  </si>
  <si>
    <t>平塚市民病院</t>
  </si>
  <si>
    <t>平塚市南原1ｰ19ｰ1</t>
  </si>
  <si>
    <t>医療法人社団松和会　望星平塚第2クリニック</t>
  </si>
  <si>
    <t>平塚市南原1丁目18番21号</t>
  </si>
  <si>
    <t>医療法人　湘尽会　かとう腎・泌尿器科クリニック</t>
  </si>
  <si>
    <t>平塚市南原2丁目1番2号</t>
  </si>
  <si>
    <t>鈴木外科内科医院</t>
  </si>
  <si>
    <t>平塚市南豊田21番地</t>
  </si>
  <si>
    <t>医療法人　日向岡クリニック</t>
  </si>
  <si>
    <t>平塚市日向岡2-16-10</t>
  </si>
  <si>
    <t>もりた眼科クリニック</t>
  </si>
  <si>
    <t>平塚市入野147ｰ5</t>
  </si>
  <si>
    <t>湘南こころと睡眠クリニック</t>
  </si>
  <si>
    <t>平塚市馬入本町12番17号　エクセレント湘南シーサイド1F</t>
  </si>
  <si>
    <t>とりごしクリニック</t>
  </si>
  <si>
    <t>平塚市八重咲町16-27</t>
  </si>
  <si>
    <t>あやべ整形外科</t>
  </si>
  <si>
    <t>平塚市八重咲町19番23号　ココス八重咲1F　101号室</t>
  </si>
  <si>
    <t>まちむら内科クリニック</t>
  </si>
  <si>
    <t>平塚市八重咲町2-5　ＮＹビル2Ｆ</t>
  </si>
  <si>
    <t>湘南かもめクリニック</t>
  </si>
  <si>
    <t>平塚市八千代町1-21　コム湘南1Ｆ</t>
  </si>
  <si>
    <t>アグリホームクリニック　ひらつか</t>
  </si>
  <si>
    <t>平塚市平塚4丁目32番12号　服部ビル2F</t>
  </si>
  <si>
    <t>しばキッズクリニック</t>
  </si>
  <si>
    <t>平塚市平塚5丁目9-18</t>
  </si>
  <si>
    <t>平塚しまだ眼科</t>
  </si>
  <si>
    <t>平塚市宝町1-1　ラスカ平塚4F</t>
  </si>
  <si>
    <t>平塚駅前あやべ皮膚科</t>
  </si>
  <si>
    <t>平塚市宝町1-1　神奈中宝町ビル6F</t>
  </si>
  <si>
    <t>医療法人社団　優光会　かなさしクリニック</t>
  </si>
  <si>
    <t>平塚市宝町2ｰ1　ホーメスト平塚共同ビル7F</t>
  </si>
  <si>
    <t>かなめ泌尿器科内科クリニック</t>
  </si>
  <si>
    <t>平塚市北金目2-16-18</t>
  </si>
  <si>
    <t>医療法人社団雅量会岡村内科医院</t>
  </si>
  <si>
    <t>平塚市北金目2丁目36番28号</t>
  </si>
  <si>
    <t>医療法人社団七福会　ホリィマームクリニック平塚</t>
  </si>
  <si>
    <t>平塚市明石町10-3　第一住建平塚ビル7F</t>
  </si>
  <si>
    <t>医療法人社団　ホンダメディカル　ほんだ整形外科クリニック</t>
  </si>
  <si>
    <t>平塚市明石町1-23　平塚明石ビル2・3F</t>
  </si>
  <si>
    <t>医療法人研水会　サテライトクリニック明石</t>
  </si>
  <si>
    <t>平塚市明石町14-3</t>
  </si>
  <si>
    <t>串田クリニック</t>
  </si>
  <si>
    <t>平塚市明石町20-8</t>
  </si>
  <si>
    <t>満川眼科医院</t>
  </si>
  <si>
    <t>平塚市明石町23番11号</t>
  </si>
  <si>
    <t>ミサヲクリニック</t>
  </si>
  <si>
    <t>平塚市夕陽ケ丘34-23</t>
  </si>
  <si>
    <t>医療法人社団　園生会　山梨医院</t>
  </si>
  <si>
    <t>平塚市立野町10番26号</t>
  </si>
  <si>
    <t>栄樹庵診療所</t>
  </si>
  <si>
    <t>平塚市立野町28番27号 栄樹庵診療所1F一部・2F</t>
  </si>
  <si>
    <t>医療法人社団光耀会山本眼科医院</t>
  </si>
  <si>
    <t>平塚市立野町40-10</t>
  </si>
  <si>
    <t>はしむら内科クリニック</t>
  </si>
  <si>
    <t>平塚市立野町40-10　YAMAメディカルパーク1F</t>
  </si>
  <si>
    <t>ありさわクリニック</t>
  </si>
  <si>
    <t>平塚市老松町2-28</t>
  </si>
  <si>
    <t>医療法人社団　平平會　橋本クリニック</t>
  </si>
  <si>
    <t>鎌倉市 由比ｶﾞ浜2-2-40</t>
  </si>
  <si>
    <t>アカラクリニック</t>
  </si>
  <si>
    <t>鎌倉市岡本1343-5</t>
  </si>
  <si>
    <t>医療法人徳洲会　湘南鎌倉総合病院</t>
  </si>
  <si>
    <t>鎌倉市岡本1370-1</t>
  </si>
  <si>
    <t>おび内科・漢方クリニック</t>
  </si>
  <si>
    <t>鎌倉市岡本2-1-10　プロシードビル1F</t>
  </si>
  <si>
    <t>福田眼科</t>
  </si>
  <si>
    <t>鎌倉市岡本2-1-10　プロシードビル2F</t>
  </si>
  <si>
    <t>医療法人社団　倉岡胃腸科内科</t>
  </si>
  <si>
    <t>鎌倉市岡本2-6-39</t>
  </si>
  <si>
    <t>グレースデンタルメディカルクリニック　鎌倉分院</t>
  </si>
  <si>
    <t>鎌倉市岡本2丁目2番1号　DIKマンション大船　1F</t>
  </si>
  <si>
    <t>まり眼科</t>
  </si>
  <si>
    <t>鎌倉市梶原1-5-12　3F</t>
  </si>
  <si>
    <t>みやけこども医院</t>
  </si>
  <si>
    <t>鎌倉市梶原1-5-12-301</t>
  </si>
  <si>
    <t>医療法人社団　阿部整形外科クリニック</t>
  </si>
  <si>
    <t>鎌倉市梶原2-25-2</t>
  </si>
  <si>
    <t>道躰クリニック梶原</t>
  </si>
  <si>
    <t>鎌倉市梶原2-34-1</t>
  </si>
  <si>
    <t>医療法人社団　田川医院</t>
  </si>
  <si>
    <t>鎌倉市梶原2-34-5</t>
  </si>
  <si>
    <t>医療法人社団　明祐会　阿部脳神経外科</t>
  </si>
  <si>
    <t>鎌倉市梶原2丁目25番2号</t>
  </si>
  <si>
    <t>医療法人　大船クリニック</t>
  </si>
  <si>
    <t>鎌倉市玉縄1-11-11</t>
  </si>
  <si>
    <t>あいクリニック</t>
  </si>
  <si>
    <t>鎌倉市玉縄1-1-5-106</t>
  </si>
  <si>
    <t>かがみ在宅クリニック</t>
  </si>
  <si>
    <t>鎌倉市玉縄1丁目11番地5</t>
  </si>
  <si>
    <t>鎌倉皮膚科クリニック</t>
  </si>
  <si>
    <t>鎌倉市御成町12-12　片岡ビル3F</t>
  </si>
  <si>
    <t>鎌倉脳神経ＭＲＩクリニック</t>
  </si>
  <si>
    <t>鎌倉市御成町1番12号　江ノ電鎌倉ビル3F</t>
  </si>
  <si>
    <t>井口内科医院</t>
  </si>
  <si>
    <t>鎌倉市御成町6-9</t>
  </si>
  <si>
    <t>ふれあい鎌倉ホスピタル</t>
  </si>
  <si>
    <t>鎌倉市御成町9-5</t>
  </si>
  <si>
    <t>医療法人社団　南浜会　鈴木病院</t>
  </si>
  <si>
    <t>鎌倉市腰越1-1-1</t>
  </si>
  <si>
    <t>社会福祉法人聖テレジア会　鎌倉リハビリテーション聖テレジア病院</t>
  </si>
  <si>
    <t>鎌倉市腰越1丁目2-1</t>
  </si>
  <si>
    <t>鎌倉療育医療センター　小さき花の園</t>
  </si>
  <si>
    <t>鎌倉市腰越1丁目2番1号</t>
  </si>
  <si>
    <t>腰越中央医院</t>
  </si>
  <si>
    <t>鎌倉市腰越4-8-29</t>
  </si>
  <si>
    <t>医療法人社団　啓養会　左近允医院</t>
  </si>
  <si>
    <t>鎌倉市今泉台4-20-19</t>
  </si>
  <si>
    <t>鎌倉ヒロ病院</t>
  </si>
  <si>
    <t>鎌倉市材木座1-7-22</t>
  </si>
  <si>
    <t>北鎌倉眼科</t>
  </si>
  <si>
    <t>鎌倉市山ﾉ内1337-5</t>
  </si>
  <si>
    <t>鎌倉内科クリニック</t>
  </si>
  <si>
    <t>鎌倉市山ノ内736</t>
  </si>
  <si>
    <t>たまい内科クリニック</t>
  </si>
  <si>
    <t>鎌倉市山崎1085-5</t>
  </si>
  <si>
    <t>医療法人徳洲会　湘南かまくらクリニック</t>
  </si>
  <si>
    <t>鎌倉市山崎1202-1</t>
  </si>
  <si>
    <t>章平クリニック</t>
  </si>
  <si>
    <t>鎌倉市七里ガ浜東3丁目4番地20</t>
  </si>
  <si>
    <t>医療生協かながわ生活協同組合　深沢中央診療所</t>
  </si>
  <si>
    <t>鎌倉市手広1-9-31</t>
  </si>
  <si>
    <t>天本クリニック</t>
  </si>
  <si>
    <t>鎌倉市手広3丁目14-8</t>
  </si>
  <si>
    <t>泉水橋とうどうクリニック</t>
  </si>
  <si>
    <t>鎌倉市十二所6-1-2F</t>
  </si>
  <si>
    <t>たまるクリニック</t>
  </si>
  <si>
    <t>鎌倉市小袋谷1ｰ2ｰ2　湘英ビル1F</t>
  </si>
  <si>
    <t>大船てんかん・神経・こどもクリニック</t>
  </si>
  <si>
    <t>鎌倉市小袋谷1-3-2鎌倉服部ビル101</t>
  </si>
  <si>
    <t>立山医院</t>
  </si>
  <si>
    <t>鎌倉市小袋谷1-7-27　星ビル1Ｆ</t>
  </si>
  <si>
    <t>医療法人社団　湘美会　湘南高井内科</t>
  </si>
  <si>
    <t>鎌倉市小袋谷1-9-18　2F</t>
  </si>
  <si>
    <t>鎌倉内科診療所</t>
  </si>
  <si>
    <t>鎌倉市小町1-11-9</t>
  </si>
  <si>
    <t>鎌倉駅前整形外科クリニック</t>
  </si>
  <si>
    <t>鎌倉市小町1-5-21　鎌倉Moriビル2F</t>
  </si>
  <si>
    <t>医療法人社団　爽風会　雪ノ下診療所</t>
  </si>
  <si>
    <t>鎌倉市小町1-6-5</t>
  </si>
  <si>
    <t>医療法人慶恭会　鎌倉白内障老眼クリニック小町通り眼科</t>
  </si>
  <si>
    <t>鎌倉市小町1-6-8 リアスコビル1F</t>
  </si>
  <si>
    <t>後藤眼科医院</t>
  </si>
  <si>
    <t>鎌倉市小町1丁目4番12号 松林堂ﾋﾞﾙ5F</t>
  </si>
  <si>
    <t>芋川耳鼻咽喉科クリニック</t>
  </si>
  <si>
    <t>鎌倉市小町2-10-1　3Ｆ</t>
  </si>
  <si>
    <t>鎌倉かまりんヒフクリニック</t>
  </si>
  <si>
    <t>鎌倉市小町2-15-11</t>
  </si>
  <si>
    <t>医療法人徳洲会　清川病院</t>
  </si>
  <si>
    <t>鎌倉市小町2丁目13番7号</t>
  </si>
  <si>
    <t>鎌倉逗子胃腸肛門内視鏡クリニック</t>
  </si>
  <si>
    <t>鎌倉市小町2丁目-14-10　鎌倉メディカルサプライビル2・3</t>
  </si>
  <si>
    <t>かまくら脳神経外科</t>
  </si>
  <si>
    <t>鎌倉市城廻48-1</t>
  </si>
  <si>
    <t>ごうファミリークリニック鎌倉大船</t>
  </si>
  <si>
    <t>鎌倉市城廻48番地1</t>
  </si>
  <si>
    <t>ふかさわ呼吸器・消化器内科クリニック</t>
  </si>
  <si>
    <t>鎌倉市常盤52番地1</t>
  </si>
  <si>
    <t>柳川クリニック</t>
  </si>
  <si>
    <t>鎌倉市西鎌倉1-18-3</t>
  </si>
  <si>
    <t>医療法人　湘南谷野会　西鎌倉谷野眼科</t>
  </si>
  <si>
    <t>鎌倉市西鎌倉1-2-20</t>
  </si>
  <si>
    <t>医療法人　高橋耳鼻咽喉科クリニック</t>
  </si>
  <si>
    <t>鎌倉市雪ノ下1-10-26</t>
  </si>
  <si>
    <t>医療法人　とよた医院</t>
  </si>
  <si>
    <t>鎌倉市雪ノ下1-9-21　トウセン鎌倉ビル2F</t>
  </si>
  <si>
    <t>かも皮ふ科</t>
  </si>
  <si>
    <t>鎌倉市雪ノ下1丁目16番25号</t>
  </si>
  <si>
    <t>さかい内科・胃腸科クリニック</t>
  </si>
  <si>
    <t>鎌倉市雪ノ下3-1-32</t>
  </si>
  <si>
    <t>鎌倉雪ノ下クリニック</t>
  </si>
  <si>
    <t>鎌倉市雪ﾉ下4-1-8</t>
  </si>
  <si>
    <t>鎌倉在宅クリニック</t>
  </si>
  <si>
    <t>鎌倉市雪ノ下636-10　立花大倉ビル3F</t>
  </si>
  <si>
    <t>医療法人社団プラタナス　鎌倉アーバンクリニック</t>
  </si>
  <si>
    <t>鎌倉市扇が谷1-1-29　大崎ビル2F</t>
  </si>
  <si>
    <t>医療法人社団　湘南友和会　さとうクリニック</t>
  </si>
  <si>
    <t>鎌倉市台5-8-29　いけだビル2F</t>
  </si>
  <si>
    <t>医療法人徳洲会　湘南鎌倉人工関節センター</t>
  </si>
  <si>
    <t>鎌倉市台5丁目4-17</t>
  </si>
  <si>
    <t>しらいわ内科・リウマチクリニック</t>
  </si>
  <si>
    <t>鎌倉市大船1-12-11　ミツハマビル201号</t>
  </si>
  <si>
    <t>岩田整形クリニック</t>
  </si>
  <si>
    <t>鎌倉市大船1-12-17　リオンビル1F・2F</t>
  </si>
  <si>
    <t>あいクリニック仲通</t>
  </si>
  <si>
    <t>鎌倉市大船1-22-28　MMビル1F</t>
  </si>
  <si>
    <t>まつむらファミリークリニック</t>
  </si>
  <si>
    <t>鎌倉市大船1-23-31 浜田ﾋﾞﾙ3F</t>
  </si>
  <si>
    <t>医療法人　泉樹会　飯野眼科医院</t>
  </si>
  <si>
    <t>鎌倉市大船1-24-19-3F</t>
  </si>
  <si>
    <t>高井内科クリニック</t>
  </si>
  <si>
    <t>鎌倉市大船1-26-27　日生ﾋﾞﾙ　1F</t>
  </si>
  <si>
    <t>コンフォート北鎌倉台クリニック</t>
  </si>
  <si>
    <t>鎌倉市大船1-7-5　大船末広神尾ビル5F</t>
  </si>
  <si>
    <t>医療法人采有会　いろでん内科・胃腸内科クリニック</t>
  </si>
  <si>
    <t>鎌倉市大船1丁目11番10号　協和ビル2F</t>
  </si>
  <si>
    <t>大船いのうえ眼科</t>
  </si>
  <si>
    <t>鎌倉市大船1丁目27番28号　STKビル202号室</t>
  </si>
  <si>
    <t>医療法人社団メディカルフェニックス　メディカルスキャニング大船</t>
  </si>
  <si>
    <t>鎌倉市大船1丁目3番9号　MS大船ビル1F　B1区画</t>
  </si>
  <si>
    <t>大船内科・消化器内科クリニック</t>
  </si>
  <si>
    <t>鎌倉市大船2-17-2　パルティーダ２F</t>
  </si>
  <si>
    <t>大船耳鼻咽喉科クリニック</t>
  </si>
  <si>
    <t>鎌倉市大船2-18-24　森ビル2F</t>
  </si>
  <si>
    <t>たかだ脳神経外科クリニック</t>
  </si>
  <si>
    <t>鎌倉市大船2-18-32　宮内ビル1F</t>
  </si>
  <si>
    <t>大船田園眼科</t>
  </si>
  <si>
    <t>鎌倉市大船2-18-36</t>
  </si>
  <si>
    <t>大船笠間皮膚科医院</t>
  </si>
  <si>
    <t>鎌倉市大船2-18-9</t>
  </si>
  <si>
    <t>湘南おおふなクリニック</t>
  </si>
  <si>
    <t>鎌倉市大船2-25-2　セルアージュ鎌倉大船</t>
  </si>
  <si>
    <t>信愛クリニック</t>
  </si>
  <si>
    <t>鎌倉市大船2-26-10</t>
  </si>
  <si>
    <t>田辺整形外科</t>
  </si>
  <si>
    <t>鎌倉市大船2丁目18番20号　1F・2F</t>
  </si>
  <si>
    <t>医療法人社団　善仁会　湘南クリニック</t>
  </si>
  <si>
    <t>鎌倉市大船2丁目6番14号</t>
  </si>
  <si>
    <t>小林クリニック</t>
  </si>
  <si>
    <t>鎌倉市大船3-1-3 セイショウナン7F</t>
  </si>
  <si>
    <t>医療法人　しおのいり内科</t>
  </si>
  <si>
    <t>鎌倉市大船3-1-3　セイショウナンビル4F</t>
  </si>
  <si>
    <t>山口内科</t>
  </si>
  <si>
    <t>鎌倉市大船3-1-7　レガート大船201</t>
  </si>
  <si>
    <t>はつ花皮ふ科クリニック</t>
  </si>
  <si>
    <t>鎌倉市大船3-2-11</t>
  </si>
  <si>
    <t>高橋眼科</t>
  </si>
  <si>
    <t>鎌倉市大船3-2-11 　大船メディカルビル202</t>
  </si>
  <si>
    <t>大船まえだ皮膚科</t>
  </si>
  <si>
    <t>鎌倉市大船4丁目17番17号　メディカルプラザ鎌倉大船</t>
  </si>
  <si>
    <t>若杉内科クリニック</t>
  </si>
  <si>
    <t>鎌倉市大船6-1-1　松竹ショッピングセンターB棟2F</t>
  </si>
  <si>
    <t>大船中央病院</t>
  </si>
  <si>
    <t>鎌倉市大船6-2-24</t>
  </si>
  <si>
    <t>原皮膚科医院</t>
  </si>
  <si>
    <t>鎌倉市大町1丁目18番15</t>
  </si>
  <si>
    <t>医療法人社団 充仁会 足立医院</t>
  </si>
  <si>
    <t>鎌倉市大町2-2-4</t>
  </si>
  <si>
    <t>医療法人財団　額田記念会　額田記念病院</t>
  </si>
  <si>
    <t>鎌倉市大町4-6-6</t>
  </si>
  <si>
    <t>一般財団法人　鎌倉病院</t>
  </si>
  <si>
    <t>鎌倉市長谷3-1-8</t>
  </si>
  <si>
    <t>川島整形外科</t>
  </si>
  <si>
    <t>鎌倉市津西1-17-44</t>
  </si>
  <si>
    <t>医療法人　湘和会　湘南記念病院</t>
  </si>
  <si>
    <t>鎌倉市笛田2-2-60</t>
  </si>
  <si>
    <t>医療法人湘和会　湘南記念鎌倉クリニック</t>
  </si>
  <si>
    <t>鎌倉市笛田2-6-13-2F</t>
  </si>
  <si>
    <t>ドクターゴン鎌倉診療所</t>
  </si>
  <si>
    <t>鎌倉市笛田4-25-2 アスクレピオン鎌倉Bｰ1</t>
  </si>
  <si>
    <t>遠藤内科クリニック</t>
  </si>
  <si>
    <t>鎌倉市笛田4-5-1</t>
  </si>
  <si>
    <t>西井クリニック</t>
  </si>
  <si>
    <t>鎌倉市由比ガ浜2-16-2　サンフローラルビル1F</t>
  </si>
  <si>
    <t>かまくらファミリークリニック</t>
  </si>
  <si>
    <t>鎌倉市由比ガ浜2丁目6番21号</t>
  </si>
  <si>
    <t>じんの内科クリニック</t>
  </si>
  <si>
    <t>鎌倉市由比ガ浜3-11-39　福地ビル1F</t>
  </si>
  <si>
    <t>じんの眼科クリニック</t>
  </si>
  <si>
    <t>鎌倉市由比ガ浜3-11-39　福地ビル2F</t>
  </si>
  <si>
    <t>由比ガ浜総合診療クリニック</t>
  </si>
  <si>
    <t>鎌倉市由比ガ浜3丁目1-12</t>
  </si>
  <si>
    <t>呉クリニック</t>
  </si>
  <si>
    <t>藤沢市 鵠沼松が岡3-24-23</t>
  </si>
  <si>
    <t>辻堂おひさま眼科クリニック</t>
  </si>
  <si>
    <t>藤沢市羽鳥1-2-2-1F</t>
  </si>
  <si>
    <t>四ツ谷クリニック</t>
  </si>
  <si>
    <t>藤沢市羽鳥1-6-16</t>
  </si>
  <si>
    <t>湘南中央病院</t>
  </si>
  <si>
    <t>藤沢市羽鳥1丁目3番43号</t>
  </si>
  <si>
    <t>丸山医院</t>
  </si>
  <si>
    <t>藤沢市羽鳥2-2-26</t>
  </si>
  <si>
    <t>藤田医院</t>
  </si>
  <si>
    <t>藤沢市羽鳥5-5-10</t>
  </si>
  <si>
    <t>村田会湘南台内科クリニック</t>
  </si>
  <si>
    <t>藤沢市円行991番地</t>
  </si>
  <si>
    <t>医療法人社団健育会　湘南慶育病院</t>
  </si>
  <si>
    <t>藤沢市遠藤4360番地</t>
  </si>
  <si>
    <t>医療法人　柳沢内科小児科医院</t>
  </si>
  <si>
    <t>藤沢市遠藤641-6</t>
  </si>
  <si>
    <t>武内整形外科医院</t>
  </si>
  <si>
    <t>藤沢市遠藤641-9</t>
  </si>
  <si>
    <t>医療法人社団緑心会　北見泌尿器科皮フ科クリニック</t>
  </si>
  <si>
    <t>藤沢市遠藤861-6</t>
  </si>
  <si>
    <t>医療法人社団　エス・ジー・シー　櫻井胃腸科クリニック</t>
  </si>
  <si>
    <t>藤沢市遠藤863-5</t>
  </si>
  <si>
    <t>長後中央医院</t>
  </si>
  <si>
    <t>藤沢市下土棚444－8</t>
  </si>
  <si>
    <t>長後皮膚科医院</t>
  </si>
  <si>
    <t>藤沢市下土棚467　カートビル2F</t>
  </si>
  <si>
    <t>一般財団法人同友会　ライフメディカル健診プラザ</t>
  </si>
  <si>
    <t>藤沢市下土棚467-10 S・M・Cメディカルビル</t>
  </si>
  <si>
    <t>長後駅前眼科</t>
  </si>
  <si>
    <t>藤沢市下土棚467ｰ9　山口ビル3Ｆ</t>
  </si>
  <si>
    <t>長後こどもクリニック</t>
  </si>
  <si>
    <t>藤沢市下土棚478-5</t>
  </si>
  <si>
    <t>関野内科医院</t>
  </si>
  <si>
    <t>藤沢市亀井野1-21-12</t>
  </si>
  <si>
    <t>今村内科クリニック</t>
  </si>
  <si>
    <t>藤沢市亀井野1770-2　モトハウス1F</t>
  </si>
  <si>
    <t>もみの木こどもクリニック</t>
  </si>
  <si>
    <t>藤沢市亀井野1丁目3番12</t>
  </si>
  <si>
    <t>藤沢まえだ内科</t>
  </si>
  <si>
    <t>藤沢市亀井野1丁目3番地の12-2F</t>
  </si>
  <si>
    <t>心臓クリニック藤沢六会</t>
  </si>
  <si>
    <t>藤沢市亀井野2-7-1</t>
  </si>
  <si>
    <t>医療法人ルイユ会　六会眼科</t>
  </si>
  <si>
    <t>藤沢市亀井野2丁目10-7</t>
  </si>
  <si>
    <t>みむら脳神経外科</t>
  </si>
  <si>
    <t>藤沢市亀井野2丁目7番地1</t>
  </si>
  <si>
    <t>医療法人社団悠翔会　ノビシロクリニック藤沢</t>
  </si>
  <si>
    <t>藤沢市亀井野4-5-8　ノビシロハウス亀井野North棟2A</t>
  </si>
  <si>
    <t>湘南ごしょみ眼科</t>
  </si>
  <si>
    <t>藤沢市宮原3343-1</t>
  </si>
  <si>
    <t>山口クリニック</t>
  </si>
  <si>
    <t>藤沢市高倉2332-1</t>
  </si>
  <si>
    <t>一般財団法人　同友会　藤沢湘南台病院</t>
  </si>
  <si>
    <t>藤沢市高倉2345</t>
  </si>
  <si>
    <t>石原医院</t>
  </si>
  <si>
    <t>藤沢市高倉396-3</t>
  </si>
  <si>
    <t>いたばしクリニック</t>
  </si>
  <si>
    <t>藤沢市高倉885-5</t>
  </si>
  <si>
    <t>社会福祉法人　共生会付属診療所</t>
  </si>
  <si>
    <t>藤沢市鵠沼1559番地</t>
  </si>
  <si>
    <t>湘南レディースクリニック</t>
  </si>
  <si>
    <t>藤沢市鵠沼花沢町1-12　第5相澤ビル6F</t>
  </si>
  <si>
    <t>藤沢メンタル・漢方クリニック</t>
  </si>
  <si>
    <t>藤沢市鵠沼花沢町13-9 　ハナザワビル3Ｆ</t>
  </si>
  <si>
    <t>鵠沼海岸内科クリニック</t>
  </si>
  <si>
    <t>藤沢市鵠沼海岸2-3-13　2F</t>
  </si>
  <si>
    <t>くげぬま眼科クリニック</t>
  </si>
  <si>
    <t>別府医院</t>
  </si>
  <si>
    <t>藤沢市鵠沼橘1-1-1　第2外岡ビル5F</t>
  </si>
  <si>
    <t>たかさか小児科</t>
  </si>
  <si>
    <t>藤沢市鵠沼橘1-1-5　平本藤沢ビル1F</t>
  </si>
  <si>
    <t>藤沢南口みずの泌尿器科クリニック</t>
  </si>
  <si>
    <t>藤沢市鵠沼橘1-1-7 門倉ビル3 4Ｆ</t>
  </si>
  <si>
    <t>こみ糖尿病内科</t>
  </si>
  <si>
    <t>藤沢市鵠沼橘1-1-7　門倉ビル3-1F　B号室</t>
  </si>
  <si>
    <t>さくだ脳神経外科クリニック</t>
  </si>
  <si>
    <t>藤沢市鵠沼橘1-17-11　順天ビル本館101号室</t>
  </si>
  <si>
    <t>カワイ眼科医院</t>
  </si>
  <si>
    <t>藤沢市鵠沼橘1-1-8</t>
  </si>
  <si>
    <t>たかばやし胃腸科クリニック</t>
  </si>
  <si>
    <t>藤沢市鵠沼橘1-1-8-5Ｆ</t>
  </si>
  <si>
    <t>白木内科医院</t>
  </si>
  <si>
    <t>藤沢市鵠沼橘1-5-1-201</t>
  </si>
  <si>
    <t>イノルト整形外科　藤沢院　痛みと骨粗鬆症クリニック</t>
  </si>
  <si>
    <t>藤沢市鵠沼橘1丁目1-1　第二外岡ビル3F</t>
  </si>
  <si>
    <t>桜が岡耳鼻咽喉科</t>
  </si>
  <si>
    <t>藤沢市鵠沼桜が岡1-8-5-1</t>
  </si>
  <si>
    <t>藤沢・胃腸と大腸の消化器内科　桜が岡内科・内視鏡クリニック</t>
  </si>
  <si>
    <t>藤沢市鵠沼桜が岡1丁目8番13号</t>
  </si>
  <si>
    <t>湘南鵠沼内科・リウマチ科安達正則クリニック</t>
  </si>
  <si>
    <t>藤沢市鵠沼桜が岡4-14-3</t>
  </si>
  <si>
    <t>小林内科医院</t>
  </si>
  <si>
    <t>藤沢市鵠沼桜が岡4-15-28</t>
  </si>
  <si>
    <t>ありあけ内科クリニック</t>
  </si>
  <si>
    <t>藤沢市鵠沼松が岡4-15-27</t>
  </si>
  <si>
    <t>医療法人社団　かわしま神経内科クリニック</t>
  </si>
  <si>
    <t>藤沢市鵠沼松が岡5-13-17</t>
  </si>
  <si>
    <t>ふじさわ北整形外科</t>
  </si>
  <si>
    <t>藤沢市鵠沼神明5-1-5</t>
  </si>
  <si>
    <t>仲野整形外科　スポーツ・ウェルネスクリニック</t>
  </si>
  <si>
    <t>藤沢市鵠沼神明5丁目14番15号</t>
  </si>
  <si>
    <t>医療法人社団　松和会　藤沢メディカルクリニック</t>
  </si>
  <si>
    <t>藤沢市鵠沼石上1-12-13</t>
  </si>
  <si>
    <t>ほり整形外科クリニック</t>
  </si>
  <si>
    <t>藤沢市鵠沼石上1-13-4　クリスタル鵠沼1F</t>
  </si>
  <si>
    <t>中山眼科医院</t>
  </si>
  <si>
    <t>藤沢市鵠沼石上1-2-4</t>
  </si>
  <si>
    <t>藤沢内科消化器クリニック</t>
  </si>
  <si>
    <t>藤沢市鵠沼石上1-2-4 2F</t>
  </si>
  <si>
    <t>医療法人社団　湘南斉藤クリニック</t>
  </si>
  <si>
    <t>藤沢市鵠沼石上2-14-9</t>
  </si>
  <si>
    <t>クローバーホスピタル</t>
  </si>
  <si>
    <t>藤沢市鵠沼石上3丁目3番6号</t>
  </si>
  <si>
    <t>尾崎クリニック</t>
  </si>
  <si>
    <t>藤沢市鵠沼東1-1　玉半ビル　2Ｆ</t>
  </si>
  <si>
    <t>湘南整形外科　藤沢肩腰痛・リハビリクリニック</t>
  </si>
  <si>
    <t>藤沢市鵠沼東1番2号</t>
  </si>
  <si>
    <t>くげぬま緩和ケア内科</t>
  </si>
  <si>
    <t>藤沢市鵠沼藤が谷1丁目9-22</t>
  </si>
  <si>
    <t>池上整形外科</t>
  </si>
  <si>
    <t>藤沢市鵠沼藤が谷2丁目1番21号</t>
  </si>
  <si>
    <t>医療法人社団唯円会　鵠沼藤が谷内科</t>
  </si>
  <si>
    <t>藤沢市鵠沼藤が谷2丁目2番13号</t>
  </si>
  <si>
    <t>藤沢病院</t>
  </si>
  <si>
    <t>藤沢市小塚383</t>
  </si>
  <si>
    <t>医療法人社団万風会　湘南台東口クリニック</t>
  </si>
  <si>
    <t>藤沢市湘南台1-1-1　湘南台ダイヤモンドマンション1F</t>
  </si>
  <si>
    <t>医療法人　いまにし内科消化器科クリニック</t>
  </si>
  <si>
    <t>藤沢市湘南台1ｰ7ｰ8 ｴｽﾎﾟﾜｰﾙ1F</t>
  </si>
  <si>
    <t>湘南第一病院</t>
  </si>
  <si>
    <t>藤沢市湘南台1-19-7</t>
  </si>
  <si>
    <t>医療法人社団桐杏会　メディカルパーク湘南こどもクリニック</t>
  </si>
  <si>
    <t>藤沢市湘南台1-24-7　1F</t>
  </si>
  <si>
    <t>湘南台はた眼科</t>
  </si>
  <si>
    <t>藤沢市湘南台1-4-2　ピノスビル　4F</t>
  </si>
  <si>
    <t>湘南藤沢心臓血管クリニック</t>
  </si>
  <si>
    <t>藤沢市湘南台1-9-1　エクシード湘南台1F</t>
  </si>
  <si>
    <t>医療法人社団永進会　湘南台じんクリニック</t>
  </si>
  <si>
    <t>藤沢市湘南台1丁目10番地の6　カルチャー湘南台ビル1F</t>
  </si>
  <si>
    <t>湘南台ブレストクリニック</t>
  </si>
  <si>
    <t>藤沢市湘南台1丁目1番地の6　湘南台駅前クリニックビル2F</t>
  </si>
  <si>
    <t>湘南台スマイルクリニック</t>
  </si>
  <si>
    <t>藤沢市湘南台1丁目26番地の7</t>
  </si>
  <si>
    <t>湘南ジンベエ皮膚科</t>
  </si>
  <si>
    <t>藤沢市湘南台1丁目4-2　ピノスビル3F-2</t>
  </si>
  <si>
    <t>中沢内科医院</t>
  </si>
  <si>
    <t>藤沢市湘南台2-18-3</t>
  </si>
  <si>
    <t>ことり内科クリニック</t>
  </si>
  <si>
    <t>藤沢市湘南台2-2-1-1A</t>
  </si>
  <si>
    <t>医療法人社団　さくまこどもクリニック</t>
  </si>
  <si>
    <t>藤沢市湘南台2-27-15　東永ビル1Ｆ</t>
  </si>
  <si>
    <t>高橋整形外科</t>
  </si>
  <si>
    <t>藤沢市湘南台2-27-15　東永ビル2F</t>
  </si>
  <si>
    <t>医療法人昭優会　湘南ふかさわ鼠径ヘルニア大腸肛門外科クリニック</t>
  </si>
  <si>
    <t>藤沢市湘南台2-31-15　湘南台メディカルモール2F・3F</t>
  </si>
  <si>
    <t>湘南台腎泌尿器・漢方クリニック</t>
  </si>
  <si>
    <t>藤沢市湘南台2-7-12　門倉第二湘南台ビル1F</t>
  </si>
  <si>
    <t>すが皮ふ科</t>
  </si>
  <si>
    <t>藤沢市湘南台2-8-30　DONIE湘南2F</t>
  </si>
  <si>
    <t>すが内科クリニック</t>
  </si>
  <si>
    <t>藤沢市湘南台2-8-30　DONIE湘南3F</t>
  </si>
  <si>
    <t>湘南台ごしょみ眼科</t>
  </si>
  <si>
    <t>藤沢市湘南台2-9-6　ノワビルⅡ 4F</t>
  </si>
  <si>
    <t>かみいし整形外科クリニック</t>
  </si>
  <si>
    <t>藤沢市湘南台2丁目13番地10　神中第5ビル1F</t>
  </si>
  <si>
    <t>グレースデンタルメディカルクリニック　湘南分院</t>
  </si>
  <si>
    <t>藤沢市湘南台2丁目17番17号　グランドメゾン湘南101号</t>
  </si>
  <si>
    <t>グリシナクリニック湘南台</t>
  </si>
  <si>
    <t>藤沢市湘南台2丁目2番6号  Lotus369  301号室</t>
  </si>
  <si>
    <t>ひかり在宅クリニック藤沢湘南台</t>
  </si>
  <si>
    <t>藤沢市湘南台2丁目5番地8　湘南台Nビル4F</t>
  </si>
  <si>
    <t>湘南台クリニック</t>
  </si>
  <si>
    <t>藤沢市湘南台2丁目6番10号　WP7thビルディング3F</t>
  </si>
  <si>
    <t>湘南台脳神経外科クリニック</t>
  </si>
  <si>
    <t>藤沢市湘南台2丁目7番地の15　東急ドエルアルス湘南台アネックス１F102号室</t>
  </si>
  <si>
    <t>医療法人社団　善仁会　藤沢湘南台クリニック</t>
  </si>
  <si>
    <t>藤沢市湘南台2丁目8番11号</t>
  </si>
  <si>
    <t>桧山整形外科</t>
  </si>
  <si>
    <t>藤沢市湘南台3-14-3</t>
  </si>
  <si>
    <t>医療法人社団喜望会　つじた脳神経外科</t>
  </si>
  <si>
    <t>藤沢市湘南台3-7-12　湘南台クリニックビル1F</t>
  </si>
  <si>
    <t>藤沢市湘南台3-7-12　湘南台クリニックビル3F</t>
  </si>
  <si>
    <t>医療法人社団遼聡会　たんげ脳神経外科</t>
  </si>
  <si>
    <t>藤沢市湘南台3-7-12-102</t>
  </si>
  <si>
    <t>いわもと内科</t>
  </si>
  <si>
    <t>藤沢市湘南台4-5-1 プレジャ湘南台</t>
  </si>
  <si>
    <t>医療法人社団さんりつ会　そうわ湘南台クリニック</t>
  </si>
  <si>
    <t>藤沢市湘南台４丁目1-23　Stella Ange 1F</t>
  </si>
  <si>
    <t>ルピナス在宅クリニック</t>
  </si>
  <si>
    <t>藤沢市湘南台5丁目35番1号　ＧＳハイム湘南台101号室</t>
  </si>
  <si>
    <t>医療法人桜友会　牧小児科医院</t>
  </si>
  <si>
    <t>藤沢市湘南台6-6-10</t>
  </si>
  <si>
    <t>湘南台中央医院</t>
  </si>
  <si>
    <t>藤沢市湘南台7-1-5</t>
  </si>
  <si>
    <t>明石医院</t>
  </si>
  <si>
    <t>藤沢市湘南台7-15-14</t>
  </si>
  <si>
    <t>西郡医院</t>
  </si>
  <si>
    <t>藤沢市湘南台7-50-5</t>
  </si>
  <si>
    <t>医療法人知真会　湘南真心クリニック</t>
  </si>
  <si>
    <t>藤沢市菖蒲沢1221-2</t>
  </si>
  <si>
    <t>医療法人社団一進会　宮本内科消化器科クリニック</t>
  </si>
  <si>
    <t>藤沢市菖蒲沢611</t>
  </si>
  <si>
    <t>医療法人社団　M＆R　高橋まことクリニック</t>
  </si>
  <si>
    <t>藤沢市石川1-1-20　SCビル2F,3FB号室</t>
  </si>
  <si>
    <t>湘南台宮治クリニック</t>
  </si>
  <si>
    <t>藤沢市石川6-21-10</t>
  </si>
  <si>
    <t>伊佐早内科小児科医院</t>
  </si>
  <si>
    <t>藤沢市石川693-7</t>
  </si>
  <si>
    <t>山崎脳神経外科クリニック</t>
  </si>
  <si>
    <t>藤沢市善行1-20-6</t>
  </si>
  <si>
    <t>飯塚整形外科</t>
  </si>
  <si>
    <t>藤沢市善行1-25-1　ロイヤルⅡビル2F</t>
  </si>
  <si>
    <t>山本内科クリニック</t>
  </si>
  <si>
    <t>藤沢市善行1-25-15　TYビル1F</t>
  </si>
  <si>
    <t>夕凪在宅診療所</t>
  </si>
  <si>
    <t>藤沢市善行1-26-5善行小山ビル2F</t>
  </si>
  <si>
    <t>善行すずき眼科</t>
  </si>
  <si>
    <t>藤沢市善行1丁目22番地の11</t>
  </si>
  <si>
    <t>石田胃腸科医院</t>
  </si>
  <si>
    <t>藤沢市善行2-1-2</t>
  </si>
  <si>
    <t>医療法人社団　植松医院</t>
  </si>
  <si>
    <t>藤沢市善行2-17-7</t>
  </si>
  <si>
    <t>青木医院</t>
  </si>
  <si>
    <t>藤沢市善行2-9-3</t>
  </si>
  <si>
    <t>善行ホームケアクリニック</t>
  </si>
  <si>
    <t>藤沢市善行6丁目16番21号</t>
  </si>
  <si>
    <t>タニグチ眼科</t>
  </si>
  <si>
    <t>藤沢市善行7-6-1　サンライズビル1F-D</t>
  </si>
  <si>
    <t>藤沢善行ファミリークリニック</t>
  </si>
  <si>
    <t>藤沢市善行7丁目4番9号</t>
  </si>
  <si>
    <t>善行団地　石川医院</t>
  </si>
  <si>
    <t>藤沢市善行団地3-16-1</t>
  </si>
  <si>
    <t>ぬまた内科呼吸器科</t>
  </si>
  <si>
    <t>藤沢市大鋸1-2-18</t>
  </si>
  <si>
    <t>小野整形外科</t>
  </si>
  <si>
    <t>藤沢市大鋸1-2-18　NKビル2F</t>
  </si>
  <si>
    <t>Kココカラクリニック</t>
  </si>
  <si>
    <t>藤沢市大鋸1-3-7　FJ大鋸ビル1F</t>
  </si>
  <si>
    <t>野中脳神経外科クリニック</t>
  </si>
  <si>
    <t>藤沢市大庭5061-5</t>
  </si>
  <si>
    <t>医療法人社団橘桜会　橘内科</t>
  </si>
  <si>
    <t>藤沢市大庭5061-8</t>
  </si>
  <si>
    <t>医療法人社団　石井小児科医院</t>
  </si>
  <si>
    <t>藤沢市大庭5061-9</t>
  </si>
  <si>
    <t>医療法人社団　関根耳鼻咽喉科医院</t>
  </si>
  <si>
    <t>藤沢市大庭5099-1</t>
  </si>
  <si>
    <t>さいが眼科</t>
  </si>
  <si>
    <t>藤沢市大庭5099-2</t>
  </si>
  <si>
    <t>医療法人社団栄友会　湘南ゆずクリニック</t>
  </si>
  <si>
    <t>藤沢市大庭5220番地の27</t>
  </si>
  <si>
    <t>ホームケアクリニック大庭</t>
  </si>
  <si>
    <t>藤沢市大庭5308-1</t>
  </si>
  <si>
    <t>湘南ライフタウン診療所</t>
  </si>
  <si>
    <t>藤沢市大庭5526-2　藤沢エデンの園B1F</t>
  </si>
  <si>
    <t>村田会湘南大庭病院</t>
  </si>
  <si>
    <t>藤沢市大庭5526番地の22</t>
  </si>
  <si>
    <t>藤沢市医師会北休日夜間急病診療所</t>
  </si>
  <si>
    <t>藤沢市大庭5527-1</t>
  </si>
  <si>
    <t>藤沢市保健医療センター診療所</t>
  </si>
  <si>
    <t>藤沢市大庭5527番地の1</t>
  </si>
  <si>
    <t>医療法人社団蒼天会　湘南あおぞらクリニック</t>
  </si>
  <si>
    <t>藤沢市大庭5560-1　ユーミーメディカルタウン大庭1F</t>
  </si>
  <si>
    <t>医療法人社団　恵信会　よしむら耳鼻咽喉科・内科・呼吸器内科</t>
  </si>
  <si>
    <t>藤沢市大庭5681-10-2Ｆ</t>
  </si>
  <si>
    <t>満山眼科クリニック</t>
  </si>
  <si>
    <t>藤沢市大庭5682-9　ライフビル2Ｆ</t>
  </si>
  <si>
    <t>医療法人社団　青木内科</t>
  </si>
  <si>
    <t>藤沢市大庭5682-9　ライフビル3Ｆ</t>
  </si>
  <si>
    <t>つながりクリニック</t>
  </si>
  <si>
    <t>藤沢市朝日町12-12　ヴォールマンション3-C</t>
  </si>
  <si>
    <t>風間医院</t>
  </si>
  <si>
    <t>藤沢市朝日町16-4</t>
  </si>
  <si>
    <t>木島眼科クリニック</t>
  </si>
  <si>
    <t>藤沢市朝日町4-4</t>
  </si>
  <si>
    <t>長後すずき内科クリニック</t>
  </si>
  <si>
    <t>藤沢市長後556-1</t>
  </si>
  <si>
    <t>木庭医院</t>
  </si>
  <si>
    <t>藤沢市長後680</t>
  </si>
  <si>
    <t>長後えんどう眼科</t>
  </si>
  <si>
    <t>藤沢市長後706ゴールドエイジ藤沢1F</t>
  </si>
  <si>
    <t>アグリホームクリニック　ふじさわ</t>
  </si>
  <si>
    <t>藤沢市長後706番地</t>
  </si>
  <si>
    <t>医療法人社団　酒井医院</t>
  </si>
  <si>
    <t>藤沢市辻堂1-10-19</t>
  </si>
  <si>
    <t>医療法人社団道心会　辻堂内科診療所</t>
  </si>
  <si>
    <t>藤沢市辻堂2-12-13</t>
  </si>
  <si>
    <t>辻堂いなほクリニック</t>
  </si>
  <si>
    <t>藤沢市辻堂2-2-14　ステラ湘南3F</t>
  </si>
  <si>
    <t>ふくだクリニック</t>
  </si>
  <si>
    <t>藤沢市辻堂2ｰ2ｰ14　ステラ湘南3F</t>
  </si>
  <si>
    <t>しらゆりクリニック</t>
  </si>
  <si>
    <t>藤沢市辻堂2-7-16　2F</t>
  </si>
  <si>
    <t>梅津クリニック</t>
  </si>
  <si>
    <t>藤沢市辻堂2-9-3　辻堂プルミエビル2Ｆ</t>
  </si>
  <si>
    <t>医療法人長谷川会　湘南ホスピタル</t>
  </si>
  <si>
    <t>藤沢市辻堂3-10-2</t>
  </si>
  <si>
    <t>医療法人社団　桐英会　はじめクリニック</t>
  </si>
  <si>
    <t>藤沢市辻堂5-18-9</t>
  </si>
  <si>
    <t>辻堂脳神経・脊椎クリニック</t>
  </si>
  <si>
    <t>藤沢市辻堂元町1丁目7-18-1</t>
  </si>
  <si>
    <t>医療法人社団　森整形外科医院</t>
  </si>
  <si>
    <t>藤沢市辻堂元町4-7-21</t>
  </si>
  <si>
    <t>湘南いしぐろクリニック　藤沢SST院</t>
  </si>
  <si>
    <t>藤沢市辻堂元町6丁目15番1号 パークウェルステイト湘南藤沢SST1F</t>
  </si>
  <si>
    <t>医療法人　徳洲会　山内病院付属　藤沢スマートタウンクリニック</t>
  </si>
  <si>
    <t>藤沢市辻堂元町6丁目17番1号　Wellness SQUARE 南館 1F</t>
  </si>
  <si>
    <t>山崎クリニック</t>
  </si>
  <si>
    <t>藤沢市辻堂新町1-1-15-2F</t>
  </si>
  <si>
    <t>たがわ皮フ科形成外科</t>
  </si>
  <si>
    <t>藤沢市辻堂新町1-4-32　フラワービルⅡ 3Ｆ</t>
  </si>
  <si>
    <t>藤沢市辻堂新町2丁目17番29号</t>
  </si>
  <si>
    <t>辻堂神台眼科</t>
  </si>
  <si>
    <t>藤沢市辻堂神台1-2-12　Luz湘南辻堂516-4</t>
  </si>
  <si>
    <t>もとき内科クリニック</t>
  </si>
  <si>
    <t>藤沢市辻堂神台1-3-39　オザワビル4F</t>
  </si>
  <si>
    <t>Ｌｕｚ湘南辻堂　おなかと内視鏡のクリニック</t>
  </si>
  <si>
    <t>藤沢市辻堂神台1丁目2番12号　Ｌｕｚ湘南辻堂５Ｆ　516-3区画</t>
  </si>
  <si>
    <t>医療法人徳洲会　湘南藤沢徳洲会病院</t>
  </si>
  <si>
    <t>藤沢市辻堂神台1丁目5番1</t>
  </si>
  <si>
    <t>辻堂金沢内科クリニック</t>
  </si>
  <si>
    <t>藤沢市辻堂神台2丁目2-1　アイクロス湘南1F</t>
  </si>
  <si>
    <t>山田医院</t>
  </si>
  <si>
    <t>藤沢市辻堂西海岸2-10-6</t>
  </si>
  <si>
    <t>辻堂まんぼう皮ふ科</t>
  </si>
  <si>
    <t>藤沢市辻堂太平台2-13-22　1F　3号室</t>
  </si>
  <si>
    <t>医療法人社団　正拓会　湘南太平台病院</t>
  </si>
  <si>
    <t>藤沢市辻堂太平台2-13-27</t>
  </si>
  <si>
    <t>しまぬき医院</t>
  </si>
  <si>
    <t>藤沢市辻堂東海岸1-10-19</t>
  </si>
  <si>
    <t>辻堂東海岸クリニック</t>
  </si>
  <si>
    <t>藤沢市辻堂東海岸1ｰ12ｰ20　湘南メディカルビル1F</t>
  </si>
  <si>
    <t>医療法人MARySOL　MARySOL整形外科</t>
  </si>
  <si>
    <t>藤沢市辻堂東海岸1-12-20 湘南メディカルビル3F</t>
  </si>
  <si>
    <t>奥医院</t>
  </si>
  <si>
    <t>藤沢市辻堂東海岸4-13-3</t>
  </si>
  <si>
    <t>おおしま眼科</t>
  </si>
  <si>
    <t>藤沢市渡内4-5-18　渡内クリニックビル2F</t>
  </si>
  <si>
    <t>うちだ内科</t>
  </si>
  <si>
    <t>藤沢市渡内4-5-18-2F</t>
  </si>
  <si>
    <t>医療法人社団栄友会　藤沢ゆずっ子クリニック</t>
  </si>
  <si>
    <t>藤沢市藤が岡2-3-5 ASMACI藤沢1Ｆ</t>
  </si>
  <si>
    <t>海部胃腸内科医院</t>
  </si>
  <si>
    <t>藤沢市藤が岡3-6-10</t>
  </si>
  <si>
    <t>昌　内科医院</t>
  </si>
  <si>
    <t>藤沢市藤沢1006-1-1Ｆ</t>
  </si>
  <si>
    <t>近藤内科医院</t>
  </si>
  <si>
    <t>藤沢市藤沢1027-9</t>
  </si>
  <si>
    <t>医療法人社団久善会　やのハートクリニック</t>
  </si>
  <si>
    <t>藤沢市藤沢1099-5</t>
  </si>
  <si>
    <t>菅原整形外科</t>
  </si>
  <si>
    <t>藤沢市藤沢1105</t>
  </si>
  <si>
    <t>宮岡脳神経外科</t>
  </si>
  <si>
    <t>藤沢市藤沢1-3-9</t>
  </si>
  <si>
    <t>ほしの内科クリニック</t>
  </si>
  <si>
    <t>藤沢市藤沢2-1-18　山本ビル1F</t>
  </si>
  <si>
    <t>いけだ耳鼻咽喉科</t>
  </si>
  <si>
    <t>藤沢市藤沢2-1-18　山本ビル3F</t>
  </si>
  <si>
    <t>藤沢IVFクリニック</t>
  </si>
  <si>
    <t>藤沢市藤沢218-1 スクエア藤沢 3F</t>
  </si>
  <si>
    <t>ふじさわ駅前ファミリークリニック</t>
  </si>
  <si>
    <t>藤沢市藤沢221-1</t>
  </si>
  <si>
    <t>アイ整形外科クリニック</t>
  </si>
  <si>
    <t>藤沢市藤沢2-3-15　トレアージュ白旗2Ｆ</t>
  </si>
  <si>
    <t>白旗なのはなクリニック</t>
  </si>
  <si>
    <t>藤沢市藤沢2丁目3番15号　トレアージュ白旗2F</t>
  </si>
  <si>
    <t>藤沢市民病院</t>
  </si>
  <si>
    <t>藤沢市藤沢2丁目6番1号</t>
  </si>
  <si>
    <t>医療法人社団　山岸クリニック</t>
  </si>
  <si>
    <t>藤沢市藤沢3-1-18</t>
  </si>
  <si>
    <t>湘南中村クリニック</t>
  </si>
  <si>
    <t>藤沢市藤沢31-2</t>
  </si>
  <si>
    <t>稲山眼科医院</t>
  </si>
  <si>
    <t>藤沢市藤沢3ｰ3ｰ3</t>
  </si>
  <si>
    <t>医療法人湘陽会　ルミネはたの眼科</t>
  </si>
  <si>
    <t>藤沢市藤沢438-1　JR藤沢駅ビル・ルミネプラザ7F</t>
  </si>
  <si>
    <t>消化器と内視鏡の内科　藤沢えがしらクリニック</t>
  </si>
  <si>
    <t>藤沢市藤沢530-10　F.S.Cビル3F302</t>
  </si>
  <si>
    <t>藤沢みうら耳鼻咽喉科</t>
  </si>
  <si>
    <t>藤沢市藤沢530-10 F.S.Cビル4F</t>
  </si>
  <si>
    <t>藤沢ぶん整形外科</t>
  </si>
  <si>
    <t>藤沢市藤沢530番地10　F.S.Cビル301号室</t>
  </si>
  <si>
    <t>医療法人社団放栄会　メディカルスキャニング藤沢</t>
  </si>
  <si>
    <t>藤沢市藤沢530番地の10</t>
  </si>
  <si>
    <t>山川医院</t>
  </si>
  <si>
    <t>藤沢市藤沢541</t>
  </si>
  <si>
    <t>増山眼科医院</t>
  </si>
  <si>
    <t>藤沢市藤沢556　小林ビル2F</t>
  </si>
  <si>
    <t>さくら皮フ科</t>
  </si>
  <si>
    <t>藤沢市藤沢559　角若松ビル2F　2-1</t>
  </si>
  <si>
    <t>湘南藤沢形成外科クリニックR</t>
  </si>
  <si>
    <t>藤沢市藤沢571　荒井ビル1F</t>
  </si>
  <si>
    <t>医療法人　湘南ON会　湘南藤沢おぬき消化器クリニック</t>
  </si>
  <si>
    <t>藤沢市藤沢600　ASMビル3F</t>
  </si>
  <si>
    <t>藤沢駅前糖尿病・甲状腺クリニック</t>
  </si>
  <si>
    <t>藤沢市藤沢600番地　松濤園ビル1F</t>
  </si>
  <si>
    <t>さわ内科糖尿病クリニック</t>
  </si>
  <si>
    <t>藤沢市藤沢610番地の1　サミットストア藤沢駅北口店2F3D区画</t>
  </si>
  <si>
    <t>医療生協かながわ生活協同組合　藤沢診療所</t>
  </si>
  <si>
    <t>藤沢市藤沢854-4</t>
  </si>
  <si>
    <t>湘南耳鼻咽喉科</t>
  </si>
  <si>
    <t>藤沢市藤沢94-2</t>
  </si>
  <si>
    <t>医療法人社団　片山クリニック</t>
  </si>
  <si>
    <t>藤沢市藤沢991-35</t>
  </si>
  <si>
    <t>医療法人社団千優会　藤沢在宅クリニック</t>
  </si>
  <si>
    <t>藤沢市南藤沢17-16　秋山ビルⅡ201号</t>
  </si>
  <si>
    <t>医療法人社団平育会　湘南なぎさ診療所</t>
  </si>
  <si>
    <t>藤沢市南藤沢18番地の1　グレイシャスK南藤沢6F</t>
  </si>
  <si>
    <t>藤沢金沢内科クリニック</t>
  </si>
  <si>
    <t>藤沢市南藤沢20-18</t>
  </si>
  <si>
    <t>南藤沢クリニック</t>
  </si>
  <si>
    <t>藤沢市南藤沢21番8号　大安興業ビル5F</t>
  </si>
  <si>
    <t>細田眼科クリニック</t>
  </si>
  <si>
    <t>藤沢市南藤沢4-16　マサキビル2F</t>
  </si>
  <si>
    <t>医療法人徳洲会　山内病院</t>
  </si>
  <si>
    <t>藤沢市南藤沢4-6</t>
  </si>
  <si>
    <t>湘南長寿園病院</t>
  </si>
  <si>
    <t>藤沢市白旗1丁目11番1号</t>
  </si>
  <si>
    <t>三宅クリニック</t>
  </si>
  <si>
    <t>藤沢市柄沢2丁目5-5</t>
  </si>
  <si>
    <t>からさわ耳鼻咽喉科</t>
  </si>
  <si>
    <t>藤沢市柄沢560-4-1</t>
  </si>
  <si>
    <t>角谷整形外科</t>
  </si>
  <si>
    <t>藤沢市柄沢563番地1</t>
  </si>
  <si>
    <t>湘南柄沢クリニック</t>
  </si>
  <si>
    <t>藤沢市並木台2-11-1</t>
  </si>
  <si>
    <t>湘南内科</t>
  </si>
  <si>
    <t>藤沢市片瀬2-15-24</t>
  </si>
  <si>
    <t>藤沢脳神経外科病院</t>
  </si>
  <si>
    <t>藤沢市片瀬2-15-36</t>
  </si>
  <si>
    <t>医療法人　片瀬整形外科</t>
  </si>
  <si>
    <t>藤沢市片瀬3-1-39-1F</t>
  </si>
  <si>
    <t>湘南江の島クリニック</t>
  </si>
  <si>
    <t>藤沢市片瀬3-15-1　湘南江の島駅ビル3F</t>
  </si>
  <si>
    <t>コタケ皮膚科医院</t>
  </si>
  <si>
    <t>藤沢市片瀬3-17-22</t>
  </si>
  <si>
    <t>片瀬こどもクリニック</t>
  </si>
  <si>
    <t>藤沢市片瀬3ｰ1ｰ39　片瀬クリニックプラザ2Fｰ201</t>
  </si>
  <si>
    <t>藤沢市医師会南休日夜間急病診療所</t>
  </si>
  <si>
    <t>藤沢市片瀬339-1</t>
  </si>
  <si>
    <t>かりゆしファミリークリニック</t>
  </si>
  <si>
    <t>藤沢市片瀬365-1</t>
  </si>
  <si>
    <t>クローバークリニック</t>
  </si>
  <si>
    <t>藤沢市片瀬4-10-22</t>
  </si>
  <si>
    <t>片瀬クリニック</t>
  </si>
  <si>
    <t>藤沢市片瀬5丁目12番23号　1F</t>
  </si>
  <si>
    <t>髙橋内科クリニック</t>
  </si>
  <si>
    <t>藤沢市片瀬海岸1-5-5　鎌田ビル1F</t>
  </si>
  <si>
    <t>いしい内科医院</t>
  </si>
  <si>
    <t>藤沢市片瀬海岸2丁目9番2号　ナイアメゾン101</t>
  </si>
  <si>
    <t>やまだ内科クリニック</t>
  </si>
  <si>
    <t>藤沢市片瀬山2-7-5</t>
  </si>
  <si>
    <t>医療法人　及川内科医院</t>
  </si>
  <si>
    <t>藤沢市片瀬山4-6-4</t>
  </si>
  <si>
    <t>中澤医院</t>
  </si>
  <si>
    <t>藤沢市片瀬山5-13-4</t>
  </si>
  <si>
    <t>鵠沼クリニック</t>
  </si>
  <si>
    <t>藤沢市本鵠沼2-14-10</t>
  </si>
  <si>
    <t>早稲田医院</t>
  </si>
  <si>
    <t>藤沢市本鵠沼4-7-4</t>
  </si>
  <si>
    <t>医療法人社団　真清会　やすい小児科・循環器科</t>
  </si>
  <si>
    <t>藤沢市本鵠沼4-7-9　2Ｆ</t>
  </si>
  <si>
    <t>湘南鵠沼脳神経クリニック</t>
  </si>
  <si>
    <t>藤沢市本鵠沼4-7-9　ウェルネス湘南第2ビル1F</t>
  </si>
  <si>
    <t>神谷医院</t>
  </si>
  <si>
    <t>藤沢市本町2-7-25</t>
  </si>
  <si>
    <t>牛腸内科クリニック</t>
  </si>
  <si>
    <t>藤沢市本町2丁目8-28</t>
  </si>
  <si>
    <t>医療法人社団栄友会　本藤沢ゆずクリニック</t>
  </si>
  <si>
    <t>藤沢市本藤沢1丁目1番8号　TOMOビル2F</t>
  </si>
  <si>
    <t>本藤沢内科クリニック</t>
  </si>
  <si>
    <t>藤沢市本藤沢6-14-2</t>
  </si>
  <si>
    <t>湘南よこた医院</t>
  </si>
  <si>
    <t>藤沢市本藤沢6丁目8-1</t>
  </si>
  <si>
    <t>のぞみホームクリニック</t>
  </si>
  <si>
    <t>藤沢市弥勒寺1-23-4</t>
  </si>
  <si>
    <t>たかはしクリニック</t>
  </si>
  <si>
    <t>藤沢市弥勒寺4-1-12</t>
  </si>
  <si>
    <t>医療法人社団悠翔会　ココロまち診療所</t>
  </si>
  <si>
    <t>藤沢市用田2672</t>
  </si>
  <si>
    <t>西山内科クリニック</t>
  </si>
  <si>
    <t>藤沢市用田637ｰ1</t>
  </si>
  <si>
    <t>藤川眼科</t>
  </si>
  <si>
    <t>藤沢市立石1-2-3</t>
  </si>
  <si>
    <t>関本医院</t>
  </si>
  <si>
    <t>医療法人社団　門山医院</t>
  </si>
  <si>
    <t>藤沢市立石3-3203-8</t>
  </si>
  <si>
    <t>御所見総合クリニック</t>
  </si>
  <si>
    <t>藤沢市獺郷188番地</t>
  </si>
  <si>
    <t>藤沢御所見病院</t>
  </si>
  <si>
    <t>藤沢市獺郷580番地</t>
  </si>
  <si>
    <t>扇町しらさぎ内科クリニック</t>
  </si>
  <si>
    <t>小田原市 扇町5-26-8</t>
  </si>
  <si>
    <t>医療生協かながわ生活協同組合　おだわら診療所</t>
  </si>
  <si>
    <t>小田原市 堀之内253-1</t>
  </si>
  <si>
    <t>医療法人司絆生　吉田クリニック</t>
  </si>
  <si>
    <t>小田原市栄町1ｰ14ｰ41　音羽プラーザビル1F</t>
  </si>
  <si>
    <t>お堀端クリニック</t>
  </si>
  <si>
    <t>小田原市栄町1-14-48 ジャンボーナックビル2F</t>
  </si>
  <si>
    <t>くりた眼科クリニック</t>
  </si>
  <si>
    <t>小田原市栄町1-14-9 ＮＴビルⅠ　2Ｆ</t>
  </si>
  <si>
    <t>おだわら泌尿器科・内科クリニック</t>
  </si>
  <si>
    <t>小田原市栄町1-18-29</t>
  </si>
  <si>
    <t>医療法人　康生会　高橋眼科クリニック</t>
  </si>
  <si>
    <t>小田原市栄町1-3-10　天野ビル3F</t>
  </si>
  <si>
    <t>おだわら脳神経外科クリニック</t>
  </si>
  <si>
    <t>小田原市栄町1-5-17　オゾン3ビル 1F</t>
  </si>
  <si>
    <t>かとうリウマチ内科クリニック</t>
  </si>
  <si>
    <t>小田原市栄町1-5-17-2F</t>
  </si>
  <si>
    <t>医療法人十弘会　かみじま内科クリニック</t>
  </si>
  <si>
    <t>小田原市栄町1-5-20　大邦ビル2F</t>
  </si>
  <si>
    <t>小田原箱根健診クリニック</t>
  </si>
  <si>
    <t>小田原市栄町1丁目1-15　ミナカ小田原7F</t>
  </si>
  <si>
    <t>医療法人　小林病院</t>
  </si>
  <si>
    <t>小田原市栄町1丁目14番18号</t>
  </si>
  <si>
    <t>小田原銀座クリニック</t>
  </si>
  <si>
    <t>小田原市栄町2-12-1</t>
  </si>
  <si>
    <t>根岸皮膚科</t>
  </si>
  <si>
    <t>小田原市栄町2-13-28</t>
  </si>
  <si>
    <t>医療法人社団吉井会　吉井整形外科</t>
  </si>
  <si>
    <t>小田原市栄町2-15-16</t>
  </si>
  <si>
    <t>医療法人　けやき会　安間医院</t>
  </si>
  <si>
    <t>小田原市栄町2-7-18</t>
  </si>
  <si>
    <t>医療法人社団保善会　岡宮産婦人科医院</t>
  </si>
  <si>
    <t>小田原市栄町3-10-19</t>
  </si>
  <si>
    <t>医療法人社団　雨宮内科医院</t>
  </si>
  <si>
    <t>小田原市栄町3-15-20</t>
  </si>
  <si>
    <t>マナクリニック</t>
  </si>
  <si>
    <t>小田原市永塚5</t>
  </si>
  <si>
    <t>佐伯眼科クリニック</t>
  </si>
  <si>
    <t>小田原市荻窪1772</t>
  </si>
  <si>
    <t>医療法人社団湘星会　小田原腎内科クリニック</t>
  </si>
  <si>
    <t>小田原市荻窪318番地3</t>
  </si>
  <si>
    <t>医療法人社団　帰陽会　丹羽病院</t>
  </si>
  <si>
    <t>小田原市荻窪406</t>
  </si>
  <si>
    <t>森本内科医院</t>
  </si>
  <si>
    <t>小田原市荻窪472</t>
  </si>
  <si>
    <t>かやま駅前眼科</t>
  </si>
  <si>
    <t>小田原市栢山2817-2</t>
  </si>
  <si>
    <t>菱木医院</t>
  </si>
  <si>
    <t>小田原市栢山2823ー4</t>
  </si>
  <si>
    <t>医療法人社団　村田医院</t>
  </si>
  <si>
    <t>小田原市栢山473</t>
  </si>
  <si>
    <t>特定医療法人社団研精会　箱根リハビリテーション病院附属ゆい小田原クリニック</t>
  </si>
  <si>
    <t>小田原市久野13-1</t>
  </si>
  <si>
    <t>久野銀座クリニック</t>
  </si>
  <si>
    <t>小田原市久野469　三栄ビル2Ｆ</t>
  </si>
  <si>
    <t>小田原市立総合医療センター</t>
  </si>
  <si>
    <t>小田原市久野46番地</t>
  </si>
  <si>
    <t>医療法人　武井内科医院</t>
  </si>
  <si>
    <t>小田原市国府津4-3-19</t>
  </si>
  <si>
    <t>ひまわりメンタルクリニック</t>
  </si>
  <si>
    <t>小田原市酒匂1414-14-101</t>
  </si>
  <si>
    <t>あおぞらクリニック</t>
  </si>
  <si>
    <t>小田原市酒匂2-28-51-1</t>
  </si>
  <si>
    <t>杏林堂クリニック</t>
  </si>
  <si>
    <t>小田原市酒匂3-9-12</t>
  </si>
  <si>
    <t>古藤内科小児科クリニック</t>
  </si>
  <si>
    <t>小田原市酒匂5-16-3</t>
  </si>
  <si>
    <t>医療法人社団　清水内科クリニック</t>
  </si>
  <si>
    <t>小田原市寿町2-7-6</t>
  </si>
  <si>
    <t>小田原ホームクリニック</t>
  </si>
  <si>
    <t>小田原市寿町4-3-34　TSハウス1号室</t>
  </si>
  <si>
    <t>医療法人尽誠会　山近記念総合病院</t>
  </si>
  <si>
    <t>小田原市小八幡3-19-14</t>
  </si>
  <si>
    <t>医療法人尽誠会　山近記念クリニック</t>
  </si>
  <si>
    <t>小田原市小八幡3-19-8</t>
  </si>
  <si>
    <t>井上医院</t>
  </si>
  <si>
    <t>小田原市上新田13-1</t>
  </si>
  <si>
    <t>おだわら西口耳鼻科</t>
  </si>
  <si>
    <t>小田原市城山1-4-1　城山タワープラザ206</t>
  </si>
  <si>
    <t>医療法人ゆうあい　竹田整形外科クリニック</t>
  </si>
  <si>
    <t>小田原市城山1-6-22</t>
  </si>
  <si>
    <t>医療法人社団謙翠会小田原マタニティクリニック</t>
  </si>
  <si>
    <t>小田原市城山２-１-５</t>
  </si>
  <si>
    <t>城山クリニック</t>
  </si>
  <si>
    <t>小田原市城山2-3-46 TSビル2Ｆ</t>
  </si>
  <si>
    <t>安藤眼科医院小田原クリニック</t>
  </si>
  <si>
    <t>小田原市成田168-5</t>
  </si>
  <si>
    <t>ファミリークリニック“悠久”</t>
  </si>
  <si>
    <t>小田原市成田462-1</t>
  </si>
  <si>
    <t>鈴木脳外科内科クリニック</t>
  </si>
  <si>
    <t>小田原市成田793-1</t>
  </si>
  <si>
    <t>さかわ内科クリニック</t>
  </si>
  <si>
    <t>小田原市西酒匂2丁目8番43号</t>
  </si>
  <si>
    <t>小島クリニック</t>
  </si>
  <si>
    <t>小田原市西酒匂3-4-9</t>
  </si>
  <si>
    <t>どんぐり整形外科　小田原リハビリテーションクリニック。</t>
  </si>
  <si>
    <t>小田原市千代116-11</t>
  </si>
  <si>
    <t>西湘病院</t>
  </si>
  <si>
    <t>小田原市扇町1-16-35</t>
  </si>
  <si>
    <t>しみず扇町クリニック</t>
  </si>
  <si>
    <t>小田原市扇町3-13-15-1Ｆ</t>
  </si>
  <si>
    <t>漢和クリニック</t>
  </si>
  <si>
    <t>小田原市扇町3ー26ー28</t>
  </si>
  <si>
    <t>吉田整形外科医院</t>
  </si>
  <si>
    <t>小田原市扇町4-7-15</t>
  </si>
  <si>
    <t>医療法人　高見澤クリニック</t>
  </si>
  <si>
    <t>公益財団法人積善会　曽我病院</t>
  </si>
  <si>
    <t>小田原市曽我岸148</t>
  </si>
  <si>
    <t>医療法人社団　富田医院</t>
  </si>
  <si>
    <t>小田原市曽我別所777-6</t>
  </si>
  <si>
    <t>おかべ形成・整形外科クリニック</t>
  </si>
  <si>
    <t>小田原市早川3丁目1番地８</t>
  </si>
  <si>
    <t>医療法人善ファミリークリニック</t>
  </si>
  <si>
    <t>小田原市中曽根72-1　パシオス小田原店1F</t>
  </si>
  <si>
    <t>渡辺医院</t>
  </si>
  <si>
    <t>小田原市中曽根78</t>
  </si>
  <si>
    <t>たかまクリニック</t>
  </si>
  <si>
    <t>小田原市中村原734-3</t>
  </si>
  <si>
    <t>医療法人社団　東鳩会　久保クリニック</t>
  </si>
  <si>
    <t>小田原市中里281-3</t>
  </si>
  <si>
    <t>たかくら眼科</t>
  </si>
  <si>
    <t>小田原市中里296-1　ダイナシティイースト2Ｆ</t>
  </si>
  <si>
    <t>医療法人社団　福井内科消化器科クリニック</t>
  </si>
  <si>
    <t>小田原市中里392-1</t>
  </si>
  <si>
    <t>医療法人社団三昧耶会 ゆげ耳鼻咽喉科</t>
  </si>
  <si>
    <t>小田原市中里72-1</t>
  </si>
  <si>
    <t>医療法人社団　健高会　いがらし胃腸科内科クリニック</t>
  </si>
  <si>
    <t>小田原市中里77-1</t>
  </si>
  <si>
    <t>特定医療法人　清輝会国府津病院</t>
  </si>
  <si>
    <t>小田原市田島125</t>
  </si>
  <si>
    <t>医療法人　光実会　鴨宮さとう内科クリニック</t>
  </si>
  <si>
    <t>小田原市南鴨宮2丁目34番10号</t>
  </si>
  <si>
    <t>MBS在宅ホームクリニック小田原院</t>
  </si>
  <si>
    <t>小田原市南鴨宮3-12-4南鴨宮ビル302号室</t>
  </si>
  <si>
    <t>鴨宮クリニック</t>
  </si>
  <si>
    <t>小田原市南鴨宮3ｰ20ｰ18</t>
  </si>
  <si>
    <t>医療法人社団　平原眼科クリニック</t>
  </si>
  <si>
    <t>小田原市南鴨宮3-44-3</t>
  </si>
  <si>
    <t>医療法人社団　湘風会　湘南こつこつクリニック</t>
  </si>
  <si>
    <t>小田原市南鴨宮3丁目40番1号　2F</t>
  </si>
  <si>
    <t>医療法人　山田クリニック</t>
  </si>
  <si>
    <t>小田原市板橋86-3</t>
  </si>
  <si>
    <t>石井呼吸器内科医院</t>
  </si>
  <si>
    <t>小田原市飯泉65</t>
  </si>
  <si>
    <t>医療法人社団　山屋整形外科医院</t>
  </si>
  <si>
    <t>小田原市飯泉804番地21</t>
  </si>
  <si>
    <t>医療法人社団　鈴木内科医院</t>
  </si>
  <si>
    <t>小田原市飯田岡123-14</t>
  </si>
  <si>
    <t>医療法人社団　吉邑クリニック</t>
  </si>
  <si>
    <t>小田原市飯田岡288</t>
  </si>
  <si>
    <t>医療法人社団　戸沢皮膚科医院</t>
  </si>
  <si>
    <t>小田原市浜町1-10-29</t>
  </si>
  <si>
    <t>医療法人社団　浜町小児科医院</t>
  </si>
  <si>
    <t>小田原市浜町1-14-3</t>
  </si>
  <si>
    <t>医療法人社団弘遼会　渡辺整形外科</t>
  </si>
  <si>
    <t>小田原市浜町1-6-4</t>
  </si>
  <si>
    <t>てらす往診クリニック</t>
  </si>
  <si>
    <t>小田原市浜町3-11-2 メゾン浜町103</t>
  </si>
  <si>
    <t>独立行政法人国立病院機構　箱根病院</t>
  </si>
  <si>
    <t>小田原市風祭412</t>
  </si>
  <si>
    <t>渡辺消化器科クリニック</t>
  </si>
  <si>
    <t>小田原市堀之内218-1</t>
  </si>
  <si>
    <t>小田原中央クリニック</t>
  </si>
  <si>
    <t>小田原市堀之内7番地1　中嶋ビル101</t>
  </si>
  <si>
    <t>本多記念青野クリニック</t>
  </si>
  <si>
    <t>小田原市本町1丁目4番4号　三宅本町ビル1F2F</t>
  </si>
  <si>
    <t>医療法人社団　山本眼科医院</t>
  </si>
  <si>
    <t>小田原市本町2-3-22</t>
  </si>
  <si>
    <t>医療法人社団綾和会　間中病院</t>
  </si>
  <si>
    <t>小田原市本町4-1-26</t>
  </si>
  <si>
    <t>医療法人邦友会　小田原循環器病院</t>
  </si>
  <si>
    <t>小田原市矢作296番地1</t>
  </si>
  <si>
    <t>小田原矢作クリニック</t>
  </si>
  <si>
    <t>小田原市矢作5番地1　矢作ガーデンプラザ1F</t>
  </si>
  <si>
    <t>螢田診療所</t>
  </si>
  <si>
    <t>小田原市蓮正寺310</t>
  </si>
  <si>
    <t>前田整形外科･内科クリニック</t>
  </si>
  <si>
    <t>茅ヶ崎市ひばりが丘1-10</t>
  </si>
  <si>
    <t>やまもと内科クリニック</t>
  </si>
  <si>
    <t>茅ヶ崎市みずき2-8-1</t>
  </si>
  <si>
    <t>おひさまクリニック湘南</t>
  </si>
  <si>
    <t>茅ヶ崎市みずき4-9-16-1F</t>
  </si>
  <si>
    <t>湘南みずき内科クリニック</t>
  </si>
  <si>
    <t>茅ヶ崎市みずき4-9-20</t>
  </si>
  <si>
    <t>医療法人寿会　大木医院</t>
  </si>
  <si>
    <t>茅ヶ崎市円蔵1-24-32</t>
  </si>
  <si>
    <t>藤川整形外科</t>
  </si>
  <si>
    <t>茅ヶ崎市円蔵1丁目23番13号</t>
  </si>
  <si>
    <t>湘南さくら病院</t>
  </si>
  <si>
    <t>茅ヶ崎市下寺尾1833</t>
  </si>
  <si>
    <t>茅ケ崎中央病院</t>
  </si>
  <si>
    <t>茅ヶ崎市茅ケ崎2-2-3</t>
  </si>
  <si>
    <t>池原内科クリニック</t>
  </si>
  <si>
    <t>茅ヶ崎市茅ケ崎2-5-30　湘南薬品ビル1F</t>
  </si>
  <si>
    <t>医療法人社団ナイズ　キャップスクリニック茅ヶ崎</t>
  </si>
  <si>
    <t>茅ヶ崎市茅ヶ崎2丁目7番71号　そよら湘南茅ヶ崎1F</t>
  </si>
  <si>
    <t>共恵内科クリニック</t>
  </si>
  <si>
    <t>茅ヶ崎市共恵1-11-9　アイパレス湘南1F</t>
  </si>
  <si>
    <t>診療所　天未線</t>
  </si>
  <si>
    <t>茅ヶ崎市芹沢786</t>
  </si>
  <si>
    <t>ラスカ茅ヶ崎さとう眼科</t>
  </si>
  <si>
    <t>茅ヶ崎市元町1-1　ラスカ茅ヶ崎6F</t>
  </si>
  <si>
    <t>なつ皮ふ科</t>
  </si>
  <si>
    <t>茅ヶ崎市元町16ｰ4</t>
  </si>
  <si>
    <t>茅ヶ崎駅前・糖尿病甲状腺　おおくぼ内科クリニック</t>
  </si>
  <si>
    <t>茅ヶ崎市元町2-4　今井ビル3F</t>
  </si>
  <si>
    <t>弓削耳鼻咽喉科</t>
  </si>
  <si>
    <t>茅ヶ崎市元町4-33</t>
  </si>
  <si>
    <t>早川眼科</t>
  </si>
  <si>
    <t>茅ヶ崎市元町6-13</t>
  </si>
  <si>
    <t>山岡クリニック</t>
  </si>
  <si>
    <t>茅ヶ崎市元町6-5</t>
  </si>
  <si>
    <t>医療法人徳洲会　茅ヶ崎徳洲会病院</t>
  </si>
  <si>
    <t>茅ヶ崎市幸町14-1</t>
  </si>
  <si>
    <t>シーサイド眼科茅ヶ崎</t>
  </si>
  <si>
    <t>茅ヶ崎市幸町2-18 武藤ビル2Ｆ</t>
  </si>
  <si>
    <t>医療法人社団茅幸会　川原眼科医院</t>
  </si>
  <si>
    <t>茅ヶ崎市幸町24-1</t>
  </si>
  <si>
    <t>医療法人　慈心会　ライフクリニック</t>
  </si>
  <si>
    <t>茅ヶ崎市幸町3-32　ブレインビル2F</t>
  </si>
  <si>
    <t>医療法人社団　順風会　茅ヶ崎メディカルクリニック</t>
  </si>
  <si>
    <t>茅ヶ崎市幸町5番8-201号</t>
  </si>
  <si>
    <t>医療法人社団　茅ヶ崎セントラルクリニック</t>
  </si>
  <si>
    <t>茅ヶ崎市幸町6-1</t>
  </si>
  <si>
    <t>医療法人社団康心会　茅ケ崎新北陵病院</t>
  </si>
  <si>
    <t>茅ヶ崎市行谷583-1</t>
  </si>
  <si>
    <t>あらまき眼科</t>
  </si>
  <si>
    <t>茅ヶ崎市高田5-1-15　エスケーメディックビル</t>
  </si>
  <si>
    <t>水沼医院</t>
  </si>
  <si>
    <t>茅ヶ崎市高田5-5-10</t>
  </si>
  <si>
    <t>湘南キッズクリニック</t>
  </si>
  <si>
    <t>茅ヶ崎市今宿181-1</t>
  </si>
  <si>
    <t>はしもと脳神経外科クリニック</t>
  </si>
  <si>
    <t>茅ヶ崎市十間坂1-1-28</t>
  </si>
  <si>
    <t>医療法人社団　高橋医院</t>
  </si>
  <si>
    <t>茅ヶ崎市十間坂1-2-16</t>
  </si>
  <si>
    <t>みやさきクリニック</t>
  </si>
  <si>
    <t>茅ヶ崎市小和田1-7-28-2</t>
  </si>
  <si>
    <t>佐藤クリニック</t>
  </si>
  <si>
    <t>茅ヶ崎市小和田3-1-2</t>
  </si>
  <si>
    <t>医療法人社団　松が丘内科クリニック</t>
  </si>
  <si>
    <t>茅ヶ崎市松が丘2-8-20</t>
  </si>
  <si>
    <t>湘南中央クリニック</t>
  </si>
  <si>
    <t>茅ヶ崎市松林1丁目16番52号</t>
  </si>
  <si>
    <t>医療法人湘育会　おおえ内科クリニック</t>
  </si>
  <si>
    <t>茅ヶ崎市松林2-12-47</t>
  </si>
  <si>
    <t>かごた整形外科クリニック</t>
  </si>
  <si>
    <t>茅ヶ崎市松林2-5-33</t>
  </si>
  <si>
    <t>小松田クリニック</t>
  </si>
  <si>
    <t>茅ヶ崎市松林3丁目3番10号1F</t>
  </si>
  <si>
    <t>医療法人社団　ほくれあ会ひきのクリニック</t>
  </si>
  <si>
    <t>茅ヶ崎市新栄町1-1山治ビル2F東</t>
  </si>
  <si>
    <t>茅ヶ崎いのくち眼科</t>
  </si>
  <si>
    <t>茅ヶ崎市新栄町11番8号　BLiX茅ヶ崎5F</t>
  </si>
  <si>
    <t>湘南いしぐろクリニック</t>
  </si>
  <si>
    <t>茅ヶ崎市新栄町11番8号　BLiX茅ヶ崎5F5-②</t>
  </si>
  <si>
    <t>内山クリニック</t>
  </si>
  <si>
    <t>茅ヶ崎市新栄町1-4　大黒屋富田ビル3F</t>
  </si>
  <si>
    <t>林糖尿病内科クリニック</t>
  </si>
  <si>
    <t>茅ヶ崎市新栄町3-2</t>
  </si>
  <si>
    <t>茅ヶ崎わかば内視鏡クリニック</t>
  </si>
  <si>
    <t>茅ヶ崎市新栄町3ｰ2 阿部浅ビル3F</t>
  </si>
  <si>
    <t>緑の湘南皮フ科クリニック</t>
  </si>
  <si>
    <t>茅ヶ崎市新栄町7-16　日光堂ビル2Ｆ</t>
  </si>
  <si>
    <t>湘南えぼし整形外科</t>
  </si>
  <si>
    <t>茅ヶ崎市新栄町7番5号　エメラルドプラザ1F</t>
  </si>
  <si>
    <t>湘南東部クリニック</t>
  </si>
  <si>
    <t>茅ヶ崎市西久保117</t>
  </si>
  <si>
    <t>湘南東部総合病院</t>
  </si>
  <si>
    <t>茅ヶ崎市西久保500番地</t>
  </si>
  <si>
    <t>医療法人社団湘南健友会　長岡病院</t>
  </si>
  <si>
    <t>茅ヶ崎市赤羽根3685</t>
  </si>
  <si>
    <t>医療法人社団茅ケ崎クリニック</t>
  </si>
  <si>
    <t>茅ヶ崎市東海岸南1-22-1</t>
  </si>
  <si>
    <t>茅ヶ崎ファミリークリニック</t>
  </si>
  <si>
    <t>茅ヶ崎市東海岸南5-1-21</t>
  </si>
  <si>
    <t>医療法人社団　加藤医院</t>
  </si>
  <si>
    <t>茅ヶ崎市東海岸北2-1-52</t>
  </si>
  <si>
    <t>医療法人社団湘成会　ちがさき整形外科クリニック</t>
  </si>
  <si>
    <t>茅ヶ崎市東海岸北2-1-52　茅ヶ崎メディカルビル2F</t>
  </si>
  <si>
    <t>茅ヶ崎東海岸クリニック</t>
  </si>
  <si>
    <t>茅ヶ崎市東海岸北2-8-6</t>
  </si>
  <si>
    <t>医療法人　Ｍ＆Ｋ　前川クリニック</t>
  </si>
  <si>
    <t>茅ヶ崎市東海岸北2丁目1番44号</t>
  </si>
  <si>
    <t>湘南茅ヶ崎よろづ診療所</t>
  </si>
  <si>
    <t>茅ヶ崎市東海岸北3-4-36</t>
  </si>
  <si>
    <t>医療法人銀の象　内倉整形外科</t>
  </si>
  <si>
    <t>茅ヶ崎市東海岸北5-11-10　1Ｆ</t>
  </si>
  <si>
    <t>佐久間クリニック</t>
  </si>
  <si>
    <t>茅ヶ崎市南湖2-13-31</t>
  </si>
  <si>
    <t>オアシスクリニック</t>
  </si>
  <si>
    <t>茅ヶ崎市南湖5-20-10</t>
  </si>
  <si>
    <t>町田胃腸科外科</t>
  </si>
  <si>
    <t>茅ヶ崎市萩園2305-27</t>
  </si>
  <si>
    <t>湘南すみれ内科</t>
  </si>
  <si>
    <t>茅ヶ崎市萩園2393番地3 1F</t>
  </si>
  <si>
    <t>湘南つつじ整形外科</t>
  </si>
  <si>
    <t>茅ヶ崎市萩園2393番地3 2F</t>
  </si>
  <si>
    <t>湘南リウマチ膠原病内科</t>
  </si>
  <si>
    <t>茅ヶ崎市美住町5番４号</t>
  </si>
  <si>
    <t>医療法人社団オーエフシー　おざさ医院</t>
  </si>
  <si>
    <t>茅ヶ崎市菱沼1-4-11</t>
  </si>
  <si>
    <t>医療法人明泉会　浜見平診療所</t>
  </si>
  <si>
    <t>茅ヶ崎市浜見平11-1　BRANCH茅ヶ崎1F</t>
  </si>
  <si>
    <t>茅ヶ崎はまかぜ皮膚科</t>
  </si>
  <si>
    <t>茅ヶ崎市浜見平11-1branch茅ヶ崎２F</t>
  </si>
  <si>
    <t>田口眼科</t>
  </si>
  <si>
    <t>茅ヶ崎市浜見平17-13</t>
  </si>
  <si>
    <t>小沢整形外科</t>
  </si>
  <si>
    <t>医療法人　二階堂整形外科クリニック</t>
  </si>
  <si>
    <t>茅ヶ崎市浜見平3-1　BRANCH茅ヶ崎2-1F</t>
  </si>
  <si>
    <t>はまたけ診療所</t>
  </si>
  <si>
    <t>茅ヶ崎市浜竹2-5-24</t>
  </si>
  <si>
    <t>茅ヶ崎市浜竹3-1-23</t>
  </si>
  <si>
    <t>加納外科・整形外科医院</t>
  </si>
  <si>
    <t>茅ヶ崎市浜竹3-2-26</t>
  </si>
  <si>
    <t>やまぐちクリニック</t>
  </si>
  <si>
    <t>茅ヶ崎市浜竹3-4-53</t>
  </si>
  <si>
    <t>つや子プライマリーケアクリニック</t>
  </si>
  <si>
    <t>茅ヶ崎市浜之郷1224-4　パラシオ1F</t>
  </si>
  <si>
    <t>小杉クリニック</t>
  </si>
  <si>
    <t>茅ヶ崎市浜之郷952-95</t>
  </si>
  <si>
    <t>医療法人社団　新家クリニック</t>
  </si>
  <si>
    <t>茅ヶ崎市富士見町11-4</t>
  </si>
  <si>
    <t>医療法人　野村消化器内科</t>
  </si>
  <si>
    <t>茅ヶ崎市富士見町15ｰ1</t>
  </si>
  <si>
    <t>兼本内科循環器科クリニック</t>
  </si>
  <si>
    <t>茅ヶ崎市平和町4ｰ26</t>
  </si>
  <si>
    <t>ＬａＬａクリニック</t>
  </si>
  <si>
    <t>湘南みわクリニック</t>
  </si>
  <si>
    <t>茅ヶ崎市本村4-22-25</t>
  </si>
  <si>
    <t>サークルクリニック茅ヶ崎</t>
  </si>
  <si>
    <t>茅ヶ崎市本村5-9-6　2F</t>
  </si>
  <si>
    <t>茅ヶ崎耳鼻咽喉科クリニック</t>
  </si>
  <si>
    <t>茅ヶ崎市矢畑725-1</t>
  </si>
  <si>
    <t>井上内科クリニック</t>
  </si>
  <si>
    <t>医療法人　大野クリニック</t>
  </si>
  <si>
    <t>茅ヶ崎市緑が浜4-29</t>
  </si>
  <si>
    <t>間中胃腸内科外科</t>
  </si>
  <si>
    <t>逗子市久木4-12-15</t>
  </si>
  <si>
    <t>医療法人社団嘉徳会　かんクリニック　リウマチ・整形外科</t>
  </si>
  <si>
    <t>逗子市久木4-2-5　ZEROビル1F・2F・3F</t>
  </si>
  <si>
    <t>センペル逗子クリニック</t>
  </si>
  <si>
    <t>逗子市久木4丁目25番8号</t>
  </si>
  <si>
    <t>医療法人ベネヴォラ　磯見整形外科医院</t>
  </si>
  <si>
    <t>逗子市久木8-20-17</t>
  </si>
  <si>
    <t>おばなファミリークリニック</t>
  </si>
  <si>
    <t>逗子市久木8-9-19</t>
  </si>
  <si>
    <t>逗子内科診療所</t>
  </si>
  <si>
    <t>逗子市桜山1丁目5番45号</t>
  </si>
  <si>
    <t>医療法人さくら会 さくら在宅クリニック</t>
  </si>
  <si>
    <t>逗子市桜山2-2-54</t>
  </si>
  <si>
    <t>医療法人　眞仁会　逗子桜山クリニック</t>
  </si>
  <si>
    <t>逗子市桜山3-10-23</t>
  </si>
  <si>
    <t>山本メディカルセンター</t>
  </si>
  <si>
    <t>逗子市桜山3-16-1</t>
  </si>
  <si>
    <t>逗葉内科クリニック</t>
  </si>
  <si>
    <t>逗子市桜山6丁目1番地23</t>
  </si>
  <si>
    <t>秋間医院</t>
  </si>
  <si>
    <t>逗子市桜山8-5-13</t>
  </si>
  <si>
    <t>医療法人はなの里　たかしクリニック</t>
  </si>
  <si>
    <t>逗子市山の根1ｰ2ｰ19　ラ・メール・ブルー逗子1F</t>
  </si>
  <si>
    <t>医療法人　湘和会　湘南記念小坪クリニック</t>
  </si>
  <si>
    <t>逗子市小坪3-2-1</t>
  </si>
  <si>
    <t>かみたに整形外科ペインクリニック</t>
  </si>
  <si>
    <t>逗子市沼間1-8-6</t>
  </si>
  <si>
    <t>東逗子眼科</t>
  </si>
  <si>
    <t>逗子市沼間1丁目5番3号</t>
  </si>
  <si>
    <t>医療法人海星会　東逗子医院</t>
  </si>
  <si>
    <t>逗子市沼間2丁目10番29号</t>
  </si>
  <si>
    <t>医療法人海星会　東逗子整形外科クリニック</t>
  </si>
  <si>
    <t>逗子市沼間3-8-15</t>
  </si>
  <si>
    <t>医療法人あい友会　あい逗子クリニック</t>
  </si>
  <si>
    <t>逗子市沼間5丁目1番15号</t>
  </si>
  <si>
    <t>天野皮膚科医院</t>
  </si>
  <si>
    <t>逗子市逗子1-11-1</t>
  </si>
  <si>
    <t>医療法人社団有仁会　湘南ライフケアクリニック</t>
  </si>
  <si>
    <t>逗子市逗子1ｰ11ｰ24　 リーク逗子2F</t>
  </si>
  <si>
    <t>逗子脳神経外科クリニック</t>
  </si>
  <si>
    <t>逗子市逗子1-11-23-1F</t>
  </si>
  <si>
    <t>野の百合クリニック</t>
  </si>
  <si>
    <t>逗子市逗子1ｰ7ｰ1</t>
  </si>
  <si>
    <t>なぎさ眼科</t>
  </si>
  <si>
    <t>逗子市逗子1－2－15　サングレイス逗子2F</t>
  </si>
  <si>
    <t>銀座通り眼科</t>
  </si>
  <si>
    <t>逗子市逗子1-6-3-2F</t>
  </si>
  <si>
    <t>逗子銀座通りクリニック</t>
  </si>
  <si>
    <t>逗子市逗子1-7-3百丹ビル2F</t>
  </si>
  <si>
    <t>水嶋医院</t>
  </si>
  <si>
    <t>逗子市逗子1丁目11番8号</t>
  </si>
  <si>
    <t>逗子市逗子1丁目5番4号　128ビル4F</t>
  </si>
  <si>
    <t>島田内科医院</t>
  </si>
  <si>
    <t>逗子市逗子1丁目6-22</t>
  </si>
  <si>
    <t>医療法人　楽　にへい内科クリニック</t>
  </si>
  <si>
    <t>逗子市逗子2-5-2</t>
  </si>
  <si>
    <t>浅田眼科クリニック</t>
  </si>
  <si>
    <t>逗子市逗子2-5-23　ラウレアビル4F</t>
  </si>
  <si>
    <t>さわだ内科・消化器内科</t>
  </si>
  <si>
    <t>逗子市逗子2-5-25 DENKビル2Ｆ</t>
  </si>
  <si>
    <t>山本メディカル皮膚科・形成外科・美容外科</t>
  </si>
  <si>
    <t>逗子市逗子2-6-26　逗子駅前クリニックビル2F</t>
  </si>
  <si>
    <t>波クリニック</t>
  </si>
  <si>
    <t>逗子市逗子2-9-20</t>
  </si>
  <si>
    <t>逗葉小磯診療所</t>
  </si>
  <si>
    <t>逗子市逗子2丁目5番2号1F</t>
  </si>
  <si>
    <t>逗子金沢内科クリニック</t>
  </si>
  <si>
    <t>逗子市逗子2丁目6-26</t>
  </si>
  <si>
    <t>佐藤皮膚科クリニック</t>
  </si>
  <si>
    <t>逗子市逗子3-1-22</t>
  </si>
  <si>
    <t>神奈川みなみ医療生活協同組合　逗子診療所</t>
  </si>
  <si>
    <t>逗子市逗子4丁目1-7　1F</t>
  </si>
  <si>
    <t>若林クリニック</t>
  </si>
  <si>
    <t>逗子市逗子5-11-3</t>
  </si>
  <si>
    <t>みかべ脳神経外科クリニック</t>
  </si>
  <si>
    <t>逗子市逗子5-14-8</t>
  </si>
  <si>
    <t>医療法人慶恭会　逗子駅前鈴木眼科医院</t>
  </si>
  <si>
    <t>逗子市逗子5-2-53　三盛楼ビル4F</t>
  </si>
  <si>
    <t>逗子整形外科・内科医院</t>
  </si>
  <si>
    <t>逗子市逗子5-5-5</t>
  </si>
  <si>
    <t>そらうみクリニック</t>
  </si>
  <si>
    <t>逗子市逗子5-6-7　興和第2ビル3F</t>
  </si>
  <si>
    <t>樹診療所逗葉</t>
  </si>
  <si>
    <t>逗子市逗子6丁目4番1号オハナ逗子</t>
  </si>
  <si>
    <t>持丸クリニック</t>
  </si>
  <si>
    <t>逗子市逗子7-3-36</t>
  </si>
  <si>
    <t>逗子ありもと眼科</t>
  </si>
  <si>
    <t>逗子市逗子7丁目1番54号　Zushi71CLビル2F</t>
  </si>
  <si>
    <t>田中内科医院</t>
  </si>
  <si>
    <t>三浦市栄町7-11</t>
  </si>
  <si>
    <t>三浦市</t>
  </si>
  <si>
    <t>こだまクリニック</t>
  </si>
  <si>
    <t>三浦市三崎町小網代1543-1</t>
  </si>
  <si>
    <t>医療法人社団南州会　三浦メディカルクリニック</t>
  </si>
  <si>
    <t>三浦市初声町下宮田5-16</t>
  </si>
  <si>
    <t>医療法人財団青山会　福井記念病院</t>
  </si>
  <si>
    <t>三浦市初声町高円坊1040-2</t>
  </si>
  <si>
    <t>矢島内科医院</t>
  </si>
  <si>
    <t>三浦市天神町9-16</t>
  </si>
  <si>
    <t>医療法人社団　飯島医院</t>
  </si>
  <si>
    <t>三浦市東岡町10-1</t>
  </si>
  <si>
    <t>三浦中央医院</t>
  </si>
  <si>
    <t>三浦市南下浦町上宮田1738-1</t>
  </si>
  <si>
    <t>医療法人英和会　徳山診療所</t>
  </si>
  <si>
    <t>三浦市南下浦町上宮田2785-1</t>
  </si>
  <si>
    <t>斉田皮フ科</t>
  </si>
  <si>
    <t>三浦市南下浦町上宮田3125番地1</t>
  </si>
  <si>
    <t>石田整形外科クリニック</t>
  </si>
  <si>
    <t>三浦市南下浦町上宮田3257-5　高橋ビル1F・2F</t>
  </si>
  <si>
    <t>三浦診療所</t>
  </si>
  <si>
    <t>三浦市南下浦町上宮田3263-1</t>
  </si>
  <si>
    <t>医療法人社団　桜井眼科医院</t>
  </si>
  <si>
    <t>三浦市南下浦町上宮田3291-3</t>
  </si>
  <si>
    <t>医療法人眞仁会　三浦シーサイドクリニック</t>
  </si>
  <si>
    <t>三浦市南下浦町上宮田3384-1</t>
  </si>
  <si>
    <t>クリニック油壺</t>
  </si>
  <si>
    <t>三浦市尾上町18</t>
  </si>
  <si>
    <t>三浦市立病院</t>
  </si>
  <si>
    <t>三浦市岬陽町4番33号</t>
  </si>
  <si>
    <t>医療法人　丹沢病院</t>
  </si>
  <si>
    <t>秦野市 堀山下557</t>
  </si>
  <si>
    <t>秦野中央眼科</t>
  </si>
  <si>
    <t>秦野市栄町5-23</t>
  </si>
  <si>
    <t>医療法人　鈴成会　鈴木クリニック</t>
  </si>
  <si>
    <t>秦野市曲松1-4-39　やまゆりビル2F</t>
  </si>
  <si>
    <t>医療法人湧幸会 川口医院</t>
  </si>
  <si>
    <t>秦野市幸町4-4</t>
  </si>
  <si>
    <t>秦野駅前眼科</t>
  </si>
  <si>
    <t>秦野市今川町１－２ポレスター秦野駅前２０２</t>
  </si>
  <si>
    <t>医療法人　上岡眼科医院</t>
  </si>
  <si>
    <t>秦野市今川町4-14</t>
  </si>
  <si>
    <t>医療法人社団　山口内科循環器科</t>
  </si>
  <si>
    <t>秦野市今泉360番地の1　6街区2画地</t>
  </si>
  <si>
    <t>さくらみちファミリークリニック</t>
  </si>
  <si>
    <t>秦野市今泉台3丁目18-17</t>
  </si>
  <si>
    <t>秦野病院</t>
  </si>
  <si>
    <t>秦野市三屋131</t>
  </si>
  <si>
    <t>医療法人財団青山会　みくるべ病院</t>
  </si>
  <si>
    <t>秦野市三廻部948番地</t>
  </si>
  <si>
    <t>秦野寿町クリニック</t>
  </si>
  <si>
    <t>秦野市寿町4番16号　ドクターズプラザ秦野4F</t>
  </si>
  <si>
    <t>医療法人社団　内藤医院</t>
  </si>
  <si>
    <t>秦野市寿町8-5</t>
  </si>
  <si>
    <t>秦野市曽屋1191-3</t>
  </si>
  <si>
    <t>医療法人桃一会　及川医院</t>
  </si>
  <si>
    <t>秦野市曽屋3482</t>
  </si>
  <si>
    <t>こいけクリニック</t>
  </si>
  <si>
    <t>秦野市大秦町2-16　2F</t>
  </si>
  <si>
    <t>さこ整形外科・リハビリテーション科</t>
  </si>
  <si>
    <t>秦野市大秦町2-16 2F</t>
  </si>
  <si>
    <t>石垣クリニック</t>
  </si>
  <si>
    <t>秦野市鶴巻1696-1</t>
  </si>
  <si>
    <t>医療法人社団三喜会　鶴巻温泉病院</t>
  </si>
  <si>
    <t>秦野市鶴巻北1丁目16番1号</t>
  </si>
  <si>
    <t>医療法人社団　Ｓｔｒａｄａ　正山内科クリニック</t>
  </si>
  <si>
    <t>秦野市鶴巻北1丁目1番5号産興鶴巻ビル202号</t>
  </si>
  <si>
    <t>丸山クリニック</t>
  </si>
  <si>
    <t>秦野市鶴巻北2-2-25</t>
  </si>
  <si>
    <t>杉本眼科医院</t>
  </si>
  <si>
    <t>秦野市鶴巻北2-2-26</t>
  </si>
  <si>
    <t>鶴巻からだ・こころクリニック</t>
  </si>
  <si>
    <t>秦野市鶴巻北2-5-37　コーポ鶴巻104</t>
  </si>
  <si>
    <t>医療法人社団　三喜会　鶴巻ホームケアクリニック</t>
  </si>
  <si>
    <t>秦野市鶴巻北2丁目14番2号</t>
  </si>
  <si>
    <t>医療法人社団橘会　南が丘クリニック</t>
  </si>
  <si>
    <t>秦野市南が丘1-9</t>
  </si>
  <si>
    <t>秦野メディカルクリニック</t>
  </si>
  <si>
    <t>秦野市南が丘4-4-1　サンシティ神奈川内</t>
  </si>
  <si>
    <t>医療法人社団松和会　望星大根クリニック</t>
  </si>
  <si>
    <t>秦野市南矢名1-11-28</t>
  </si>
  <si>
    <t>こばやし眼科クリニック</t>
  </si>
  <si>
    <t>秦野市南矢名1-14-34　第３東海パッセージ2F</t>
  </si>
  <si>
    <t>森腎クリニック</t>
  </si>
  <si>
    <t>秦野市南矢名1-14-34　第3東海パッセージビル2Ｆ</t>
  </si>
  <si>
    <t>かとう内科クリニック</t>
  </si>
  <si>
    <t>秦野市南矢名1-15-3</t>
  </si>
  <si>
    <t>あべ整形外科</t>
  </si>
  <si>
    <t>秦野市南矢名1-2-1　産興クリニックビル1・2F</t>
  </si>
  <si>
    <t>医療法人社団　村松内科・胃腸クリニック</t>
  </si>
  <si>
    <t>秦野市南矢名1-3-8 武田ビル2F</t>
  </si>
  <si>
    <t>笹尾内科</t>
  </si>
  <si>
    <t>秦野市南矢名698-5</t>
  </si>
  <si>
    <t>医療法人　小松循環器科・内科</t>
  </si>
  <si>
    <t>秦野市尾尻931-7 けやきビル2F</t>
  </si>
  <si>
    <t>駅前神経内科</t>
  </si>
  <si>
    <t>秦野市尾尻931-7　けやきビル4Ｆ</t>
  </si>
  <si>
    <t>秦野駅南口診療所</t>
  </si>
  <si>
    <t>秦野市尾尻940-5　ハイブリッジⅡ2F</t>
  </si>
  <si>
    <t>医療法人　関野小児科内科クリニック</t>
  </si>
  <si>
    <t>秦野市尾尻942-9</t>
  </si>
  <si>
    <t>医療法人社団誠知会　秦野南口クリニック</t>
  </si>
  <si>
    <t>秦野市尾尻943番地10　秦野TKビル1F</t>
  </si>
  <si>
    <t>はだの在宅クリニック</t>
  </si>
  <si>
    <t>秦野市富士見町2-55</t>
  </si>
  <si>
    <t>山口医院</t>
  </si>
  <si>
    <t>秦野市並木町1番29号</t>
  </si>
  <si>
    <t>医療法人社団緑風会　スマイルクリニック</t>
  </si>
  <si>
    <t>秦野市北矢名81-1　ソレアード206</t>
  </si>
  <si>
    <t>渋沢内科クリニック</t>
  </si>
  <si>
    <t>秦野市堀西22番地の1</t>
  </si>
  <si>
    <t>いいぬまクリニック</t>
  </si>
  <si>
    <t>秦野市堀川175-4</t>
  </si>
  <si>
    <t>医療法人杏林会　八木病院</t>
  </si>
  <si>
    <t>秦野市本町1丁目3番1号</t>
  </si>
  <si>
    <t>森田医院</t>
  </si>
  <si>
    <t>秦野市弥生町5-11</t>
  </si>
  <si>
    <t>医療法人社団　マノア会　前田眼科</t>
  </si>
  <si>
    <t>秦野市柳町1-1-1</t>
  </si>
  <si>
    <t>みかんクリニック</t>
  </si>
  <si>
    <t>秦野市柳町1-20-7</t>
  </si>
  <si>
    <t>渋沢の田宮皮膚科</t>
  </si>
  <si>
    <t>秦野市柳町1-22-5</t>
  </si>
  <si>
    <t>くまざわ脳神経・内科クリニック</t>
  </si>
  <si>
    <t>秦野市柳町1丁目9番22号　大新ビル1FA号室</t>
  </si>
  <si>
    <t>医療法人　大久保整形外科</t>
  </si>
  <si>
    <t>秦野市落合334</t>
  </si>
  <si>
    <t>独立行政法人国立病院機構　神奈川病院</t>
  </si>
  <si>
    <t>秦野市落合666番地の1</t>
  </si>
  <si>
    <t>秦野赤十字病院</t>
  </si>
  <si>
    <t>秦野市立野台1丁目1番</t>
  </si>
  <si>
    <t>アクアベルクリニック</t>
  </si>
  <si>
    <t>秦野市鈴張町3-25</t>
  </si>
  <si>
    <t>鈴張町クリニック</t>
  </si>
  <si>
    <t>秦野市鈴張町7-4</t>
  </si>
  <si>
    <t>医療法人社団　ＳＴＯＰ　ＤＭ　すずき糖尿病内科クリニック</t>
  </si>
  <si>
    <t>厚木市愛甲1丁目3番24号　エランドール2Ｆ</t>
  </si>
  <si>
    <t>南毛利内科</t>
  </si>
  <si>
    <t>厚木市愛甲2-11-9</t>
  </si>
  <si>
    <t>医療法人雄愛会　高野クリニック</t>
  </si>
  <si>
    <t>厚木市旭町1-15-16　千幸ビル8F</t>
  </si>
  <si>
    <t>ほんあつ胃腸科・内科クリニック</t>
  </si>
  <si>
    <t>厚木市旭町1-25-1　本厚木ミハラス2F</t>
  </si>
  <si>
    <t>医療法人サンプラザ　本厚木駅前泌尿器科</t>
  </si>
  <si>
    <t>医療法人あさひ会　あさひ皮膚・形成クリニック</t>
  </si>
  <si>
    <t>厚木市旭町1丁目25番1-203-4号　本厚木ミハラス</t>
  </si>
  <si>
    <t>本厚木診療室　眼科</t>
  </si>
  <si>
    <t>厚木市旭町3-1-2-2F</t>
  </si>
  <si>
    <t>本厚木在宅クリニック</t>
  </si>
  <si>
    <t>厚木市旭町3丁目14番3号　AVAIL本厚木1-A</t>
  </si>
  <si>
    <t>厚木東クリニック</t>
  </si>
  <si>
    <t>厚木市旭町3丁目8番19号 1F</t>
  </si>
  <si>
    <t>かんきクリニック</t>
  </si>
  <si>
    <t>厚木市旭町5-35-15ｴｽﾎﾟﾜｰﾙNOUJYOU101</t>
  </si>
  <si>
    <t>医療法人社団　笹生循環器クリニック</t>
  </si>
  <si>
    <t>厚木市旭町5-47-1</t>
  </si>
  <si>
    <t>三宅眼科医院</t>
  </si>
  <si>
    <t>厚木市栄町1-13-20</t>
  </si>
  <si>
    <t>とうめい栄町クリニック</t>
  </si>
  <si>
    <t>厚木市栄町2丁目3-13　パークベア本厚木1F・2F</t>
  </si>
  <si>
    <t>ニケクリニック</t>
  </si>
  <si>
    <t>厚木市恩名1丁目6番68号</t>
  </si>
  <si>
    <t>医療法人社団観成会　光ヶ丘医院</t>
  </si>
  <si>
    <t>厚木市恩名2-23-26</t>
  </si>
  <si>
    <t>小児科内科落合医院</t>
  </si>
  <si>
    <t>厚木市温水1016番地</t>
  </si>
  <si>
    <t>医療法人徳洲会　湘南厚木病院</t>
  </si>
  <si>
    <t>厚木市温水118番地1</t>
  </si>
  <si>
    <t>つぐ脳神経外科・頭痛クリニック</t>
  </si>
  <si>
    <t>厚木市温水西1-13-27</t>
  </si>
  <si>
    <t>医療法人社団友城会　荻野クリニック</t>
  </si>
  <si>
    <t>厚木市下荻野1101ｰ1</t>
  </si>
  <si>
    <t>医療法人　ひだかクリニック</t>
  </si>
  <si>
    <t>厚木市下荻野1212</t>
  </si>
  <si>
    <t>荻野歯科医院</t>
  </si>
  <si>
    <t>厚木市下荻野982</t>
  </si>
  <si>
    <t>医療法人社団やすらぎ会　神奈川中央病院</t>
  </si>
  <si>
    <t>厚木市関口812-5</t>
  </si>
  <si>
    <t>医療法人社団　育映会　田島外科</t>
  </si>
  <si>
    <t>厚木市及川1-12-15</t>
  </si>
  <si>
    <t>にじいろ内科クリニック</t>
  </si>
  <si>
    <t>厚木市金田121-1</t>
  </si>
  <si>
    <t>はせべ内科医院</t>
  </si>
  <si>
    <t>厚木市戸室1-32-3</t>
  </si>
  <si>
    <t>トレリス内科クリニック</t>
  </si>
  <si>
    <t>厚木市戸室5-31-1</t>
  </si>
  <si>
    <t>内田医院</t>
  </si>
  <si>
    <t>厚木市厚木町4-14</t>
  </si>
  <si>
    <t>医療法人社団　貴栄会　えんどう耳鼻咽喉科</t>
  </si>
  <si>
    <t>厚木市妻田西3-13-27</t>
  </si>
  <si>
    <t>妻田内科クリニック</t>
  </si>
  <si>
    <t>厚木市妻田西3-17-8</t>
  </si>
  <si>
    <t>医療法人やましち会　もうえクリニック　内科・呼吸器科</t>
  </si>
  <si>
    <t>厚木市妻田西3丁目13番地36</t>
  </si>
  <si>
    <t>医療法人悠々すこやか会　丸山内科クリニック</t>
  </si>
  <si>
    <t>厚木市妻田東2-30-38</t>
  </si>
  <si>
    <t>厚木消化器内科クリニック</t>
  </si>
  <si>
    <t>厚木市妻田南1丁目16番36号1F</t>
  </si>
  <si>
    <t>AOI七沢リハビリテーション病院</t>
  </si>
  <si>
    <t>厚木市七沢1304</t>
  </si>
  <si>
    <t>神奈川リハビリテーション病院</t>
  </si>
  <si>
    <t>厚木市七沢516</t>
  </si>
  <si>
    <t>医療法人社団　藤和会　厚木佐藤病院</t>
  </si>
  <si>
    <t>厚木市小野759</t>
  </si>
  <si>
    <t>徳川ファミリークリニック</t>
  </si>
  <si>
    <t>厚木市上依知3002</t>
  </si>
  <si>
    <t>あらかわクリニック</t>
  </si>
  <si>
    <t>厚木市上荻野1164-1</t>
  </si>
  <si>
    <t>相州病院</t>
  </si>
  <si>
    <t>厚木市上荻野1682-3</t>
  </si>
  <si>
    <t>住友内科医院</t>
  </si>
  <si>
    <t>厚木市上荻野269-3</t>
  </si>
  <si>
    <t>徳武クリニック</t>
  </si>
  <si>
    <t>厚木市森の里1-35-1</t>
  </si>
  <si>
    <t>医療法人鉄蕉会　亀田森の里病院</t>
  </si>
  <si>
    <t>厚木市森の里3-1-1</t>
  </si>
  <si>
    <t>厚木市立病院</t>
  </si>
  <si>
    <t>厚木市水引1丁目16番36号</t>
  </si>
  <si>
    <t>佐々木内科クリニック</t>
  </si>
  <si>
    <t>厚木市水引2-1-14</t>
  </si>
  <si>
    <t>ふたば整形外科</t>
  </si>
  <si>
    <t>厚木市水引2-1-15</t>
  </si>
  <si>
    <t>あつぎライフケアクリニック</t>
  </si>
  <si>
    <t>厚木市水引2-7-38　コスモビル305</t>
  </si>
  <si>
    <t>本厚木メディカルクリニック</t>
  </si>
  <si>
    <t>厚木市泉町3-14 東友ﾋﾞﾙ3F</t>
  </si>
  <si>
    <t>医療法人社団　広栄会　厚木循環器・内科クリニック</t>
  </si>
  <si>
    <t>厚木市泉町3-5　厚木フォーラムビル3Ｆ</t>
  </si>
  <si>
    <t>医療法人社団広栄会　お肌と予防のクリニック</t>
  </si>
  <si>
    <t>厚木市泉町3-5　厚木フォーラムビル4F B</t>
  </si>
  <si>
    <t>社会医療法人社団三思会　東名厚木病院</t>
  </si>
  <si>
    <t>厚木市船子232</t>
  </si>
  <si>
    <t>社会医療法人社団　三思会　とうめい厚木クリニック</t>
  </si>
  <si>
    <t>厚木市船子237</t>
  </si>
  <si>
    <t>酒井医院</t>
  </si>
  <si>
    <t>厚木市中町1丁目8番6号</t>
  </si>
  <si>
    <t>有泉こどもクリニック</t>
  </si>
  <si>
    <t>厚木市中町2-13-16</t>
  </si>
  <si>
    <t>医療法人社団　石橋眼科</t>
  </si>
  <si>
    <t>厚木市中町2-2-1　小田急本厚木ミロード②7F</t>
  </si>
  <si>
    <t>医療法人社団　ゆみの内科クリニック</t>
  </si>
  <si>
    <t>厚木市中町2-8-7　グランデ本厚木中町1F</t>
  </si>
  <si>
    <t>厚木ひだまり内科リウマチ膠原病クリニック</t>
  </si>
  <si>
    <t>厚木市中町2丁目1-6 レンブラントスタイル本厚木 2F③</t>
  </si>
  <si>
    <t>医療法人社団かかりつけクリニック　本厚木かかりつけクリニック</t>
  </si>
  <si>
    <t>厚木市中町3-1-15　笹生ビル</t>
  </si>
  <si>
    <t>山口胃腸科クリニック</t>
  </si>
  <si>
    <t>厚木市中町3-18-19　SANビル</t>
  </si>
  <si>
    <t>仁厚会病院</t>
  </si>
  <si>
    <t>厚木市中町3-8-11</t>
  </si>
  <si>
    <t>のじ脳神経外科・しびれクリニック</t>
  </si>
  <si>
    <t>厚木市中町3丁目12番16号　厚木中町メディカルビル2F</t>
  </si>
  <si>
    <t>医療法人社団至誠会　あつぎ内視鏡・内科クリニック</t>
  </si>
  <si>
    <t>厚木市中町3丁目12番1号　厚木国際ビル7F</t>
  </si>
  <si>
    <t>医療法人社団放栄会　メディカルスキャニング本厚木</t>
  </si>
  <si>
    <t>厚木市中町3丁目1番2号　YDビル1F</t>
  </si>
  <si>
    <t>医療法人社団　善仁会　厚木クリニック</t>
  </si>
  <si>
    <t>厚木市中町3丁目6番14号　神奈中厚木第二ビル3F</t>
  </si>
  <si>
    <t>医療法人社団　厚泉会　厚木中町クリニック</t>
  </si>
  <si>
    <t>厚木市中町4-10-2　ハラダ中町ビル1F</t>
  </si>
  <si>
    <t>眼科松倉クリニック</t>
  </si>
  <si>
    <t>厚木市中町4-4-13 浅岡ビル1F</t>
  </si>
  <si>
    <t>うめぞの内科クリニック</t>
  </si>
  <si>
    <t>厚木市中町4-4-15　TMビル本厚木1F</t>
  </si>
  <si>
    <t>石崎内科クリニック</t>
  </si>
  <si>
    <t>厚木市中町4-6-11　山口ビル1F</t>
  </si>
  <si>
    <t>医療法人社団善仁会　あつぎ新クリニック</t>
  </si>
  <si>
    <t>厚木市中町4丁目10番8号　厚木アザレアビル1・2F</t>
  </si>
  <si>
    <t>あつぎファミリークリニック</t>
  </si>
  <si>
    <t>厚木市中町一丁目6番7号1階</t>
  </si>
  <si>
    <t>田村町整形外科クリニック</t>
  </si>
  <si>
    <t>厚木市田村町9-31</t>
  </si>
  <si>
    <t>厚木市東町3-19</t>
  </si>
  <si>
    <t>近藤病院</t>
  </si>
  <si>
    <t>厚木市東町3番3号</t>
  </si>
  <si>
    <t>医療法人社団　鳶尾診療所</t>
  </si>
  <si>
    <t>厚木市鳶尾2-25-2-106</t>
  </si>
  <si>
    <t>米澤外科内科</t>
  </si>
  <si>
    <t>厚木市飯山172</t>
  </si>
  <si>
    <t>医療法人誠意誠心会　松田内科クリニック</t>
  </si>
  <si>
    <t>厚木市飯山2119番地7　クラウドI-1F</t>
  </si>
  <si>
    <t>医療法人社団厚星会　峯崎整形外科</t>
  </si>
  <si>
    <t>厚木市飯山2120-6</t>
  </si>
  <si>
    <t>アグリホームクリニック　あつぎ</t>
  </si>
  <si>
    <t>厚木市飯山5547番地</t>
  </si>
  <si>
    <t>池田クリニック</t>
  </si>
  <si>
    <t>厚木市緑ケ丘1-6-5</t>
  </si>
  <si>
    <t>内科・小児科　窪田医院</t>
  </si>
  <si>
    <t>厚木市緑ケ丘2-5-5</t>
  </si>
  <si>
    <t>医療法人社団ＳＫＹ－ＮＥＸ　鈴木内科クリニック</t>
  </si>
  <si>
    <t>厚木市林3-6-38</t>
  </si>
  <si>
    <t>林眼科クリニック</t>
  </si>
  <si>
    <t>厚木市林4丁目1番10号 2F</t>
  </si>
  <si>
    <t>つばめこどもクリニック</t>
  </si>
  <si>
    <t>大和市つきみ野1-6-29</t>
  </si>
  <si>
    <t>つきみ野おなかと内科のクリニック</t>
  </si>
  <si>
    <t>前川内科クリニック</t>
  </si>
  <si>
    <t>大和市下鶴間2777-5-6</t>
  </si>
  <si>
    <t>えびはら整形外科</t>
  </si>
  <si>
    <t>大和市下鶴間521-8</t>
  </si>
  <si>
    <t>おおたけ眼科　つきみ野医院</t>
  </si>
  <si>
    <t>大和市下鶴間521-8  つきみ野メディカルセンター2F</t>
  </si>
  <si>
    <t>南大和病院</t>
  </si>
  <si>
    <t>大和市下和田1331-2</t>
  </si>
  <si>
    <t>南大和クリニック</t>
  </si>
  <si>
    <t>大和市下和田940-1</t>
  </si>
  <si>
    <t>医療法人健脳会　たなかクリニック</t>
  </si>
  <si>
    <t>大和市桜森3-7-18</t>
  </si>
  <si>
    <t>高座渋谷メンタルクリニック</t>
  </si>
  <si>
    <t>大和市渋谷4-8-3,2F</t>
  </si>
  <si>
    <t>みひらクリニック</t>
  </si>
  <si>
    <t>大和市渋谷4-8-4　スカイステーション101号室</t>
  </si>
  <si>
    <t>南大和高座クリニック</t>
  </si>
  <si>
    <t>大和市渋谷5-22　IKOZA 2F</t>
  </si>
  <si>
    <t>藤沼内科クリニック</t>
  </si>
  <si>
    <t>大和市渋谷5-25-1</t>
  </si>
  <si>
    <t>須藤整形外科クリニック</t>
  </si>
  <si>
    <t>大和市渋谷5-6-6</t>
  </si>
  <si>
    <t>高座渋谷眼科</t>
  </si>
  <si>
    <t>大和市渋谷7-1-11</t>
  </si>
  <si>
    <t>明陵クリニック</t>
  </si>
  <si>
    <t>大和市渋谷7-1-8-101</t>
  </si>
  <si>
    <t>高座渋谷内科・内視鏡クリニック</t>
  </si>
  <si>
    <t>大和市渋谷8丁目3-2　渋谷セントラルクリニックB</t>
  </si>
  <si>
    <t>高座渋谷じんクリニック</t>
  </si>
  <si>
    <t>大和市渋谷8丁目4-1　ﾙﾐｴｰﾙ 1F</t>
  </si>
  <si>
    <t>医療法人社団　芳沢医院</t>
  </si>
  <si>
    <t>大和市上草柳1-3-2</t>
  </si>
  <si>
    <t>関水整形外科クリニック</t>
  </si>
  <si>
    <t>大和市深見西2-3-28</t>
  </si>
  <si>
    <t>大和市立病院</t>
  </si>
  <si>
    <t>大和市深見西8-3-6</t>
  </si>
  <si>
    <t>医療法人社団　深見台中央医院</t>
  </si>
  <si>
    <t>大和市深見台3丁目5の28</t>
  </si>
  <si>
    <t>大和市西鶴間1丁目11番12号</t>
  </si>
  <si>
    <t>医療法人社団ARCWELL 大和ライフクリニック</t>
  </si>
  <si>
    <t>大和市西鶴間1丁目18-11 セザール第二鶴間101号</t>
  </si>
  <si>
    <t>いでぐち内科リウマチ科</t>
  </si>
  <si>
    <t>大和市西鶴間1丁目1番7号1F</t>
  </si>
  <si>
    <t>つるま整形外科</t>
  </si>
  <si>
    <t>大和市西鶴間3-13-20　ユリセナビル２F</t>
  </si>
  <si>
    <t>医療法人社団　小林国際クリニック</t>
  </si>
  <si>
    <t>大和市西鶴間3-5-6-110</t>
  </si>
  <si>
    <t>ゆこすメディカルケアクリニック</t>
  </si>
  <si>
    <t>大和市西鶴間3-6-1　ハイネスアミティ鶴間壱番館1F2F120号</t>
  </si>
  <si>
    <t>医療法人社団楓の風　在宅療養支援クリニックかえでの風やまと</t>
  </si>
  <si>
    <t>大和市西鶴間3丁目8番2号ハイツ茜壱号室</t>
  </si>
  <si>
    <t>医療法人社団　西鶴間メディカルクリニック</t>
  </si>
  <si>
    <t>大和市西鶴間4-1-4</t>
  </si>
  <si>
    <t>医療法人社団　公仁会　成和クリニック</t>
  </si>
  <si>
    <t>大和市西鶴間5-3488-7</t>
  </si>
  <si>
    <t>草柳クリニック</t>
  </si>
  <si>
    <t>大和市草柳2-15-9</t>
  </si>
  <si>
    <t>医療法人啓友会　田中内科クリニック</t>
  </si>
  <si>
    <t>大和市大和東1-3-15 　太陽ビル第20　3F</t>
  </si>
  <si>
    <t>医療法人社団　深見台中央医院　大和東クリニック</t>
  </si>
  <si>
    <t>大和市大和東1-4-2-2F</t>
  </si>
  <si>
    <t>よつば整形外科</t>
  </si>
  <si>
    <t>大和市大和東1-7-21-2F</t>
  </si>
  <si>
    <t>医療法人社団プラタナス　大和アーバンクリニック</t>
  </si>
  <si>
    <t>大和市大和東3丁目1番6号　ＪＭビル3F</t>
  </si>
  <si>
    <t>やまとサンクリニック</t>
  </si>
  <si>
    <t>大和市大和東3丁目4-27</t>
  </si>
  <si>
    <t>吉田眼科</t>
  </si>
  <si>
    <t>大和市大和南1-3-1　大和駅前ビル3Ｆ</t>
  </si>
  <si>
    <t>医療法人社団　善仁会　大和クリニック</t>
  </si>
  <si>
    <t>大和市大和南1丁目5番14号</t>
  </si>
  <si>
    <t>医療法人社団　健伸会　すずらんクリニック</t>
  </si>
  <si>
    <t>大和市大和南2-5-6</t>
  </si>
  <si>
    <t>セントゼビアクリニック</t>
  </si>
  <si>
    <t>大和市大和南2-6-8　大和南メディカルモール1・2F</t>
  </si>
  <si>
    <t>長田クリニック</t>
  </si>
  <si>
    <t>大和市中央2-2-1　ワイフロント2F</t>
  </si>
  <si>
    <t>医療法人風航会　大和中央眼科</t>
  </si>
  <si>
    <t>大和市中央4-1-2 近藤ビル5F</t>
  </si>
  <si>
    <t>ジャスミン皮膚科クリニック</t>
  </si>
  <si>
    <t>大和市中央4-2-2　CF大和駅前ビル3F</t>
  </si>
  <si>
    <t>大和徳洲会病院</t>
  </si>
  <si>
    <t>大和市中央4-4-12</t>
  </si>
  <si>
    <t>医療法人社団　仁志会　岡本整形外科</t>
  </si>
  <si>
    <t>大和市中央5-6-29　第2ソーヨービル1Ｆ</t>
  </si>
  <si>
    <t>大和ハナミズキ眼科</t>
  </si>
  <si>
    <t>大和市中央5丁目4番25号 大和メディカルプラザ1F</t>
  </si>
  <si>
    <t>やまと小磯診療所</t>
  </si>
  <si>
    <t>大和市中央5丁目4番25号 大和メディカルプラザ2Ｆ</t>
  </si>
  <si>
    <t>やまと中央循環器内科</t>
  </si>
  <si>
    <t>大和市中央7-10-15</t>
  </si>
  <si>
    <t>黒山内科医院</t>
  </si>
  <si>
    <t>大和市中央林間2-21-20　コスモヒルズ中央林間1F</t>
  </si>
  <si>
    <t>みどり野リハビリテーション病院</t>
  </si>
  <si>
    <t>大和市中央林間2-6-17</t>
  </si>
  <si>
    <t>平馬医院</t>
  </si>
  <si>
    <t>大和市中央林間3-10-9</t>
  </si>
  <si>
    <t>阿部眼科クリニック</t>
  </si>
  <si>
    <t>大和市中央林間3-11-13</t>
  </si>
  <si>
    <t>医療法人蔦屋会　橋本クリニック</t>
  </si>
  <si>
    <t>大和市中央林間3-18-1-1Ｆ</t>
  </si>
  <si>
    <t>中央林間内科・呼吸器クリニック</t>
  </si>
  <si>
    <t>大和市中央林間3丁目11番13号　水島第2ビル2F</t>
  </si>
  <si>
    <t>社会医療法人三栄会　中央林間病院</t>
  </si>
  <si>
    <t>大和市中央林間4-14-18</t>
  </si>
  <si>
    <t>中央林間ハートクリニック</t>
  </si>
  <si>
    <t>大和市中央林間4-14-25　中央林間大塚ビル2F</t>
  </si>
  <si>
    <t>社会医療法人三栄会　中央林間じんクリニック</t>
  </si>
  <si>
    <t>大和市中央林間4-15-22　KT長谷川ビル301号</t>
  </si>
  <si>
    <t>中央林間さくら内科</t>
  </si>
  <si>
    <t>大和市中央林間4-16-20　3F</t>
  </si>
  <si>
    <t>望月耳鼻咽喉科</t>
  </si>
  <si>
    <t>大和市中央林間4-20-4</t>
  </si>
  <si>
    <t>中央林間やまかわ眼科</t>
  </si>
  <si>
    <t>大和市中央林間4-29-22　2F</t>
  </si>
  <si>
    <t>中央林間糖尿病・甲状腺クリニック</t>
  </si>
  <si>
    <t>大和市中央林間4-29-22　3F</t>
  </si>
  <si>
    <t>さかい内科循環器クリニック</t>
  </si>
  <si>
    <t>大和市中央林間4ｰ5ｰ15　KT袴田ビル2F</t>
  </si>
  <si>
    <t>中央林間東クリニック</t>
  </si>
  <si>
    <t>大和市中央林間4-5-11　中央林間NKDビル3F</t>
  </si>
  <si>
    <t>中央林間駅前いしだ内科</t>
  </si>
  <si>
    <t>大和市中央林間4丁目4-3　小田急マルシェ中央林間3F</t>
  </si>
  <si>
    <t>ピースこどもクリニック</t>
  </si>
  <si>
    <t>大和市中央林間4丁目4番3号　小田急マルシェ中央林間302号</t>
  </si>
  <si>
    <t>医療法人社団　萌寿会　林間クリニック</t>
  </si>
  <si>
    <t>大和市中央林間5-1-3</t>
  </si>
  <si>
    <t>医療法人社団渡会　渡会皮膚科医院</t>
  </si>
  <si>
    <t>大和市中央林間5丁目7番2号1F</t>
  </si>
  <si>
    <t>医療法人樹真会　高田消化器・内科クリニック</t>
  </si>
  <si>
    <t>大和市中央林間6-11-15</t>
  </si>
  <si>
    <t>まきうち整形外科</t>
  </si>
  <si>
    <t>大和市中央林間7-1-9</t>
  </si>
  <si>
    <t>林間皮フ科クリニック</t>
  </si>
  <si>
    <t>大和市中央林間8-25-10　中央林間メディカルビル3F</t>
  </si>
  <si>
    <t>医療法人社団永康会　大和つきみの腎クリニック</t>
  </si>
  <si>
    <t>大和市中央林間9丁目10番1号</t>
  </si>
  <si>
    <t>池田整形外科クリニック</t>
  </si>
  <si>
    <t>大和市鶴間1-31-1　大和クリニックモール2F</t>
  </si>
  <si>
    <t>やぐち皮膚科クリニック</t>
  </si>
  <si>
    <t>大和市鶴間1-31-1　大和クリニックモール3F</t>
  </si>
  <si>
    <t>医療法人社団ARCWELL　KG　山本クリニック</t>
  </si>
  <si>
    <t>大和市鶴間1-3-5　S・Kビル</t>
  </si>
  <si>
    <t>宗内科・循環器科</t>
  </si>
  <si>
    <t>大和市鶴間1丁目31番1号　大和クリニックモール2F</t>
  </si>
  <si>
    <t>ライラッククリニック</t>
  </si>
  <si>
    <t>大和市鶴間2-11-29　第2大和クリニックモール1・3F</t>
  </si>
  <si>
    <t>つるまエキチカじんクリニック</t>
  </si>
  <si>
    <t>大和市鶴間2-1-24　エスポルタ3F・4F</t>
  </si>
  <si>
    <t>医療法人優雅　鶴間かねしろ内科クリニック</t>
  </si>
  <si>
    <t>大和市鶴間2-1-24　エスポルタビル2F</t>
  </si>
  <si>
    <t>医療法人社団杏月会　やまと在宅クリニック</t>
  </si>
  <si>
    <t>大和市鶴間2丁目2番2号メゾン・ド・スピカ1F</t>
  </si>
  <si>
    <t>高野クリニック</t>
  </si>
  <si>
    <t>大和市南林間1-7-9　南林間西口第3ビル</t>
  </si>
  <si>
    <t>医療法人社団　開久会　久志本眼科クリニック</t>
  </si>
  <si>
    <t>大和市南林間1-8-7　長谷川第2ビル　5F</t>
  </si>
  <si>
    <t>南林間りく整形外科</t>
  </si>
  <si>
    <t>大和市南林間2-11-17 3F.4F</t>
  </si>
  <si>
    <t>いまき内科・循環器クリニック</t>
  </si>
  <si>
    <t>大和市南林間2-11-17 IMAKI MEDICAL BUILDING 2F</t>
  </si>
  <si>
    <t>土岐医院</t>
  </si>
  <si>
    <t>大和市南林間7-1-16</t>
  </si>
  <si>
    <t>医療法人社団　公仁会　大和成和病院</t>
  </si>
  <si>
    <t>大和市南林間9-8-2</t>
  </si>
  <si>
    <t>関水眼科</t>
  </si>
  <si>
    <t>大和市福田1216</t>
  </si>
  <si>
    <t>佐藤眼科</t>
  </si>
  <si>
    <t>大和市福田1-2-3</t>
  </si>
  <si>
    <t>医療法人社団哺育会　桜ヶ丘中央病院</t>
  </si>
  <si>
    <t>大和市福田1-7-1</t>
  </si>
  <si>
    <t>ヒロクリニック</t>
  </si>
  <si>
    <t>大和市福田2-8-1</t>
  </si>
  <si>
    <t>小柳内科胃腸科</t>
  </si>
  <si>
    <t>大和市福田5514-6</t>
  </si>
  <si>
    <t>たすくホームクリニック</t>
  </si>
  <si>
    <t>大和市林間1-5-7-201</t>
  </si>
  <si>
    <t>林眼科医院</t>
  </si>
  <si>
    <t>大和市林間1-6-11</t>
  </si>
  <si>
    <t>医療法人社団　小児科玉井クリニック</t>
  </si>
  <si>
    <t>大和市林間1-8-11　ブルームヒル林間1F</t>
  </si>
  <si>
    <t>医療法人社団　菊田内科医院</t>
  </si>
  <si>
    <t>大和市林間2ｰ1ｰ5</t>
  </si>
  <si>
    <t>慶友いせはら整形外科</t>
  </si>
  <si>
    <t>伊勢原市伊勢原1-11-23</t>
  </si>
  <si>
    <t>伊勢原市</t>
  </si>
  <si>
    <t>伊勢原ペインクリニック</t>
  </si>
  <si>
    <t>伊勢原市伊勢原1-16-8　KOIZUMI　BLD２　1F</t>
  </si>
  <si>
    <t>ＫＫクリニック</t>
  </si>
  <si>
    <t>伊勢原市伊勢原1-18-14　湘南ハウス第一ビル1F</t>
  </si>
  <si>
    <t>たかはし眼科クリニック</t>
  </si>
  <si>
    <t>伊勢原市伊勢原1-23-1</t>
  </si>
  <si>
    <t>医療法人研水会　サテライトクリニック伊勢原</t>
  </si>
  <si>
    <t>伊勢原市伊勢原1-3-18　よりずみビル2F</t>
  </si>
  <si>
    <t>湯浅クリニック</t>
  </si>
  <si>
    <t>伊勢原市伊勢原1-32-17</t>
  </si>
  <si>
    <t>医療法人社団　武田クリニック</t>
  </si>
  <si>
    <t>伊勢原市伊勢原2-2-15</t>
  </si>
  <si>
    <t>眼科根崎医院</t>
  </si>
  <si>
    <t>伊勢原市伊勢原2-2-26　3F</t>
  </si>
  <si>
    <t>梶山内科クリニック</t>
  </si>
  <si>
    <t>伊勢原市伊勢原3-16-2</t>
  </si>
  <si>
    <t>東海大学医学部付属病院</t>
  </si>
  <si>
    <t>伊勢原市下糟屋143</t>
  </si>
  <si>
    <t>伊勢原あおやまクリニック</t>
  </si>
  <si>
    <t>伊勢原市下糟屋3005-5　伊勢原クリニックモール2F</t>
  </si>
  <si>
    <t>せりがの整形外科</t>
  </si>
  <si>
    <t>伊勢原市下糟屋3005番5号</t>
  </si>
  <si>
    <t>伊勢原石田内科クリニック</t>
  </si>
  <si>
    <t>伊勢原市高森1325</t>
  </si>
  <si>
    <t>湘南伊勢原クリニック</t>
  </si>
  <si>
    <t>伊勢原市高森3丁目5-12</t>
  </si>
  <si>
    <t>医療法人社団愛潤会　うどファミリークリニック</t>
  </si>
  <si>
    <t>伊勢原市桜台1-20-10 アミカルメント荻原1F</t>
  </si>
  <si>
    <t>医療法人社団杏月会　伊勢原駅前クリニック</t>
  </si>
  <si>
    <t>伊勢原市桜台1-2-13</t>
  </si>
  <si>
    <t>えびす耳鼻科いせはら</t>
  </si>
  <si>
    <t>伊勢原市桜台1-2-34 伊勢原大神宮ビル2F</t>
  </si>
  <si>
    <t>ホームオン伊勢原クリニック</t>
  </si>
  <si>
    <t>伊勢原市桜台1丁目10番9号　桐谷ビル1F</t>
  </si>
  <si>
    <t>伊勢原すずき耳鼻咽喉科</t>
  </si>
  <si>
    <t>伊勢原市桜台2-25-23</t>
  </si>
  <si>
    <t>えんどう内科リウマチ膠原病クリニック</t>
  </si>
  <si>
    <t>伊勢原市桜台2丁目1番25号くろいビル2F</t>
  </si>
  <si>
    <t>つづき脳神経外科・内科</t>
  </si>
  <si>
    <t>伊勢原市桜台3-4-13</t>
  </si>
  <si>
    <t>東内科医院</t>
  </si>
  <si>
    <t>伊勢原市桜台4-12-11</t>
  </si>
  <si>
    <t>医療法人　俊慈会　伊勢原たかはし整形外科</t>
  </si>
  <si>
    <t>伊勢原市沼目3-13-28</t>
  </si>
  <si>
    <t>医療法人社団誠知会　誠知クリニック</t>
  </si>
  <si>
    <t>伊勢原市沼目5丁目19番8号</t>
  </si>
  <si>
    <t>坂間医院</t>
  </si>
  <si>
    <t>伊勢原市神戸538</t>
  </si>
  <si>
    <t>医療法人ひまわり　ひまわりクリニック</t>
  </si>
  <si>
    <t>伊勢原市石田224ｰ11</t>
  </si>
  <si>
    <t>愛甲石田ふじた眼科</t>
  </si>
  <si>
    <t>伊勢原市石田605-1　２F</t>
  </si>
  <si>
    <t>おのぼり小児科・アレルギー科クリニック</t>
  </si>
  <si>
    <t>伊勢原市池端182-1</t>
  </si>
  <si>
    <t>神奈川県厚生農業協同組合連合会　伊勢原協同病院</t>
  </si>
  <si>
    <t>伊勢原市田中345番地</t>
  </si>
  <si>
    <t>はじめのクリニック</t>
  </si>
  <si>
    <t>伊勢原市東大竹1108-5</t>
  </si>
  <si>
    <t>かとうひふ科医院</t>
  </si>
  <si>
    <t>伊勢原市東大竹1-367-8</t>
  </si>
  <si>
    <t>医療法人社団　復明館　すずき眼科クリニック</t>
  </si>
  <si>
    <t>伊勢原市東大竹1541-1</t>
  </si>
  <si>
    <t>医療法人社団　伊勢原サンクリニック</t>
  </si>
  <si>
    <t>伊勢原市東大竹279-1</t>
  </si>
  <si>
    <t>医療法人社団三井会　伊勢原日向病院</t>
  </si>
  <si>
    <t>伊勢原市日向541番地1</t>
  </si>
  <si>
    <t>西田整形外科クリニック</t>
  </si>
  <si>
    <t>伊勢原市板戸204番地の2</t>
  </si>
  <si>
    <t>山田内科胃腸科クリニック</t>
  </si>
  <si>
    <t>伊勢原市板戸897-1　マンションビスタリカ101号</t>
  </si>
  <si>
    <t>えびな脳神経クリニック</t>
  </si>
  <si>
    <t>海老名市めぐみ町3-1　ViNA GARDENS PERCH601-12</t>
  </si>
  <si>
    <t>海老名スマイルクリニック</t>
  </si>
  <si>
    <t>海老名市めぐみ町3番1号　ViNA　GARDENS 　PERCH601-11</t>
  </si>
  <si>
    <t>ジャパンメディカルアライアンス　カラダテラス海老名</t>
  </si>
  <si>
    <t>海老名市めぐみ町3番1号　ViNA GARDENS PERCH 7F</t>
  </si>
  <si>
    <t>海老名駅前眼科ビナガーデンズ</t>
  </si>
  <si>
    <t>海老名市めぐみ町3番1号 ViNA GARDENS PERCH 8階</t>
  </si>
  <si>
    <t>えびなファミリークリニック　ソラーレ</t>
  </si>
  <si>
    <t>海老名市下今泉4-2-14　グランツ海老名1F</t>
  </si>
  <si>
    <t>トータルケアガーデン湘南海老名クリニック</t>
  </si>
  <si>
    <t>海老名市河原口2-30-24　ナーシングガーデン海老名1F</t>
  </si>
  <si>
    <t>医療法人社団七福会　ホリィマームクリニック海老名</t>
  </si>
  <si>
    <t>海老名市河原口2-7-18　ホームステーション海老名1F</t>
  </si>
  <si>
    <t>湘南ひまわりクリニック</t>
  </si>
  <si>
    <t>海老名市国分寺台2丁目5-18</t>
  </si>
  <si>
    <t>宍戸医院</t>
  </si>
  <si>
    <t>海老名市国分寺台5-13-11</t>
  </si>
  <si>
    <t>海老名中央医院</t>
  </si>
  <si>
    <t>海老名市国分南3-6-17</t>
  </si>
  <si>
    <t>やよいクリニック</t>
  </si>
  <si>
    <t>海老名市国分北1-38-28</t>
  </si>
  <si>
    <t>大澤クリニック</t>
  </si>
  <si>
    <t>海老名市国分北1-4-16</t>
  </si>
  <si>
    <t>ジャパンメディカルアライアンス　今里クリニック</t>
  </si>
  <si>
    <t>海老名市今里1-10-12</t>
  </si>
  <si>
    <t>そうわ海老名クリニック</t>
  </si>
  <si>
    <t>海老名市上郷1-18-21　西川ビル3F A号室</t>
  </si>
  <si>
    <t>医療法人社団　玉井小児科神経クリニック</t>
  </si>
  <si>
    <t>海老名市上今泉4-13-18</t>
  </si>
  <si>
    <t>なえ眼科クリニック</t>
  </si>
  <si>
    <t>海老名市扇町13-1　ららぽーと海老名1Ｆ</t>
  </si>
  <si>
    <t>腎健クリニック</t>
  </si>
  <si>
    <t>海老名市扇町15番1号</t>
  </si>
  <si>
    <t>なかの皮フ科クリニック海老名西口</t>
  </si>
  <si>
    <t>海老名市扇町3-6　MAC セントラルビル2F</t>
  </si>
  <si>
    <t>海老名こども診療所</t>
  </si>
  <si>
    <t>海老名市扇町3-6　MACセントラルビル2F</t>
  </si>
  <si>
    <t>海老名駅前内科クリニック</t>
  </si>
  <si>
    <t>海老名市扇町3番6号　MACセントラルビル2F　2-C号室</t>
  </si>
  <si>
    <t>海老名西口糖尿病クリニック</t>
  </si>
  <si>
    <t>海老名市扇町5-8　T.CRest 201</t>
  </si>
  <si>
    <t>医療社団法人　泰薫会　小川眼科</t>
  </si>
  <si>
    <t>海老名市中央1-13-1　ビナウォーク4番館1F</t>
  </si>
  <si>
    <t>海老名ピープルクリニック</t>
  </si>
  <si>
    <t>海老名市中央1-13-1　ビナウォーク4番館中2階</t>
  </si>
  <si>
    <t>海老名おおくさ泌尿器科クリニック</t>
  </si>
  <si>
    <t>海老名市中央1-19-33　海老名クリニックガーデン 2A号</t>
  </si>
  <si>
    <t>つげの木内科クリニック</t>
  </si>
  <si>
    <t>海老名市中央1-19-33　海老名クリニックガーデン3F</t>
  </si>
  <si>
    <t>医療法人社団喜望会　えびな整形外科</t>
  </si>
  <si>
    <t>海老名市中央1-19-33-2B</t>
  </si>
  <si>
    <t>医療法人社団ナイズ　キャップスクリニック海老名</t>
  </si>
  <si>
    <t>海老名市中央1丁目6番1号 3F</t>
  </si>
  <si>
    <t>本間眼科</t>
  </si>
  <si>
    <t>海老名市中央2-1-16-3F</t>
  </si>
  <si>
    <t>松島眼科クリニック</t>
  </si>
  <si>
    <t>海老名市中央2-8-31　サンシティー海老名2F</t>
  </si>
  <si>
    <t>海老名けやきクリニック</t>
  </si>
  <si>
    <t>海老名市中央2-8-8　池田ビル2FB</t>
  </si>
  <si>
    <t>医療法人社団永進会　海老名クリニック</t>
  </si>
  <si>
    <t>海老名市中央2丁目1番16号　センチュリー八芳5F</t>
  </si>
  <si>
    <t>海老名胃腸内科内視鏡クリニック</t>
  </si>
  <si>
    <t>海老名市中央3-2-5　イオン海老名店1F</t>
  </si>
  <si>
    <t>海老名田島クリニック</t>
  </si>
  <si>
    <t>海老名市中央3-3-14　静岡不動産海老名ビル２F</t>
  </si>
  <si>
    <t>なごみ皮ふ科</t>
  </si>
  <si>
    <t>海老名市中央3-4-1</t>
  </si>
  <si>
    <t>ジャパンメディカルアライアンス海老名総合病院</t>
  </si>
  <si>
    <t>海老名市中央4丁目16番1号</t>
  </si>
  <si>
    <t>医療法人社団神愛会　オアシス湘南病院</t>
  </si>
  <si>
    <t>海老名市中河内1227-1</t>
  </si>
  <si>
    <t>医療法人社団　厚成会　海老名ハートクリニック</t>
  </si>
  <si>
    <t>海老名市中新田406番地</t>
  </si>
  <si>
    <t>社会医療法人ジャパンメディカルアライアンス　海老名メディカルプラザ</t>
  </si>
  <si>
    <t>海老名市中新田439-1</t>
  </si>
  <si>
    <t>医療法人　明皐会　石坂整形外科クリニック</t>
  </si>
  <si>
    <t>海老名市中新田490-2</t>
  </si>
  <si>
    <t>医療法人　とみなが内科医院</t>
  </si>
  <si>
    <t>海老名市東柏ケ谷3-13-6　さがみ野駅北口ビル2F203号</t>
  </si>
  <si>
    <t>医療法人社団健仁会　さがみ野皮膚科</t>
  </si>
  <si>
    <t>海老名市東柏ヶ谷3-13-6さがみ野駅北口ﾋﾞﾙ2F</t>
  </si>
  <si>
    <t>さがみ野やまなクリニック</t>
  </si>
  <si>
    <t>海老名市東柏ケ谷3丁目17番31号</t>
  </si>
  <si>
    <t>医療法人社団　彩大会　さがみ野内科・呼吸器クリニック</t>
  </si>
  <si>
    <t>海老名市東柏ケ谷4-12-4-2F</t>
  </si>
  <si>
    <t>みたに眼科クリニック</t>
  </si>
  <si>
    <t>海老名市東柏ケ谷5-18-19　海老名三紫ビル1F</t>
  </si>
  <si>
    <t>医療法人社団　さがみ野中央病院</t>
  </si>
  <si>
    <t>海老名市東柏ケ谷6-20-20</t>
  </si>
  <si>
    <t>かしわ台駅前クリニック</t>
  </si>
  <si>
    <t>海老名市柏ケ谷1052-2　かしわ台クリスタルプラザ101</t>
  </si>
  <si>
    <t>かくらい眼科</t>
  </si>
  <si>
    <t>海老名市柏ケ谷3丁目1番3号</t>
  </si>
  <si>
    <t>葉梨循環器内科クリニック</t>
  </si>
  <si>
    <t>海老名市柏ケ谷4丁目3番30号</t>
  </si>
  <si>
    <t>湘陽かしわ台病院</t>
  </si>
  <si>
    <t>海老名市柏ケ谷584-2</t>
  </si>
  <si>
    <t>オハナ糖尿病内科クリニック</t>
  </si>
  <si>
    <t>海老名市柏ケ谷640-2-1F</t>
  </si>
  <si>
    <t>葉梨整形外科</t>
  </si>
  <si>
    <t>海老名市柏ヶ谷719ｰ4</t>
  </si>
  <si>
    <t>海老名あおばクリニック</t>
  </si>
  <si>
    <t>海老名市本郷2209-2</t>
  </si>
  <si>
    <t>えびな桂冠内科クリニック</t>
  </si>
  <si>
    <t>海老名市本郷2666－1</t>
  </si>
  <si>
    <t>まこと在宅クリニック神奈川県央</t>
  </si>
  <si>
    <t>座間市さがみ野2-1-30さがみ野ダイヤモンドマンション1F</t>
  </si>
  <si>
    <t>医療法人社団菊田医院</t>
  </si>
  <si>
    <t>座間市さがみ野3-1-12</t>
  </si>
  <si>
    <t>医療法人社団貴人会　くりはらメディカルクリニック</t>
  </si>
  <si>
    <t>座間市栗原1199-4</t>
  </si>
  <si>
    <t>医療法人社団　一真会　座間厚生病院</t>
  </si>
  <si>
    <t>座間市栗原912-2</t>
  </si>
  <si>
    <t>ちずの在宅クリニック</t>
  </si>
  <si>
    <t>座間市栗原中央4-19-14</t>
  </si>
  <si>
    <t>こどもとおとなの皮膚科クリニック</t>
  </si>
  <si>
    <t>座間市広野台2丁目10-4　イオンモール座間3F</t>
  </si>
  <si>
    <t>まきた眼科　座間院</t>
  </si>
  <si>
    <t>座間市広野台2丁目10番4号　イオンモール座間2F</t>
  </si>
  <si>
    <t>医療法人社団　浅利クリニック</t>
  </si>
  <si>
    <t>座間市座間2-236-4</t>
  </si>
  <si>
    <t>社会医療法人ジャパンメディカルアライアンス　座間総合病院</t>
  </si>
  <si>
    <t>座間市相武台1-50-1</t>
  </si>
  <si>
    <t>医療法人社団　恵優会　相武台ニーレンクリニック</t>
  </si>
  <si>
    <t>座間市相武台1丁目35番10号</t>
  </si>
  <si>
    <t>相模原みなみ整形外科　座間相武台前院</t>
  </si>
  <si>
    <t>座間市相武台1丁目35番10号　相武台中央企業ビル2F　B号室</t>
  </si>
  <si>
    <t>医療法人神奈川せいわ会　相武台リハビリテーション病院</t>
  </si>
  <si>
    <t>座間市相武台1丁目9番7号</t>
  </si>
  <si>
    <t>馬來内科胃腸外科</t>
  </si>
  <si>
    <t>座間市相武台2-38-31</t>
  </si>
  <si>
    <t>医療法人社団洋和会　相武台メディカルクリニック</t>
  </si>
  <si>
    <t>座間市相武台3-27-60</t>
  </si>
  <si>
    <t>座間市相武台3-42-61　それいゆ相武台1F</t>
  </si>
  <si>
    <t>医療法人社団　フルヤクリニック　降矢医院</t>
  </si>
  <si>
    <t>座間市相武台3丁目18-51</t>
  </si>
  <si>
    <t>医療法人　嘉仁会　入澤クリニック</t>
  </si>
  <si>
    <t>座間市相模が丘1-18-26</t>
  </si>
  <si>
    <t>医療法人アイビス　鴇田医院</t>
  </si>
  <si>
    <t>座間市相模が丘3-53-10</t>
  </si>
  <si>
    <t>佐藤内科</t>
  </si>
  <si>
    <t>座間市相模が丘4-19-18</t>
  </si>
  <si>
    <t>武長眼科</t>
  </si>
  <si>
    <t>座間市相模が丘5-42-10</t>
  </si>
  <si>
    <t>相模が丘内科</t>
  </si>
  <si>
    <t>座間市相模が丘5-42-10　デリス相模が丘102</t>
  </si>
  <si>
    <t>医療法人敦信会　塚原クリニック</t>
  </si>
  <si>
    <t>座間市相模が丘5-5-7　ブリリア小田急相模原105</t>
  </si>
  <si>
    <t>医療法人興生会　相模台病院</t>
  </si>
  <si>
    <t>座間市相模が丘6-24-28</t>
  </si>
  <si>
    <t>座間整形外科</t>
  </si>
  <si>
    <t>座間市入谷西3-18-1　座間駅前クリニックビル2F</t>
  </si>
  <si>
    <t>ざま眼科クリニック</t>
  </si>
  <si>
    <t>座間市入谷西3-19-23　内藤シティマンション1F</t>
  </si>
  <si>
    <t>井上整形外科</t>
  </si>
  <si>
    <t>座間市入谷西4-2-6</t>
  </si>
  <si>
    <t>谷戸山の森内科クリニック</t>
  </si>
  <si>
    <t>座間市入谷東2-6-23</t>
  </si>
  <si>
    <t>おぎはらこどもクリニック</t>
  </si>
  <si>
    <t>座間市入谷東4-41-20</t>
  </si>
  <si>
    <t>とき内科クリニック座間駅前</t>
  </si>
  <si>
    <t>座間市入谷東4-54-31　ホワイトパレットビル3FA号</t>
  </si>
  <si>
    <t>竹川胃腸科医院</t>
  </si>
  <si>
    <t>座間市立野台2-3-6</t>
  </si>
  <si>
    <t>立野台内科クリニック</t>
  </si>
  <si>
    <t>座間市立野台3-14-5</t>
  </si>
  <si>
    <t>医療法人社団for others マザーホームクリニック</t>
  </si>
  <si>
    <t>座間市緑ケ丘2-1-15-3</t>
  </si>
  <si>
    <t>医療法人社団　広井内科医院</t>
  </si>
  <si>
    <t>座間市緑ケ丘4-7-7</t>
  </si>
  <si>
    <t>南足柄レディースクリニック</t>
  </si>
  <si>
    <t>南足柄市関本565-5　ヴェルミ１　204号室</t>
  </si>
  <si>
    <t>南足柄クリニック</t>
  </si>
  <si>
    <t>南足柄市関本565-5　ヴェルミ1 3F</t>
  </si>
  <si>
    <t>安藤眼科医院南足柄クリニック</t>
  </si>
  <si>
    <t>南足柄市関本569　 ヴェルミ2　1Ｆ</t>
  </si>
  <si>
    <t>医療法人　桃一会　大雄山セントラルクリニック</t>
  </si>
  <si>
    <t>南足柄市関本569　ヴェルミ2　４F</t>
  </si>
  <si>
    <t>くまざわ皮フ科クリニック</t>
  </si>
  <si>
    <t>南足柄市関本830-1-2</t>
  </si>
  <si>
    <t>医療法人社団　鈴木医院</t>
  </si>
  <si>
    <t>南足柄市関本930番地</t>
  </si>
  <si>
    <t>こうの内科クリニック</t>
  </si>
  <si>
    <t>南足柄市岩原180ー1</t>
  </si>
  <si>
    <t>富士フイルムグループ健康保険組合　富士フイルム健康管理センター</t>
  </si>
  <si>
    <t>南足柄市狩野681</t>
  </si>
  <si>
    <t>医療法人三肱会　いのうえクリニック</t>
  </si>
  <si>
    <t>南足柄市沼田97-1　ララミーマンション2F</t>
  </si>
  <si>
    <t>医療法人社団　奥津医院</t>
  </si>
  <si>
    <t>南足柄市生駒381</t>
  </si>
  <si>
    <t>医療法人社団朱鷺会　大内病院</t>
  </si>
  <si>
    <t>南足柄市中沼594-1</t>
  </si>
  <si>
    <t>医療法人社団　光生診療所</t>
  </si>
  <si>
    <t>南足柄市塚原1407</t>
  </si>
  <si>
    <t>緑蔭診療所</t>
  </si>
  <si>
    <t>南足柄市塚原4350-1</t>
  </si>
  <si>
    <t>医療法人社団慈邦会　石川医院</t>
  </si>
  <si>
    <t>南足柄市塚原710-2</t>
  </si>
  <si>
    <t>医療法人社団　明芳会　北小田原病院</t>
  </si>
  <si>
    <t>南足柄市矢倉沢625番地</t>
  </si>
  <si>
    <t>原クリニック</t>
  </si>
  <si>
    <t>綾瀬市寺尾釜田1-1-8</t>
  </si>
  <si>
    <t>あやせ眼科</t>
  </si>
  <si>
    <t>綾瀬市寺尾北2-17-37</t>
  </si>
  <si>
    <t>医療法人社団慈広会　矢崎胃腸外科</t>
  </si>
  <si>
    <t>綾瀬市上土棚中1-1-16</t>
  </si>
  <si>
    <t>綾瀬藤沢原クリニック内科・内視鏡内科・整形外科</t>
  </si>
  <si>
    <t>綾瀬市上土棚中4-1-108</t>
  </si>
  <si>
    <t>島田外科・内科</t>
  </si>
  <si>
    <t>綾瀬市上土棚中6-14-26</t>
  </si>
  <si>
    <t>綾瀬消化器内科クリニック</t>
  </si>
  <si>
    <t>綾瀬市深谷中1-16-35　HANDS＋ 2F</t>
  </si>
  <si>
    <t>とうめい綾瀬腎クリニック</t>
  </si>
  <si>
    <t>綾瀬市深谷中1-8-20</t>
  </si>
  <si>
    <t>医療法人社団柏綾会　綾瀬厚生病院</t>
  </si>
  <si>
    <t>綾瀬市深谷中1丁目4番16号</t>
  </si>
  <si>
    <t>きくち総合診療クリニック</t>
  </si>
  <si>
    <t>綾瀬市深谷中7丁目18番2号　ライズモール綾瀬1F</t>
  </si>
  <si>
    <t>あやせ整形外科・眼科</t>
  </si>
  <si>
    <t>綾瀬市早川城山1-3-2</t>
  </si>
  <si>
    <t>あやせ訪問クリニック</t>
  </si>
  <si>
    <t>綾瀬市早川城山2-13-5ヴィラ城山1Ｆ</t>
  </si>
  <si>
    <t>医療法人希夢虹　加藤メディカル・アーツ・クリニック</t>
  </si>
  <si>
    <t>三浦郡葉山町一色1532</t>
  </si>
  <si>
    <t>葉山町</t>
  </si>
  <si>
    <t>医療法人徳洲会　湘南葉山デイケアクリニック</t>
  </si>
  <si>
    <t>三浦郡葉山町一色1746-2</t>
  </si>
  <si>
    <t>葉山のむらクリニック</t>
  </si>
  <si>
    <t>三浦郡葉山町一色2154番地の2</t>
  </si>
  <si>
    <t>医療法人徳洲会　葉山ハートセンター</t>
  </si>
  <si>
    <t>三浦郡葉山町下山口1898-1</t>
  </si>
  <si>
    <t>長柄診療所</t>
  </si>
  <si>
    <t>三浦郡葉山町長柄849番地</t>
  </si>
  <si>
    <t>葉山とみた整形外科クリニック</t>
  </si>
  <si>
    <t>三浦郡葉山町長柄863-8</t>
  </si>
  <si>
    <t>医療法人社団　竹田医院</t>
  </si>
  <si>
    <t>三浦郡葉山町堀内1426ｰ4</t>
  </si>
  <si>
    <t>ののはなクリニック</t>
  </si>
  <si>
    <t>三浦郡葉山町堀内1735-52</t>
  </si>
  <si>
    <t>寒川ごとう眼科</t>
  </si>
  <si>
    <t>高座郡寒川町一之宮1-4-6</t>
  </si>
  <si>
    <t>寒川町</t>
  </si>
  <si>
    <t>医療法人社団仁聖会　さむかわ富田クリニック</t>
  </si>
  <si>
    <t>高座郡寒川町一之宮1-9-2</t>
  </si>
  <si>
    <t>とよじメディカルクリニック</t>
  </si>
  <si>
    <t>高座郡寒川町岡田1-5-7　Rideau 1F</t>
  </si>
  <si>
    <t>医療法人社団誠成会　寒川駅前クリニック</t>
  </si>
  <si>
    <t>高座郡寒川町岡田1丁目4番地3</t>
  </si>
  <si>
    <t>原田医院</t>
  </si>
  <si>
    <t>高座郡寒川町岡田3-7-35</t>
  </si>
  <si>
    <t>さいとう眼科医院</t>
  </si>
  <si>
    <t>高座郡寒川町岡田3-7-47</t>
  </si>
  <si>
    <t>医療法人蒼慶会　高山産婦人科・内科</t>
  </si>
  <si>
    <t>高座郡寒川町岡田5-5-8湘南寒川医療モール2F</t>
  </si>
  <si>
    <t>宗教法人寒川神社　寒川病院</t>
  </si>
  <si>
    <t>高座郡寒川町宮山193</t>
  </si>
  <si>
    <t>医療法人博真会　永田外科</t>
  </si>
  <si>
    <t>高座郡寒川町倉見3793－3</t>
  </si>
  <si>
    <t>横山外科・胃腸科</t>
  </si>
  <si>
    <t>高座郡寒川町田端1159</t>
  </si>
  <si>
    <t>医療法人社団　湘医会　月京クリニック</t>
  </si>
  <si>
    <t>中郡大磯町月京9-11</t>
  </si>
  <si>
    <t>さいとうクリニック</t>
  </si>
  <si>
    <t>中郡大磯町大磯1071-1</t>
  </si>
  <si>
    <t>藤田眼科クリニック</t>
  </si>
  <si>
    <t>中郡大磯町大磯1188番地</t>
  </si>
  <si>
    <t>脇内科クリニック</t>
  </si>
  <si>
    <t>中郡大磯町大磯1562</t>
  </si>
  <si>
    <t>ひよこクリニック</t>
  </si>
  <si>
    <t>中郡大磯町大磯1654-3</t>
  </si>
  <si>
    <t>大谷クリニック</t>
  </si>
  <si>
    <t>中郡大磯町大磯962-1　吉川ビル2F</t>
  </si>
  <si>
    <t>湘南こいじクリニック</t>
  </si>
  <si>
    <t>中郡二宮町山西276-1</t>
  </si>
  <si>
    <t>二宮町</t>
  </si>
  <si>
    <t>二宮眼科クリニック</t>
  </si>
  <si>
    <t>中郡二宮町中里2-10-8</t>
  </si>
  <si>
    <t>二宮胃腸内科クリニック</t>
  </si>
  <si>
    <t>中郡二宮町中里989-7</t>
  </si>
  <si>
    <t>住田医院</t>
  </si>
  <si>
    <t>中郡二宮町二宮122-8</t>
  </si>
  <si>
    <t>医療法人　西山クリニック</t>
  </si>
  <si>
    <t>中郡二宮町二宮1285-1</t>
  </si>
  <si>
    <t>あづま山在宅クリニック</t>
  </si>
  <si>
    <t>中郡二宮町二宮216番地1　古澤本社ビル2F201号</t>
  </si>
  <si>
    <t>医療法人社団清山会　二宮しおみクリニック</t>
  </si>
  <si>
    <t>中郡二宮町二宮479-5</t>
  </si>
  <si>
    <t>医療法人社団　松和会　望星二宮クリニック</t>
  </si>
  <si>
    <t>中郡二宮町二宮769番地</t>
  </si>
  <si>
    <t>医療法人湘清会　さだもとクリニック</t>
  </si>
  <si>
    <t>中郡二宮町二宮821-30</t>
  </si>
  <si>
    <t>たけすえ小児科</t>
  </si>
  <si>
    <t>中郡二宮町二宮904-6</t>
  </si>
  <si>
    <t>医療法人　百合が丘クリニック</t>
  </si>
  <si>
    <t>中郡二宮町百合が丘2－1－2</t>
  </si>
  <si>
    <t>みつぼしクリニック</t>
  </si>
  <si>
    <t>足柄上郡中井町北田525</t>
  </si>
  <si>
    <t>中井町</t>
  </si>
  <si>
    <t>医療法人社団　朝長医院</t>
  </si>
  <si>
    <t>足柄上郡中井町北田字宮下529-7</t>
  </si>
  <si>
    <t>佐藤病院</t>
  </si>
  <si>
    <t>足柄上郡大井町 金子1922-3</t>
  </si>
  <si>
    <t>大井町</t>
  </si>
  <si>
    <t>医療法人社団回生会　渥美医院</t>
  </si>
  <si>
    <t>足柄上郡大井町金子48</t>
  </si>
  <si>
    <t>堀内医院</t>
  </si>
  <si>
    <t>足柄上郡大井町金子849-1</t>
  </si>
  <si>
    <t>医療法人社団松和会　友和クリニック</t>
  </si>
  <si>
    <t>足柄上郡大井町金手127</t>
  </si>
  <si>
    <t>瀬戸クリニック</t>
  </si>
  <si>
    <t>足柄上郡大井町山田1133</t>
  </si>
  <si>
    <t>山田内科医院</t>
  </si>
  <si>
    <t>足柄上郡松田町松田庶子1543-1</t>
  </si>
  <si>
    <t>松田町</t>
  </si>
  <si>
    <t>にしこうり形成外科・皮ふ科</t>
  </si>
  <si>
    <t>足柄上郡松田町松田惣領1196-1　クレ・ドゥ・レスポワール1A</t>
  </si>
  <si>
    <t>医療法人社団　佐藤内科医院</t>
  </si>
  <si>
    <t>足柄上郡松田町松田惣領1333</t>
  </si>
  <si>
    <t>地方独立行政法人神奈川県立病院機構神奈川県立足柄上病院</t>
  </si>
  <si>
    <t>足柄上郡松田町松田惣領866番地の1</t>
  </si>
  <si>
    <t>安藤眼科医院</t>
  </si>
  <si>
    <t>足柄上郡松田町松田惣領965-1</t>
  </si>
  <si>
    <t>まごころ内科整形外科クリニック</t>
  </si>
  <si>
    <t>足柄上郡松田町松田惣領992-1-3F</t>
  </si>
  <si>
    <t>医療法人　能清会　飛彈クリニック</t>
  </si>
  <si>
    <t>足柄上郡山北町向原150番地</t>
  </si>
  <si>
    <t>山北町</t>
  </si>
  <si>
    <t>ねもと総合内科クリニック</t>
  </si>
  <si>
    <t>足柄上郡山北町山北711-32</t>
  </si>
  <si>
    <t>山北町立山北診療所</t>
  </si>
  <si>
    <t>足柄上郡山北町谷ケ1018番地20</t>
  </si>
  <si>
    <t>おひさまクリニック開成</t>
  </si>
  <si>
    <t>足柄上郡開成町みなみ1丁目23番3</t>
  </si>
  <si>
    <t>開成町</t>
  </si>
  <si>
    <t>開成くさやま整形外科リハビリクリニック</t>
  </si>
  <si>
    <t>足柄上郡開成町みなみ4-5-7</t>
  </si>
  <si>
    <t>あじさい内視鏡クリニック</t>
  </si>
  <si>
    <t>足柄上郡開成町みなみ5丁目4番地17　サウスポート開成みなみ1F</t>
  </si>
  <si>
    <t>医療法人社団　大熊整形外科</t>
  </si>
  <si>
    <t>足柄上郡開成町延沢778－1</t>
  </si>
  <si>
    <t>眼科さくらクリニック</t>
  </si>
  <si>
    <t>足柄上郡開成町延沢866-1</t>
  </si>
  <si>
    <t>岡部医院</t>
  </si>
  <si>
    <t>足柄上郡開成町吉田島2819</t>
  </si>
  <si>
    <t>小泉クリニック</t>
  </si>
  <si>
    <t>足柄上郡開成町吉田島4352番地3  ザ・開成プレイス1F</t>
  </si>
  <si>
    <t>足柄上郡開成町牛島270番地</t>
  </si>
  <si>
    <t>医療法人勝又　足柄きんとき在宅クリニック</t>
  </si>
  <si>
    <t>足柄上郡開成町金井島1966番地</t>
  </si>
  <si>
    <t>医療法人勝又　高台病院</t>
  </si>
  <si>
    <t>足柄上郡開成町金井島1983番地</t>
  </si>
  <si>
    <t>尾泉内科医院</t>
  </si>
  <si>
    <t>足柄下郡箱根町宮城野622</t>
  </si>
  <si>
    <t>箱根町</t>
  </si>
  <si>
    <t>特定医療法人社団　研精会介護医療院　はこね仙石原</t>
  </si>
  <si>
    <t>足柄下郡箱根町仙石原1285</t>
  </si>
  <si>
    <t>特定医療法人社団研精会箱根リハビリテーション病院</t>
  </si>
  <si>
    <t>医療法人社団　土屋医院</t>
  </si>
  <si>
    <t>足柄下郡箱根町湯本613</t>
  </si>
  <si>
    <t>真鶴町国民健康保険診療所</t>
  </si>
  <si>
    <t>足柄下郡真鶴町真鶴475番地の1</t>
  </si>
  <si>
    <t>真鶴町</t>
  </si>
  <si>
    <t>浜辺の診療所</t>
  </si>
  <si>
    <t>足柄下郡湯河原町吉浜120-5</t>
  </si>
  <si>
    <t>湯河原クリニック</t>
  </si>
  <si>
    <t>足柄下郡湯河原町吉浜1917番地の1</t>
  </si>
  <si>
    <t>医療法人社団　こまつクリニック</t>
  </si>
  <si>
    <t>足柄下郡湯河原町宮上50-8</t>
  </si>
  <si>
    <t>医療法人社団　山口外科医院</t>
  </si>
  <si>
    <t>足柄下郡湯河原町鍛冶屋193</t>
  </si>
  <si>
    <t>まごころクリニック</t>
  </si>
  <si>
    <t>足柄下郡湯河原町中央1-6-14-1F</t>
  </si>
  <si>
    <t>後藤耳鼻咽喉科クリニック</t>
  </si>
  <si>
    <t>足柄下郡湯河原町中央2-5-6</t>
  </si>
  <si>
    <t>独立行政法人地域医療機能推進機構湯河原病院</t>
  </si>
  <si>
    <t>足柄下郡湯河原町中央2丁目21番地6</t>
  </si>
  <si>
    <t>一般財団法人生活保健協会　湯河原中央温泉病院</t>
  </si>
  <si>
    <t>足柄下郡湯河原町中央4-11-2</t>
  </si>
  <si>
    <t>ナガタ眼科</t>
  </si>
  <si>
    <t>足柄下郡湯河原町土肥1-3-10</t>
  </si>
  <si>
    <t>ゆがわら眼科医院</t>
  </si>
  <si>
    <t>訪問診療めじろクリニック</t>
  </si>
  <si>
    <t>足柄下郡湯河原町土肥2-19-28　マリンビュー湯河原1F</t>
  </si>
  <si>
    <t>湯河原ホームクリニック</t>
  </si>
  <si>
    <t>足柄下郡湯河原町土肥3-8-1</t>
  </si>
  <si>
    <t>湯河原胃腸病院</t>
  </si>
  <si>
    <t>足柄下郡湯河原町土肥4丁目3番地の1</t>
  </si>
  <si>
    <t>医療法人社団　関根医院</t>
  </si>
  <si>
    <t>愛甲郡愛川町角田1343-1</t>
  </si>
  <si>
    <t>愛川町</t>
  </si>
  <si>
    <t>愛甲郡愛川町角田157-1</t>
  </si>
  <si>
    <t>医療法人社団福寿会　愛川北部病院</t>
  </si>
  <si>
    <t>愛甲郡愛川町角田281-1</t>
  </si>
  <si>
    <t>愛川クリニック</t>
  </si>
  <si>
    <t>愛甲郡愛川町中津2035番1</t>
  </si>
  <si>
    <t>愛川つつじ糖尿病内科</t>
  </si>
  <si>
    <t>愛甲郡愛川町中津3394-1</t>
  </si>
  <si>
    <t>ユノクリニック</t>
  </si>
  <si>
    <t>愛甲郡愛川町中津818-1</t>
  </si>
  <si>
    <t>八木クリニック</t>
  </si>
  <si>
    <t>愛甲郡愛川町半原2724-1</t>
  </si>
  <si>
    <t>訪問看護ステーション</t>
  </si>
  <si>
    <t>セントケア訪問看護ステーション横須賀</t>
  </si>
  <si>
    <t>横須賀市安浦町3-43-17</t>
  </si>
  <si>
    <t>訪問看護リハビリステーション　move</t>
  </si>
  <si>
    <t>横須賀市衣笠栄町2-32　2F</t>
  </si>
  <si>
    <t>一般社団法人空と花　在宅看護センター横須賀</t>
  </si>
  <si>
    <t>横須賀市稲岡町82番地　神奈川歯科大学内</t>
  </si>
  <si>
    <t>いろは訪問看護ステーション</t>
  </si>
  <si>
    <t>横須賀市岩戸1-8-3　ラスタールームＥ</t>
  </si>
  <si>
    <t>訪問看護ステーション友・友</t>
  </si>
  <si>
    <t>横須賀市岩戸3-38-3</t>
  </si>
  <si>
    <t>訪問看護ステーションひなた</t>
  </si>
  <si>
    <t>横須賀市久里浜2丁目13番1号ー202</t>
  </si>
  <si>
    <t>訪問看護ステーション　はな</t>
  </si>
  <si>
    <t>横須賀市久里浜7丁目30番12号</t>
  </si>
  <si>
    <t>アークワン訪問看護ステーション</t>
  </si>
  <si>
    <t>横須賀市根岸町3-11-4　NSビル1F</t>
  </si>
  <si>
    <t>コトノハ訪問看護リハビリステーション</t>
  </si>
  <si>
    <t>横須賀市根岸町3丁目13番20号</t>
  </si>
  <si>
    <t>あうる訪問看護リハビリステーション北久里浜</t>
  </si>
  <si>
    <t>横須賀市根岸町5-16-3　ハビタ4番館2A号室</t>
  </si>
  <si>
    <t>訪問看護　杏の花</t>
  </si>
  <si>
    <t>横須賀市根岸町5丁目17番12号　ツカサハイム2番館202</t>
  </si>
  <si>
    <t>咲希看護センター</t>
  </si>
  <si>
    <t>横須賀市佐原3-5-3ファミリーハイムサハラ204</t>
  </si>
  <si>
    <t>訪問看護ステーション 絆</t>
  </si>
  <si>
    <t>横須賀市佐原5-15-2</t>
  </si>
  <si>
    <t>よこすか訪問看護ステーション</t>
  </si>
  <si>
    <t>横須賀市三春町2丁目12番地　三春コミュニティセンター内</t>
  </si>
  <si>
    <t>衣病訪問看護ステーション</t>
  </si>
  <si>
    <t>横須賀市小矢部2丁目23番1号</t>
  </si>
  <si>
    <t>カイト訪問看護ステーション</t>
  </si>
  <si>
    <t>横須賀市西浦賀3-29-12</t>
  </si>
  <si>
    <t>訪問看護リハビリステーションｗｉｔｈ</t>
  </si>
  <si>
    <t>横須賀市西浦賀5-20-6</t>
  </si>
  <si>
    <t>美鈴訪問看護ステーション</t>
  </si>
  <si>
    <t>横須賀市太田和2-4-13</t>
  </si>
  <si>
    <t>訪問看護リハビリステーション　サニーアワーズ</t>
  </si>
  <si>
    <t>横須賀市大津町4-7-31　早坂ビル1F</t>
  </si>
  <si>
    <t>ファミリーナース衣笠</t>
  </si>
  <si>
    <t>横須賀市池上5-3-2　小泉ビル202</t>
  </si>
  <si>
    <t>訪問看護ステーション　はまゆう</t>
  </si>
  <si>
    <t>横須賀市池田町4-4-1</t>
  </si>
  <si>
    <t>衣病訪問看護ステーション長瀬</t>
  </si>
  <si>
    <t>横須賀市長瀬3丁目6番2号</t>
  </si>
  <si>
    <t>訪問看護ステーションかしこ</t>
  </si>
  <si>
    <t>横須賀市長沢1-2-7-2</t>
  </si>
  <si>
    <t>よこすかみかん</t>
  </si>
  <si>
    <t>横須賀市長沢1-3-15</t>
  </si>
  <si>
    <t>サニーナース訪問看護ステーション</t>
  </si>
  <si>
    <t>横須賀市津久井4丁目1番3号　高橋店舗2F</t>
  </si>
  <si>
    <t>かのん訪問看護リハビリステーション　追浜</t>
  </si>
  <si>
    <t>横須賀市追浜町2-15　平野ビル202</t>
  </si>
  <si>
    <t>はまゆう訪問看護ステーション　空桜音</t>
  </si>
  <si>
    <t>横須賀市追浜町3-5-2</t>
  </si>
  <si>
    <t>アミカルケアサービス訪問看護ステーション</t>
  </si>
  <si>
    <t>横須賀市田浦町3-1-20</t>
  </si>
  <si>
    <t>訪問看護ステーションあやめ追浜</t>
  </si>
  <si>
    <t>横須賀市田浦町4-30　ハイツさつき201号室</t>
  </si>
  <si>
    <t>ミント訪問看護ステーション</t>
  </si>
  <si>
    <t>横須賀市日の出町3-12 小柴ビル1Ｆ</t>
  </si>
  <si>
    <t>聖隷訪問看護ステーション横須賀</t>
  </si>
  <si>
    <t>横須賀市武3-39-1</t>
  </si>
  <si>
    <t>神奈川みなみ医療生活協同組合衣笠訪問看護ステーション</t>
  </si>
  <si>
    <t>セントケア看護小規模衣笠</t>
  </si>
  <si>
    <t>横須賀市平作8-19-14</t>
  </si>
  <si>
    <t>おひさま訪問看護ステーション</t>
  </si>
  <si>
    <t>横須賀市米が浜通1-1-12</t>
  </si>
  <si>
    <t>よこすか南部訪問看護ステーション</t>
  </si>
  <si>
    <t>横須賀市野比5-7-2</t>
  </si>
  <si>
    <t>聖ヨゼフ訪問看護ステーション</t>
  </si>
  <si>
    <t>横須賀市緑ヶ丘28</t>
  </si>
  <si>
    <t>マークスター訪問看護ステーション</t>
  </si>
  <si>
    <t>横須賀市林2-1-35　双美ﾋﾞﾙ　1F</t>
  </si>
  <si>
    <t>訪問看護ステーション　HIBISU　平塚</t>
  </si>
  <si>
    <t>平塚市横内2012-1</t>
  </si>
  <si>
    <t>いろどり訪問看護ＲＣＵ</t>
  </si>
  <si>
    <t>平塚市横内3244-1　パティオコミヤ105</t>
  </si>
  <si>
    <t>訪問ステーションあすなろ</t>
  </si>
  <si>
    <t>平塚市岡崎2950</t>
  </si>
  <si>
    <t>訪問看護ステーション　フレッシュ</t>
  </si>
  <si>
    <t>平塚市岡崎6200-1</t>
  </si>
  <si>
    <t>医心館　訪問看護ステ ーション　平塚</t>
  </si>
  <si>
    <t>平塚市宮の前11番24号</t>
  </si>
  <si>
    <t>マカロン訪問看護リハビリステーション　平塚</t>
  </si>
  <si>
    <t>平塚市宮の前4-10　吉徳マンション302</t>
  </si>
  <si>
    <t>済生会平塚訪問看護ステーション</t>
  </si>
  <si>
    <t>平塚市宮松町18-1</t>
  </si>
  <si>
    <t>さざなみ訪問看護ステーション</t>
  </si>
  <si>
    <t>平塚市公所439-1</t>
  </si>
  <si>
    <t>しんしあ訪問看護</t>
  </si>
  <si>
    <t>平塚市黒部丘23番地7号</t>
  </si>
  <si>
    <t>へいあん訪問看護平塚</t>
  </si>
  <si>
    <t>平塚市桜ケ丘1番35号</t>
  </si>
  <si>
    <t>訪問看護ステーションあやめ平塚</t>
  </si>
  <si>
    <t>平塚市山下2丁目8-14　アメニティ山下1C-1</t>
  </si>
  <si>
    <t>じぇーど訪問看護ステーション平塚</t>
  </si>
  <si>
    <t>平塚市四之宮1-10-5　アルカディア湘南202</t>
  </si>
  <si>
    <t>学研ココファン・ナーシング平塚</t>
  </si>
  <si>
    <t>訪問看護ファミリー・ホスピス四之宮</t>
  </si>
  <si>
    <t>平塚市四之宮2丁目23番19号</t>
  </si>
  <si>
    <t>訪問看護ステーション　ぐっち</t>
  </si>
  <si>
    <t>平塚市四之宮5丁目20番25号　ﾏﾍﾞｰﾙﾃﾗｽ湘南2104</t>
  </si>
  <si>
    <t>あわ訪問看護ステーション</t>
  </si>
  <si>
    <t>平塚市出縄463-10</t>
  </si>
  <si>
    <t>医療法人研水会　あさひの郷訪問看護ステーション</t>
  </si>
  <si>
    <t>平塚市出縄88番地</t>
  </si>
  <si>
    <t>特定非営利活動法人KOKORO　訪問看護ステーションひかり</t>
  </si>
  <si>
    <t>平塚市新町5-37</t>
  </si>
  <si>
    <t>ＳＭＣ訪問看護ステーションさなだ</t>
  </si>
  <si>
    <t>訪問看護リベル　平塚</t>
  </si>
  <si>
    <t>平塚市西真土一丁目3番15号</t>
  </si>
  <si>
    <t>湘南袖ケ浜訪問看護ステーションカミヤ</t>
  </si>
  <si>
    <t>平塚市袖ケ浜16-62　第三ヤマイチビル205</t>
  </si>
  <si>
    <t>セノーテ訪問看護神奈川平塚ステーション</t>
  </si>
  <si>
    <t>平塚市代官町11-30　代官町グランビル1FB</t>
  </si>
  <si>
    <t>医療生協かながわ生活協同組合　訪問看護ステーションひらつか</t>
  </si>
  <si>
    <t>平塚市代官町20-20　2F</t>
  </si>
  <si>
    <t>あいつぐ訪問看護リハビリステーション</t>
  </si>
  <si>
    <t>平塚市代官町7-29　2FB号</t>
  </si>
  <si>
    <t>訪問看護ステーションＢｅｎｎｙ’ｓ</t>
  </si>
  <si>
    <t>平塚市中原1丁目17番2号　1F</t>
  </si>
  <si>
    <t>鶴巻訪問看護ステーションひらつか</t>
  </si>
  <si>
    <t>平塚市中原2丁目20－19</t>
  </si>
  <si>
    <t>くじら訪問看護ステーション</t>
  </si>
  <si>
    <t>平塚市中原3-17-7</t>
  </si>
  <si>
    <t>サン・ライフ訪問看護ステーション</t>
  </si>
  <si>
    <t>平塚市中堂18-4　サンガーデン湘南アネックス棟1F</t>
  </si>
  <si>
    <t>平塚共済病院　訪問看護ステーション　さくら</t>
  </si>
  <si>
    <t>しんど訪問看護ステーション</t>
  </si>
  <si>
    <t>平塚市東真土4-4-29　グリーンハイツ</t>
  </si>
  <si>
    <t>平塚市医師会訪問看護ステーション</t>
  </si>
  <si>
    <t>平塚市東豊田448-3</t>
  </si>
  <si>
    <t>あさがお訪問看護リハビリステーション</t>
  </si>
  <si>
    <t>平塚市桃浜町13-26　松本コーポラス103</t>
  </si>
  <si>
    <t>つるかめ訪問看護ステーション</t>
  </si>
  <si>
    <t>平塚市虹ケ浜24番25-506号</t>
  </si>
  <si>
    <t>ひなた訪問看護ステーション</t>
  </si>
  <si>
    <t>平塚市日向岡2-17-12</t>
  </si>
  <si>
    <t>SUN訪問看護ステーション</t>
  </si>
  <si>
    <t>平塚市入野123-2　ファヌエル104</t>
  </si>
  <si>
    <t>在宅療養支援ステーション楓の風　湘南平塚</t>
  </si>
  <si>
    <t>平塚市平塚2丁目18-15　サイトー商事ビル1F</t>
  </si>
  <si>
    <t>訪問看護えがお</t>
  </si>
  <si>
    <t>平塚市片岡367-4　2F</t>
  </si>
  <si>
    <t>ツクイ平塚訪問看護ステーション</t>
  </si>
  <si>
    <t>平塚市宝町3-1　平塚MNビル2F</t>
  </si>
  <si>
    <t>ガイア訪問看護ステーション　鎌倉</t>
  </si>
  <si>
    <t>鎌倉市岡本2-10-16　1F</t>
  </si>
  <si>
    <t>訪問看護ステーションはぴけあ鎌倉</t>
  </si>
  <si>
    <t>鎌倉市岡本2ｰ19ｰ15</t>
  </si>
  <si>
    <t>訪問看護ステーション　はな　大船</t>
  </si>
  <si>
    <t>鎌倉市岡本2-6-32</t>
  </si>
  <si>
    <t>アノン訪問看護ステーション</t>
  </si>
  <si>
    <t>鎌倉市岩瀬1丁目15番20号　湘南中ビル201号</t>
  </si>
  <si>
    <t>訪問看護ステーションウィズユー</t>
  </si>
  <si>
    <t>鎌倉市極楽寺4-11-11</t>
  </si>
  <si>
    <t>ハートケア鎌倉訪問看護ステーション</t>
  </si>
  <si>
    <t>鎌倉市材木座2-1-20-201</t>
  </si>
  <si>
    <t>鎌倉市医師会鎌倉訪問看護ステーション</t>
  </si>
  <si>
    <t>鎌倉市材木座3-5-35</t>
  </si>
  <si>
    <t>愛心訪問看護ステーション</t>
  </si>
  <si>
    <t>医療生協かながわ生活協同組合　訪問看護ステーションふかさわ</t>
  </si>
  <si>
    <t>鎌倉市手広3-1-36</t>
  </si>
  <si>
    <t>スギ訪問看護ステーション鎌倉</t>
  </si>
  <si>
    <t>鎌倉市手広3丁目1-5　ストークシャトル鎌倉101号室</t>
  </si>
  <si>
    <t>メディホス訪問看護鎌倉</t>
  </si>
  <si>
    <t>鎌倉市上町屋524-3</t>
  </si>
  <si>
    <t>訪問看護ステーションTOMO鎌倉</t>
  </si>
  <si>
    <t>鎌倉市常盤34-1</t>
  </si>
  <si>
    <t>アカラ・ケア訪問看護ステーション</t>
  </si>
  <si>
    <t>鎌倉市常盤91-5　沼上ビル1F</t>
  </si>
  <si>
    <t>セコムケアステーション鎌倉</t>
  </si>
  <si>
    <t>鎌倉市浄明寺5-1-24</t>
  </si>
  <si>
    <t>雪ノ下訪問看護リハビリケア</t>
  </si>
  <si>
    <t>エリー訪問看護ステーション　鎌倉</t>
  </si>
  <si>
    <t>鎌倉市大船1-13-10　ヘリオドール大船101号室</t>
  </si>
  <si>
    <t>湘南おおふな訪問看護ステーション</t>
  </si>
  <si>
    <t>鎌倉市大船2-24-28　金子ビル102号</t>
  </si>
  <si>
    <t>聖テレジア訪問看護ステーション西鎌倉</t>
  </si>
  <si>
    <t>鎌倉市津602-184</t>
  </si>
  <si>
    <t>ルネサンス　リハビリステーション湘南深沢</t>
  </si>
  <si>
    <t>鎌倉市笛田1-1-14　F.H.Dビル201号室</t>
  </si>
  <si>
    <t>訪問看護ステーション　フレディ</t>
  </si>
  <si>
    <t>鎌倉市笛田4-25-2　A-2F</t>
  </si>
  <si>
    <t>BOND BASE 看護</t>
  </si>
  <si>
    <t>鎌倉市笛田6-20-37</t>
  </si>
  <si>
    <t>マナ訪問看護リハビリステーション鎌倉</t>
  </si>
  <si>
    <t>鎌倉市由比ガ浜2-24-21　ヴィラ若宮2R</t>
  </si>
  <si>
    <t>湘南慶育訪問看護ステーション</t>
  </si>
  <si>
    <t>藤沢市稲荷1丁目9-40　ライフケアガーデン湘南内</t>
  </si>
  <si>
    <t>ゆいまーる訪問看護ステーション</t>
  </si>
  <si>
    <t>藤沢市羽鳥1-4-5　メゾンドエリカ102</t>
  </si>
  <si>
    <t>わかば訪問看護ステーション</t>
  </si>
  <si>
    <t>エクセルシオール湘南台訪問看護ステーション</t>
  </si>
  <si>
    <t>藤沢市円行2-8-3</t>
  </si>
  <si>
    <t>サンウェルズ藤沢訪問看護ステーション</t>
  </si>
  <si>
    <t>藤沢市下土棚349-3</t>
  </si>
  <si>
    <t>タツミ訪問看護ステーション湘南台</t>
  </si>
  <si>
    <t>藤沢市亀井野243-6　菊池ビル2F､3F</t>
  </si>
  <si>
    <t>ウイル六会訪問看護ステーション</t>
  </si>
  <si>
    <t>へいあん訪問看護藤沢</t>
  </si>
  <si>
    <t>藤沢市亀井野3286</t>
  </si>
  <si>
    <t>ラピス訪問看護ステーション</t>
  </si>
  <si>
    <t>藤沢市亀井野351-7　フラワービル202</t>
  </si>
  <si>
    <t>Hug訪問看護ステーション</t>
  </si>
  <si>
    <t>藤沢市亀井野497－1湘南ハイム201</t>
  </si>
  <si>
    <t>一般財団法人同友会　藤沢訪問看護ステーション</t>
  </si>
  <si>
    <t>ハートケア長後訪問看護リハビリステーション</t>
  </si>
  <si>
    <t>藤沢市高倉570-1</t>
  </si>
  <si>
    <t>カフナ訪問看護ステーション</t>
  </si>
  <si>
    <t>藤沢市鵠沼海岸6-17-15-201</t>
  </si>
  <si>
    <t>フラッグ訪問看護ステーション</t>
  </si>
  <si>
    <t>藤沢市鵠沼海岸7-5-33 メゾンサンキ201号室</t>
  </si>
  <si>
    <t>ナースケア湘南訪問看護ステーション</t>
  </si>
  <si>
    <t>藤沢市鵠沼橘1-2-4-502</t>
  </si>
  <si>
    <t>訪問看護ステーション　リフシア神明</t>
  </si>
  <si>
    <t>藤沢市鵠沼神明2-12-17</t>
  </si>
  <si>
    <t>在宅看護センター　Life＆Com</t>
  </si>
  <si>
    <t>藤沢市鵠沼神明5-5-20　椚08</t>
  </si>
  <si>
    <t>ひろき訪問看護ステーション</t>
  </si>
  <si>
    <t>藤沢市鵠沼石上3-3-6</t>
  </si>
  <si>
    <t>訪問看護ファミリー・ホスピス鵠沼</t>
  </si>
  <si>
    <t>藤沢市鵠沼藤が谷1丁目9番23号</t>
  </si>
  <si>
    <t>セントケア看護小規模鵠沼</t>
  </si>
  <si>
    <t>藤沢市鵠沼藤が谷4-19-57</t>
  </si>
  <si>
    <t>ナースケアパートナーズ湘南</t>
  </si>
  <si>
    <t>藤沢市湘南台1-32-17　重田ビル306</t>
  </si>
  <si>
    <t>ふるーる訪問看護ステーションコンフォータス湘南台</t>
  </si>
  <si>
    <t>藤沢市湘南台2-23-2</t>
  </si>
  <si>
    <t>訪問看護リハビリなる　湘南台</t>
  </si>
  <si>
    <t>藤沢市湘南台2-3-11　アイリスヴェール141　301</t>
  </si>
  <si>
    <t>けあぶる訪問看護ステーション湘南台</t>
  </si>
  <si>
    <t>藤沢市湘南台3-16-11　プラネッタB1-1</t>
  </si>
  <si>
    <t>訪問看護リハビリステーションケアフォレスト藤沢</t>
  </si>
  <si>
    <t>藤沢市湘南台3-5-15</t>
  </si>
  <si>
    <t>在宅看護センター　Lanaケア湘南</t>
  </si>
  <si>
    <t>藤沢市湘南台5-7-20　ADORE　1F</t>
  </si>
  <si>
    <t>医心館　訪問看護ステーション　湘南台</t>
  </si>
  <si>
    <t>藤沢市湘南台5丁目5-8</t>
  </si>
  <si>
    <t>アーク訪問看護ステーション　湘南</t>
  </si>
  <si>
    <t>藤沢市湘南台7-17-1　INOUE SQUARE 2C</t>
  </si>
  <si>
    <t>すばる訪問看護リハビリステーション</t>
  </si>
  <si>
    <t>藤沢市石川2-15-1</t>
  </si>
  <si>
    <t>ＢｇＡ訪問看護ステーション 湘南</t>
  </si>
  <si>
    <t>藤沢市石川635-9 めぐみビル 202号</t>
  </si>
  <si>
    <t>ぐるんとびー訪問看護ステーション</t>
  </si>
  <si>
    <t>藤沢市石川693-6</t>
  </si>
  <si>
    <t>ショウエイ訪問看護ステーション湘南藤沢</t>
  </si>
  <si>
    <t>藤沢市川名1-1-5川名サンコーポ101号室</t>
  </si>
  <si>
    <t>訪問看護ステーション陽だまり</t>
  </si>
  <si>
    <t>藤沢市善行1丁目18-8　ベルデメゾン神山103号室</t>
  </si>
  <si>
    <t>スギ訪問看護ステーション善行</t>
  </si>
  <si>
    <t>藤沢市善行1丁目25番15号　ＴＹクリニックビル4F</t>
  </si>
  <si>
    <t>訪問看護ステーションあやめ藤沢</t>
  </si>
  <si>
    <t>藤沢市善行坂2丁目11-52　テラス善行坂Ⅱ　1・2階　103号</t>
  </si>
  <si>
    <t>Fujiケアステーション</t>
  </si>
  <si>
    <t>藤沢市大鋸1丁目3番7号　FJ大鋸ビル3F</t>
  </si>
  <si>
    <t>アウル訪問看護ステーション藤沢</t>
  </si>
  <si>
    <t>藤沢市大鋸2丁目9-7　203号</t>
  </si>
  <si>
    <t>社会福祉法人聖隷福祉事業団　聖隷訪問看護ステーション藤沢</t>
  </si>
  <si>
    <t>藤沢市大庭5526-2</t>
  </si>
  <si>
    <t>村田会湘南訪問看護ステーション</t>
  </si>
  <si>
    <t>藤沢市保健医療センター 訪問看護ステーション</t>
  </si>
  <si>
    <t>グラッセン訪問看護</t>
  </si>
  <si>
    <t>藤沢市大庭7958</t>
  </si>
  <si>
    <t>つながり訪問看護</t>
  </si>
  <si>
    <t>藤沢市朝日町12-12　ヴォールマンション3-B号</t>
  </si>
  <si>
    <t>ベストリハ訪問看護ステーション藤沢</t>
  </si>
  <si>
    <t>藤沢市朝日町9-4　朝日ビル303号室</t>
  </si>
  <si>
    <t>りすの訪問看護リハビリステーション</t>
  </si>
  <si>
    <t>藤沢市辻堂2-10-20　サンライズ湘南Ⅱ101</t>
  </si>
  <si>
    <t>イーケアーズ訪問看護リハビリステーション藤沢辻堂</t>
  </si>
  <si>
    <t>藤沢市辻堂2-13-31</t>
  </si>
  <si>
    <t>なないろ訪問看護ステーション</t>
  </si>
  <si>
    <t>藤沢市辻堂2-4-29　サンビューハイツ辻堂302</t>
  </si>
  <si>
    <t>医療法人長谷川会　コスモス訪問看護ステーション</t>
  </si>
  <si>
    <t>藤沢市辻堂3-10-11 1F</t>
  </si>
  <si>
    <t>学研ココファン・ナーシング藤沢</t>
  </si>
  <si>
    <t>藤沢市辻堂元町6丁目17-1</t>
  </si>
  <si>
    <t>医療法人徳洲会　湘南藤沢訪問看護ステーション</t>
  </si>
  <si>
    <t>藤沢市辻堂神台1-5-1</t>
  </si>
  <si>
    <t>湘南HOPE訪問看護ステーション</t>
  </si>
  <si>
    <t>藤沢市辻堂西海岸1-2-14</t>
  </si>
  <si>
    <t>あいず訪問看護ステーション湘南</t>
  </si>
  <si>
    <t>藤沢市辻堂西海岸2-1-12　湘南槇町PLATZ101</t>
  </si>
  <si>
    <t>ハートケア湘南訪問看護リハビリステーション</t>
  </si>
  <si>
    <t>藤沢市土棚786</t>
  </si>
  <si>
    <t>ゆとり訪問看護ステーション</t>
  </si>
  <si>
    <t>藤沢市藤が岡1-6-10</t>
  </si>
  <si>
    <t>公益社団法人神奈川県看護協会　かがやき訪問看護ステーション</t>
  </si>
  <si>
    <t>藤沢市藤沢1027　てはーとビル5F</t>
  </si>
  <si>
    <t>医心館　訪問看護ステーション　藤沢</t>
  </si>
  <si>
    <t>藤沢市藤沢1044番地の2</t>
  </si>
  <si>
    <t>ココライフ訪問看護ステーション</t>
  </si>
  <si>
    <t>藤沢市南藤沢7-6　クレスト藤沢202</t>
  </si>
  <si>
    <t>訪問看護クロスハート　藤沢本町</t>
  </si>
  <si>
    <t>藤沢市白旗1-12-26</t>
  </si>
  <si>
    <t>メディホス訪問看護くげぬま</t>
  </si>
  <si>
    <t>藤沢市片瀬2-2-26</t>
  </si>
  <si>
    <t>湘南江の島クリニック訪問看護ステーション</t>
  </si>
  <si>
    <t>ロイヤル鵠沼訪問看護ステーション</t>
  </si>
  <si>
    <t>藤沢市本鵠沼2-10-25</t>
  </si>
  <si>
    <t>在宅看護センター　Lanaケア藤沢</t>
  </si>
  <si>
    <t>藤沢市本町3-5-5　ケインズ湘南Ⅰ1F</t>
  </si>
  <si>
    <t>在宅療養支援ステーション楓の風　湘南藤沢</t>
  </si>
  <si>
    <t>藤沢市本町4-3-9　K.H藤沢102</t>
  </si>
  <si>
    <t>医療法人社団　栄友会　訪問看護ステーション湘南ゆずリハ</t>
  </si>
  <si>
    <t>藤沢市本藤沢1丁目2番1号 キャロット石名坂2F202号室</t>
  </si>
  <si>
    <t>訪問看護ステーション　さんりら</t>
  </si>
  <si>
    <t>藤沢市弥勒寺3-11-8　マイトレヤ木村103</t>
  </si>
  <si>
    <t>特定医療法人グループ・プラクティス研究会　御所見訪問看護ステーション</t>
  </si>
  <si>
    <t>あおい訪問看護ステーション</t>
  </si>
  <si>
    <t>小田原市井細田619　マリオットB</t>
  </si>
  <si>
    <t>ソフィアメディ訪問看護ステーション小田原</t>
  </si>
  <si>
    <t>小田原市栄町2-3-18　JTCﾋﾞﾙ3F</t>
  </si>
  <si>
    <t>訪問看護ステーション　デューン小田原</t>
  </si>
  <si>
    <t>小田原市栄町3丁目10番20号　岩田ビル2F</t>
  </si>
  <si>
    <t>積善会訪問看護ステーション</t>
  </si>
  <si>
    <t>小田原市永塚344-1</t>
  </si>
  <si>
    <t>ラック訪問看護リハビリステーション</t>
  </si>
  <si>
    <t>小田原市栢山1918-103</t>
  </si>
  <si>
    <t>ロイヤル小田原訪問看護ステーション</t>
  </si>
  <si>
    <t>小田原市久野128-1</t>
  </si>
  <si>
    <t>訪問看護ステーション　ゆい箱根</t>
  </si>
  <si>
    <t>訪問看護リベル　小田原</t>
  </si>
  <si>
    <t>小田原市久野849番地の7</t>
  </si>
  <si>
    <t>小田原医師会訪問看護ステーション</t>
  </si>
  <si>
    <t>小田原市酒匂2-32-16　小田原市保健センター</t>
  </si>
  <si>
    <t>訪問看護リハビリステーションたすけあい</t>
  </si>
  <si>
    <t>小田原市寿町2-1-20</t>
  </si>
  <si>
    <t>山近記念総合病院訪問看護ステーション</t>
  </si>
  <si>
    <t>小田原市小八幡3-6-22</t>
  </si>
  <si>
    <t>宙（コスモス）訪問看護ステーション</t>
  </si>
  <si>
    <t>小田原市新屋271-1</t>
  </si>
  <si>
    <t>H.S.A訪問看護リハビリステーション　花はな</t>
  </si>
  <si>
    <t>小田原市成田475-17</t>
  </si>
  <si>
    <t>医心館　訪問看護ステーション　小田原</t>
  </si>
  <si>
    <t>小田原市成田501-3</t>
  </si>
  <si>
    <t>アムール訪問看護ステーション</t>
  </si>
  <si>
    <t>小田原市成田644-13</t>
  </si>
  <si>
    <t>訪問看護ファミリー・ホスピス小田原</t>
  </si>
  <si>
    <t>小田原市西酒匂2丁目5番10号</t>
  </si>
  <si>
    <t>訪問看護ステーション　ハートケアふくもと</t>
  </si>
  <si>
    <t>小田原市西酒匂3-6-18</t>
  </si>
  <si>
    <t>こころ訪問看護ステーション</t>
  </si>
  <si>
    <t>小田原市曽比2166</t>
  </si>
  <si>
    <t>皆んなの訪問看護</t>
  </si>
  <si>
    <t>小田原市早川1-3-1</t>
  </si>
  <si>
    <t>マナマーレ訪問看護ステーション</t>
  </si>
  <si>
    <t>小田原市中町3丁目11-33</t>
  </si>
  <si>
    <t>医療法人社団　湘風会　訪問看護ステーション　ひなげし</t>
  </si>
  <si>
    <t>小田原市南鴨宮3-40-1  1F</t>
  </si>
  <si>
    <t>アコモケア訪問看護ステーション</t>
  </si>
  <si>
    <t>小田原市南町3丁目6-6-5号</t>
  </si>
  <si>
    <t>コンティス訪問看護リハビリステーション</t>
  </si>
  <si>
    <t>小田原市飯田岡567-4-1</t>
  </si>
  <si>
    <t>訪問看護ステーションTOKINO音色</t>
  </si>
  <si>
    <t>小田原市浜町1-3-22　グランシャトレ小田原105号室</t>
  </si>
  <si>
    <t>ＡＲＳ訪問看護リハビリステーション</t>
  </si>
  <si>
    <t>小田原市堀之内218-3</t>
  </si>
  <si>
    <t>ケアーズ小田原堀之内訪問看護リハビリステーション</t>
  </si>
  <si>
    <t>小田原市堀之内88-４</t>
  </si>
  <si>
    <t>訪問看護ステーション　しろねこ</t>
  </si>
  <si>
    <t>小田原市本町2-1-3HSビル　2F</t>
  </si>
  <si>
    <t>smiley訪問看護ステーション</t>
  </si>
  <si>
    <t>小田原市蓮正寺103-2</t>
  </si>
  <si>
    <t>潤生園訪問看護ステーション</t>
  </si>
  <si>
    <t>小田原市蓮正寺997-1</t>
  </si>
  <si>
    <t>訪問看護茅ヶ崎ふれあいステーション</t>
  </si>
  <si>
    <t>茅ヶ崎市茅ヶ崎2-1-8</t>
  </si>
  <si>
    <t>リール訪問看護リハビリステーション茅ヶ崎</t>
  </si>
  <si>
    <t>茅ヶ崎市茅ケ崎233-1</t>
  </si>
  <si>
    <t>茅ヶ崎駅前訪問看護ステーション</t>
  </si>
  <si>
    <t>茅ヶ崎市幸町14番1号</t>
  </si>
  <si>
    <t>訪問看護ステーション　結</t>
  </si>
  <si>
    <t>茅ヶ崎市香川5-4-20</t>
  </si>
  <si>
    <t>翔の会　訪問看護ステーションつばさ</t>
  </si>
  <si>
    <t>茅ヶ崎市高田1-11-13</t>
  </si>
  <si>
    <t>ハートケア茅ヶ崎訪問看護リハビリステーション</t>
  </si>
  <si>
    <t>茅ヶ崎市室田1-10-29　DOLCE湘南203号室</t>
  </si>
  <si>
    <t>訪問看護ファミリー・ホスピス茅ヶ崎</t>
  </si>
  <si>
    <t>茅ヶ崎市室田3丁目2番70号</t>
  </si>
  <si>
    <t>セントケア看護小規模松が丘</t>
  </si>
  <si>
    <t>茅ヶ崎市松が丘1-4-9</t>
  </si>
  <si>
    <t>スナグルライフ訪問看護ステーション</t>
  </si>
  <si>
    <t>茅ヶ崎市松浪2-3-42</t>
  </si>
  <si>
    <t>エリー訪問看護ステーション</t>
  </si>
  <si>
    <t>茅ヶ崎市代官町5-13　アロー湘南1FA号室</t>
  </si>
  <si>
    <t>訪問看護ステーション　プルーブ</t>
  </si>
  <si>
    <t>茅ヶ崎市中海岸1-2-45　サザンマンションA206</t>
  </si>
  <si>
    <t>翔の会訪問看護ステーションにじいろ</t>
  </si>
  <si>
    <t>茅ヶ崎市鶴が台10-3-103</t>
  </si>
  <si>
    <t>在宅看護センターLife＆Com　茅ヶ崎</t>
  </si>
  <si>
    <t>茅ヶ崎市東海岸南1-9-3</t>
  </si>
  <si>
    <t>公益社団法人神奈川県看護協会　あかしあ訪問看護ステーション</t>
  </si>
  <si>
    <t>茅ヶ崎市東海岸南2-6-14　長尾ビル3F</t>
  </si>
  <si>
    <t>kohola　訪問看護ステーション</t>
  </si>
  <si>
    <t>茅ヶ崎市東海岸北4丁目14-68　湘南マハロコート102号室</t>
  </si>
  <si>
    <t>こころナースリハビリステーション</t>
  </si>
  <si>
    <t>茅ヶ崎市東海岸北5-1-8　イーストビーチA 101号室</t>
  </si>
  <si>
    <t>訪問看護リハステーション茅</t>
  </si>
  <si>
    <t>茅ヶ崎市東海岸北5-5-23-101</t>
  </si>
  <si>
    <t>訪問看護ステーションあやめ茅ケ崎</t>
  </si>
  <si>
    <t>茅ヶ崎市南湖4丁目11-5　コーポ三橋第2　203号室</t>
  </si>
  <si>
    <t>いろどり訪問看護リハビリステーション茅ヶ崎</t>
  </si>
  <si>
    <t>茅ヶ崎市萩園1436-3</t>
  </si>
  <si>
    <t>きずな訪問看護ステーション</t>
  </si>
  <si>
    <t>茅ヶ崎市萩園2349-15</t>
  </si>
  <si>
    <t>訪問看護ステーション　リフシア</t>
  </si>
  <si>
    <t>茅ヶ崎市矢畑63-1</t>
  </si>
  <si>
    <t>訪問看護そよかぜ</t>
  </si>
  <si>
    <t>茅ヶ崎市柳島1ｰ9ｰ8</t>
  </si>
  <si>
    <t>あず訪問看護リハビリステーション</t>
  </si>
  <si>
    <t>茅ヶ崎市柳島2-10-1　後藤ビル1F</t>
  </si>
  <si>
    <t>訪問リハビリ・看護サービス　モーション</t>
  </si>
  <si>
    <t>茅ヶ崎市柳島2-9-18-2</t>
  </si>
  <si>
    <t>そわか逗子</t>
  </si>
  <si>
    <t>逗子市久木4-11-21</t>
  </si>
  <si>
    <t>訪問看護ステーション光風</t>
  </si>
  <si>
    <t>逗子市桜山2-8-33　桜山2丁目ビル2階</t>
  </si>
  <si>
    <t>山本メディカルセンター訪問看護ステーション</t>
  </si>
  <si>
    <t>うみまちホームケア</t>
  </si>
  <si>
    <t>逗子市桜山5丁目7-6 STビル301</t>
  </si>
  <si>
    <t>訪問看護ステーションふわっと</t>
  </si>
  <si>
    <t>逗子市沼間1-4-49　201号　斉藤ビル</t>
  </si>
  <si>
    <t>訪問看護ステーションあじさい</t>
  </si>
  <si>
    <t>逗子市沼間1-4-6　ボヌール東逗子204号室</t>
  </si>
  <si>
    <t>なのはな訪問看護リハビリステーション</t>
  </si>
  <si>
    <t>逗子市沼間1-5-10　フロントビル　3Ｆ</t>
  </si>
  <si>
    <t>けいすい訪問看護ステーション逗子</t>
  </si>
  <si>
    <t>逗子市逗子4-1-21　1F</t>
  </si>
  <si>
    <t>逗葉地域医療センター訪問看護ステーション</t>
  </si>
  <si>
    <t>逗子市池子字桟敷戸1892-6</t>
  </si>
  <si>
    <t>訪問看護ステーション大福</t>
  </si>
  <si>
    <t>三浦市栄町8丁目3番　コーポ栄1F</t>
  </si>
  <si>
    <t>サンライズ訪問看護リハビリステーション</t>
  </si>
  <si>
    <t>三浦市三崎町小網代375-1</t>
  </si>
  <si>
    <t>みまもり訪問看護　みかん</t>
  </si>
  <si>
    <t>三浦市初声町下宮田489-11-3F</t>
  </si>
  <si>
    <t>訪問看護ステーションあゆみ</t>
  </si>
  <si>
    <t>三浦市南下浦町上宮田1481 ピュアハイツ102号</t>
  </si>
  <si>
    <t>みうら訪問看護ステーション</t>
  </si>
  <si>
    <t>訪問看護ステーションあやめ秦野</t>
  </si>
  <si>
    <t>秦野市ひばりケ丘9-7　川口店舗②</t>
  </si>
  <si>
    <t>ハーモニーケア訪問看護ステーション</t>
  </si>
  <si>
    <t>秦野市下大槻56-14</t>
  </si>
  <si>
    <t>ふたさんち訪問看護ステーション</t>
  </si>
  <si>
    <t>秦野市曲松1丁目8番28号</t>
  </si>
  <si>
    <t>訪問看護リハビリステーションみなせ</t>
  </si>
  <si>
    <t>秦野市戸川922-1</t>
  </si>
  <si>
    <t>訪問看護ステーションｆ</t>
  </si>
  <si>
    <t>秦野市室町7-4　ガーデンハイツ201</t>
  </si>
  <si>
    <t>訪問　Ｒ－ｓｔａｔｉｏｎ</t>
  </si>
  <si>
    <t>秦野市松原町2ｰ8</t>
  </si>
  <si>
    <t>訪問看護ステーション　アロハ</t>
  </si>
  <si>
    <t>秦野市鶴巻南2-26-7</t>
  </si>
  <si>
    <t>海音訪問看護ステーション</t>
  </si>
  <si>
    <t>医療法人社団三喜会　鶴巻訪問看護ステーション</t>
  </si>
  <si>
    <t>看護クラーク秦野</t>
  </si>
  <si>
    <t>秦野市富士見町2番2号</t>
  </si>
  <si>
    <t>つるかめ訪問看護ステーション秦野</t>
  </si>
  <si>
    <t>秦野市富士見町6-34</t>
  </si>
  <si>
    <t>訪問看護HOPE</t>
  </si>
  <si>
    <t>秦野市堀西26-1　岩田店舗2F</t>
  </si>
  <si>
    <t>鶴巻訪問看護ステーションはだの</t>
  </si>
  <si>
    <t>秦野市本町3丁目9番43号</t>
  </si>
  <si>
    <t>ソフィアメディ訪問看護ステーション秦野</t>
  </si>
  <si>
    <t>秦野市柳町1-22-3　山口ビル3F</t>
  </si>
  <si>
    <t>秦野赤十字訪問看護ステーション</t>
  </si>
  <si>
    <t>訪問看護ステーションまつだ</t>
  </si>
  <si>
    <t>秦野市鈴張町1-25</t>
  </si>
  <si>
    <t>訪問看護ステーションクラエ厚木</t>
  </si>
  <si>
    <t>厚木市愛甲2丁目23-9　メゾン・ジョージ弐番館101</t>
  </si>
  <si>
    <t>訪問看護ステーション　あやめ厚木南</t>
  </si>
  <si>
    <t>厚木市愛甲4丁目22-5 ベルハイツ庄司Ⅰ 105号室</t>
  </si>
  <si>
    <t>なごみ訪問看護リハビリステーション厚木南</t>
  </si>
  <si>
    <t>厚木市旭町5-18-7　清水店舗1F北側</t>
  </si>
  <si>
    <t>医心館　訪問看護ステーション　本厚木</t>
  </si>
  <si>
    <t>厚木市栄町1丁目8番13号</t>
  </si>
  <si>
    <t>在宅療養支援ステーション楓の風　あつぎ</t>
  </si>
  <si>
    <t>厚木市栄町2-1-12　光和エステートビル1F A-2</t>
  </si>
  <si>
    <t>看護小規模多機能リベル厚木</t>
  </si>
  <si>
    <t>厚木市恩名3-21-8</t>
  </si>
  <si>
    <t>訪問看護リベル　厚木</t>
  </si>
  <si>
    <t>厚木市恩名3丁目21番8号</t>
  </si>
  <si>
    <t>湘南厚木病院　訪問看護ステーション</t>
  </si>
  <si>
    <t>厚木市温水118-1</t>
  </si>
  <si>
    <t>訪問看護ステーションLifeサポート</t>
  </si>
  <si>
    <t>厚木市温水西2丁目15番12</t>
  </si>
  <si>
    <t>訪問看護ステーション　モーメントあつぎ</t>
  </si>
  <si>
    <t>厚木市下荻野848-2</t>
  </si>
  <si>
    <t>訪問看護ステーションもみじ</t>
  </si>
  <si>
    <t>厚木市戸室1-29-1</t>
  </si>
  <si>
    <t>訪問看護ステーションいろは</t>
  </si>
  <si>
    <t>厚木市戸田1061-3-7</t>
  </si>
  <si>
    <t>いろどり訪問看護リハビリステーション</t>
  </si>
  <si>
    <t>厚木市妻田北4-8-11　森電機ビル1F　A号室</t>
  </si>
  <si>
    <t>こまち訪問看護ステーション</t>
  </si>
  <si>
    <t>厚木市小野763-1</t>
  </si>
  <si>
    <t>ソエルガーデン厚木訪問看護</t>
  </si>
  <si>
    <t>厚木市上依知1053-2</t>
  </si>
  <si>
    <t>医療法人　鉄焦会　亀田訪問看護ステーション森の里</t>
  </si>
  <si>
    <t>訪問看護ステーションさつき</t>
  </si>
  <si>
    <t>厚木市船子322-1</t>
  </si>
  <si>
    <t>生活支援ステーションじょんのび あつぎ</t>
  </si>
  <si>
    <t>厚木市中依知72-2 東邦ハイツＡ</t>
  </si>
  <si>
    <t>訪問看護ステーションふたばらいふ</t>
  </si>
  <si>
    <t>厚木市中荻野941</t>
  </si>
  <si>
    <t>ソフィアメディ訪問看護ステーション本厚木</t>
  </si>
  <si>
    <t>厚木市中町2丁目10-5　厚木MSビル3F</t>
  </si>
  <si>
    <t>望星台訪問看護ステーション厚木</t>
  </si>
  <si>
    <t>厚木市中町3-14-6尾張屋ビル3F</t>
  </si>
  <si>
    <t>タツミ訪問看護ステーション厚木</t>
  </si>
  <si>
    <t>厚木市中町3-15-2　K.SQUARE302</t>
  </si>
  <si>
    <t>仁厚会訪問看護ステーション</t>
  </si>
  <si>
    <t>厚木市中町3丁目18番5　ソーケン本厚木ビル4F</t>
  </si>
  <si>
    <t>リビングケア訪問看護ステーション厚木</t>
  </si>
  <si>
    <t>厚木市長谷1294-10</t>
  </si>
  <si>
    <t>訪問看護ステーションABCリビング厚木</t>
  </si>
  <si>
    <t>厚木市田村町5番35号</t>
  </si>
  <si>
    <t>ぜろひゃく訪問看護リハビリテーション</t>
  </si>
  <si>
    <t>厚木市飯山1121-2</t>
  </si>
  <si>
    <t>訪問看護ステーション　紅白あつぎ</t>
  </si>
  <si>
    <t>訪問看護ステーション　あやめ厚木</t>
  </si>
  <si>
    <t>厚木市緑ケ丘5丁目6-21　ハヤマハイムⅡ101号室</t>
  </si>
  <si>
    <t>セントケア訪問看護ステーション大和</t>
  </si>
  <si>
    <t>大和市つきみ野2-7-18</t>
  </si>
  <si>
    <t>セントケア看護小規模つきみ野</t>
  </si>
  <si>
    <t>指定訪問看護アットリハつきみ野</t>
  </si>
  <si>
    <t>大和市つきみ野3丁目1-7</t>
  </si>
  <si>
    <t>ケアステーション　訪問看護　らら</t>
  </si>
  <si>
    <t>大和市下鶴間2-5-30　ヴェリテモール壱番館102号</t>
  </si>
  <si>
    <t>ころんず訪問看護ステーション</t>
  </si>
  <si>
    <t>大和市下鶴間692-2　ひかりビル103</t>
  </si>
  <si>
    <t>南大和訪問看護ステーション</t>
  </si>
  <si>
    <t>スカイ訪問看護ステーション</t>
  </si>
  <si>
    <t>大和市渋谷4-8-3　2F</t>
  </si>
  <si>
    <t>訪問看護ステーション　カーサプラチナ大和</t>
  </si>
  <si>
    <t>大和市渋谷6-7-4</t>
  </si>
  <si>
    <t>きせき訪問看護ステーション</t>
  </si>
  <si>
    <t>大和市上草柳176-4　ヴェルドミール105号室</t>
  </si>
  <si>
    <t>訪問看護リハビリステーション　ケアフォレスト</t>
  </si>
  <si>
    <t>大和市上草柳4-3-5</t>
  </si>
  <si>
    <t>セントケア看護小規模上草柳</t>
  </si>
  <si>
    <t>大和市上草柳8-13-17</t>
  </si>
  <si>
    <t>セントケア看護小規模つるま</t>
  </si>
  <si>
    <t>大和市上草柳8丁目13番17号</t>
  </si>
  <si>
    <t>おむすび訪問看護ステーション</t>
  </si>
  <si>
    <t>大和市深見3539-1　大和ビタビレッヂB棟301号室</t>
  </si>
  <si>
    <t>在宅療養支援ステーション楓の風　やまと</t>
  </si>
  <si>
    <t>大和市深見西7-3-22　サンライズ山陽1F</t>
  </si>
  <si>
    <t>医心館　訪問看護ステーション　大和</t>
  </si>
  <si>
    <t>大和市深見台1丁目7番4号</t>
  </si>
  <si>
    <t>タツミ訪問看護ステーション大和</t>
  </si>
  <si>
    <t>大和市西鶴間2-1-16　西鶴間ビル2F</t>
  </si>
  <si>
    <t>訪問看護　笑顔</t>
  </si>
  <si>
    <t>大和市草柳3-3-2</t>
  </si>
  <si>
    <t>あいず訪問看護ステーション大和</t>
  </si>
  <si>
    <t>大和市大和東1-9-25　プロムナード東　102号室</t>
  </si>
  <si>
    <t>帝人訪問看護ステーション大和</t>
  </si>
  <si>
    <t>大和市中央2丁目４-11　レジデンス大和駅中央501号室</t>
  </si>
  <si>
    <t>医療法人徳州会　大和徳州会訪問看護ステーション</t>
  </si>
  <si>
    <t>ベルケア訪問看護ステーション</t>
  </si>
  <si>
    <t>大和市中央4-9-12</t>
  </si>
  <si>
    <t>くるみ訪問看護リハビリステーション</t>
  </si>
  <si>
    <t>大和市中央7丁目14-30</t>
  </si>
  <si>
    <t>地域・在宅看護センター　にこまる</t>
  </si>
  <si>
    <t>大和市中央林間4-28-24</t>
  </si>
  <si>
    <t>訪問看護ステーション　Normally</t>
  </si>
  <si>
    <t>大和市中央林間5-10-19　アクイライーコス106</t>
  </si>
  <si>
    <t>サンウェルズ中央林間訪問看護ステーション</t>
  </si>
  <si>
    <t>大和市中央林間西5丁目6番24号</t>
  </si>
  <si>
    <t>大和市医師会訪問看護ステーション</t>
  </si>
  <si>
    <t>大和市鶴間1-28-5</t>
  </si>
  <si>
    <t>はあと訪問看護ステーション</t>
  </si>
  <si>
    <t>大和市南林間1-6-1　TBCビル八番館1F</t>
  </si>
  <si>
    <t>やまとみかん</t>
  </si>
  <si>
    <t>大和市南林間2-13-20</t>
  </si>
  <si>
    <t>ケアーズ訪問看護リハビリステーション南林間</t>
  </si>
  <si>
    <t>大和市南林間2-8-15</t>
  </si>
  <si>
    <t>サニーケア訪問看護ステーション</t>
  </si>
  <si>
    <t>大和市南林間4-4-1　カーサグレイス103</t>
  </si>
  <si>
    <t>成和訪問看護ステーション</t>
  </si>
  <si>
    <t>大和市南林間9丁目8番9号　成和ナーシングプラザ内1F</t>
  </si>
  <si>
    <t>アイルケア訪問看護ステーション</t>
  </si>
  <si>
    <t>大和市福田1-9-1</t>
  </si>
  <si>
    <t>スターク訪問看護ステーション大和</t>
  </si>
  <si>
    <t>大和市柳橋3-5-15　ラペ桜ヶ丘4F</t>
  </si>
  <si>
    <t>指定訪問看護　アットリハ粟窪</t>
  </si>
  <si>
    <t>伊勢原市粟窪37-5</t>
  </si>
  <si>
    <t>タツミ訪問看護ステーション伊勢原</t>
  </si>
  <si>
    <t>伊勢原市伊勢原1-13-5　綾部ビル3F A</t>
  </si>
  <si>
    <t>訪問看護ステーション　よつ葉</t>
  </si>
  <si>
    <t>伊勢原市伊勢原1-29-8　伊勢原エレガンス202</t>
  </si>
  <si>
    <t>宝命訪問看護リハビリステーション</t>
  </si>
  <si>
    <t>伊勢原市下糟屋3005の2</t>
  </si>
  <si>
    <t>宝命の郷</t>
  </si>
  <si>
    <t>JA訪問看護ステーションいせはら</t>
  </si>
  <si>
    <t>伊勢原市下平間700番地　介護老人保健施設ほほえみの丘内</t>
  </si>
  <si>
    <t>医療法人社団三喜会　鶴巻訪問看護ステーションいせはら</t>
  </si>
  <si>
    <t>伊勢原市桜台1-13-13　丸興ビル202</t>
  </si>
  <si>
    <t>訪問看護ステーションBEYOND</t>
  </si>
  <si>
    <t>伊勢原市桜台1-15-16ファミリーハイツ萩原1Ｆ</t>
  </si>
  <si>
    <t>看護クラーク　伊勢原</t>
  </si>
  <si>
    <t>ソフィアメディ訪問看護ステーション伊勢原</t>
  </si>
  <si>
    <t>伊勢原市桜台1丁目2-21　ライフワークビル3F</t>
  </si>
  <si>
    <t>おおやま訪問看護ステーション</t>
  </si>
  <si>
    <t>伊勢原市上粕屋497-5</t>
  </si>
  <si>
    <t>訪問看護ステーションのい</t>
  </si>
  <si>
    <t>伊勢原市西富岡729-206</t>
  </si>
  <si>
    <t>レディーバグ訪問看護ステーション愛甲石田</t>
  </si>
  <si>
    <t>伊勢原市石田333-4-B</t>
  </si>
  <si>
    <t>訪問看護ステーションあすなろ　伊勢原石田</t>
  </si>
  <si>
    <t>伊勢原市石田829-1　2F</t>
  </si>
  <si>
    <t>指定訪問看護　アットリハ伊勢原</t>
  </si>
  <si>
    <t>伊勢原市田中268-1　多田ビル004号室</t>
  </si>
  <si>
    <t>るり訪問看護ステーション</t>
  </si>
  <si>
    <t>伊勢原市東大竹945の3田中店舗A</t>
  </si>
  <si>
    <t>訪問看護ステーションけやきの杜pairpear</t>
  </si>
  <si>
    <t>伊勢原市白根75-1</t>
  </si>
  <si>
    <t>湯浅訪問看護ステーション</t>
  </si>
  <si>
    <t>伊勢原市板戸290</t>
  </si>
  <si>
    <t>訪問看護ステーション　ぽの</t>
  </si>
  <si>
    <t>伊勢原市板戸530番地の3</t>
  </si>
  <si>
    <t>訪問看護ステーションあやめ伊勢原</t>
  </si>
  <si>
    <t>伊勢原市板戸769-4　第一光栄203号室</t>
  </si>
  <si>
    <t>海老名市医師会　訪問看護ステーション</t>
  </si>
  <si>
    <t>海老名市さつき町41番地</t>
  </si>
  <si>
    <t>いろどり訪問看護リハビリステーション海老名</t>
  </si>
  <si>
    <t>海老名市下今泉1-8-32　マルベリー202号室</t>
  </si>
  <si>
    <t>JMA海老名訪問看護ステーション</t>
  </si>
  <si>
    <t>海老名市河原口1519番地</t>
  </si>
  <si>
    <t>いずみナースステーション海老名</t>
  </si>
  <si>
    <t>海老名市河原口2-30-24 ナーシングガーデン海老名2F</t>
  </si>
  <si>
    <t>ななケア訪問看護ステーション</t>
  </si>
  <si>
    <t>海老名市国分南1-27-9</t>
  </si>
  <si>
    <t>こころん訪問看護ステーション</t>
  </si>
  <si>
    <t>海老名市国分北2丁目14番10号　MOハイツ101</t>
  </si>
  <si>
    <t>ゆい訪問看護ステーション海老名</t>
  </si>
  <si>
    <t>海老名市社家2-4-14</t>
  </si>
  <si>
    <t>指定訪問看護　アットリハかしわ台</t>
  </si>
  <si>
    <t>海老名市上今泉６丁目47-36</t>
  </si>
  <si>
    <t>医心館 訪問看護ステーション 海老名</t>
  </si>
  <si>
    <t>海老名市泉1丁目2番1号</t>
  </si>
  <si>
    <t>Onelight　訪問看護ステーション海老名</t>
  </si>
  <si>
    <t>海老名市大谷北1-5-9　SD海老名ポートガーデン306号室</t>
  </si>
  <si>
    <t>タツミ訪問看護ステーション海老名</t>
  </si>
  <si>
    <t>海老名市中央3-2-17　弁柄ビル2F</t>
  </si>
  <si>
    <t>訪問看護　たいせつ</t>
  </si>
  <si>
    <t>海老名市中新田3-33-23　エスペランサ海老名102</t>
  </si>
  <si>
    <t>Ren訪問看護ステーション</t>
  </si>
  <si>
    <t>海老名市東柏ケ谷2-10-12　STビル1F</t>
  </si>
  <si>
    <t>訪問看護ファミリー・ホスピスさがみ野</t>
  </si>
  <si>
    <t>海老名市東柏ケ谷4丁目12番36号</t>
  </si>
  <si>
    <t>スギ訪問看護ステーション道　さがみ野</t>
  </si>
  <si>
    <t>海老名市東柏ケ谷4丁目12番4号　さがみ野クリニックモール2F内</t>
  </si>
  <si>
    <t>優香訪問看護リハビリステーション</t>
  </si>
  <si>
    <t>海老名市柏ケ谷3丁目9番32号　三枝コーポ1-105号</t>
  </si>
  <si>
    <t>湘陽かしわ台病院訪問看護ステーション</t>
  </si>
  <si>
    <t>花音　訪問看護ステーション</t>
  </si>
  <si>
    <t>海老名市浜田町25番地10号　第2海老名ビル2F</t>
  </si>
  <si>
    <t>愛クローバー訪問看護リハビリステーション</t>
  </si>
  <si>
    <t>海老名市望地2-3-27　ファミリアM-A　101</t>
  </si>
  <si>
    <t>茜ケア訪問看護ステーション</t>
  </si>
  <si>
    <t>座間市栗原中央1-31-24</t>
  </si>
  <si>
    <t>訪問看護ステーションあやめ座間</t>
  </si>
  <si>
    <t>座間市栗原中央2-21-11 エステート山中Ａ 202号</t>
  </si>
  <si>
    <t>訪問看護ステーション　ミモザ</t>
  </si>
  <si>
    <t>座間市栗原中央4-19-13</t>
  </si>
  <si>
    <t>ハートケアステーション・コスモス</t>
  </si>
  <si>
    <t>座間市栗原中央5丁目1-44</t>
  </si>
  <si>
    <t>あおば福祉サービス　訪問看護</t>
  </si>
  <si>
    <t>座間市四ツ谷638</t>
  </si>
  <si>
    <t>訪問看護ステーション　ハートピアラ</t>
  </si>
  <si>
    <t>座間市小松原1-22-12</t>
  </si>
  <si>
    <t>相武台リハビリテーション病院訪問看護ステーション</t>
  </si>
  <si>
    <t>座間市相武台1丁目8番23号</t>
  </si>
  <si>
    <t>mt.viewあおば訪問看護</t>
  </si>
  <si>
    <t>座間市相武台2-36-8　Forester102</t>
  </si>
  <si>
    <t>けあぶる訪問看護ステーション相武台</t>
  </si>
  <si>
    <t>座間市相武台3-26-1　グランドステータス相武台　416号</t>
  </si>
  <si>
    <t>アーク訪問看護ステーション</t>
  </si>
  <si>
    <t>座間市相武台3丁目26-1-315号</t>
  </si>
  <si>
    <t>医療法人社団　博愛医院　友栄ナースステーション</t>
  </si>
  <si>
    <t>座間市相模が丘1丁目34番地20号　Zstyle 201号室</t>
  </si>
  <si>
    <t>ケアハーモニー訪問看護ステーション</t>
  </si>
  <si>
    <t>座間市相模が丘5-10-3</t>
  </si>
  <si>
    <t>いきいき訪問看護ステーション　座間</t>
  </si>
  <si>
    <t>座間市相模が丘5-13-39　マースコート相模原102</t>
  </si>
  <si>
    <t>相模台病院訪問看護ステーション</t>
  </si>
  <si>
    <t>座間市相模が丘6-27-30</t>
  </si>
  <si>
    <t>アンサンブル訪問看護ステーション</t>
  </si>
  <si>
    <t>座間市南栗原5-6-18</t>
  </si>
  <si>
    <t>ケアサービス　サンセール　訪問看護事業所</t>
  </si>
  <si>
    <t>座間市入谷西3-17-15　アクセス102</t>
  </si>
  <si>
    <t>訪問看護ステーションココエル　座間</t>
  </si>
  <si>
    <t>座間市入谷西3丁目20番24号コーポロンデ101号</t>
  </si>
  <si>
    <t>ひまわり訪問看護リハビリステーション</t>
  </si>
  <si>
    <t>座間市入谷東2-14-33</t>
  </si>
  <si>
    <t>指定訪問看護アットリハ入谷東</t>
  </si>
  <si>
    <t>座間市入谷東3丁目56番3号</t>
  </si>
  <si>
    <t>座間市社協訪問看護ステーション</t>
  </si>
  <si>
    <t>座間市緑ケ丘1丁目2番1号</t>
  </si>
  <si>
    <t>訪問看護ステーション　ワースリビング座間</t>
  </si>
  <si>
    <t>座間市緑ケ丘6-13-6</t>
  </si>
  <si>
    <t>訪問看護ステーション　AMANEKU南足柄</t>
  </si>
  <si>
    <t>南足柄市関本591-1　ヴェルミ3 1F 101-2</t>
  </si>
  <si>
    <t>南足柄市訪問看護ステーション</t>
  </si>
  <si>
    <t>南足柄市広町48-1　南足柄市保健医療福祉センター</t>
  </si>
  <si>
    <t>訪問看護ステーションひあし</t>
  </si>
  <si>
    <t>綾瀬市吉岡東3-1-7</t>
  </si>
  <si>
    <t>ゆい訪問看護スケーション綾瀬</t>
  </si>
  <si>
    <t>綾瀬市寺尾台1-14-33</t>
  </si>
  <si>
    <t>ゆい訪問看護ステーション綾北</t>
  </si>
  <si>
    <t>綾瀬市寺尾台3-4-18</t>
  </si>
  <si>
    <t>訪問看護ステーションあやめ綾瀬</t>
  </si>
  <si>
    <t>綾瀬市寺尾南3-9-24　藤コーポ201号室</t>
  </si>
  <si>
    <t>ONE訪問看護ステーション</t>
  </si>
  <si>
    <t>綾瀬市寺尾本町１丁目９番１２号カーサ小山田１０３号室</t>
  </si>
  <si>
    <t>ソワン綾瀬訪問看護ステーション</t>
  </si>
  <si>
    <t>綾瀬市小園624</t>
  </si>
  <si>
    <t>ハンズ綾南訪問看護ステーション</t>
  </si>
  <si>
    <t>綾瀬市上土棚中1丁目2番53号アーバンフィールドA号室</t>
  </si>
  <si>
    <t>マカロン訪問看護リハビリステーション　長後</t>
  </si>
  <si>
    <t>綾瀬市上土棚北5-8-21　森滝ビル2F</t>
  </si>
  <si>
    <t>ロイヤル綾瀬訪問看護ステーション</t>
  </si>
  <si>
    <t>綾瀬市深谷上7-18-7</t>
  </si>
  <si>
    <t>医療法人社団柏綾会　あやせ訪問看護ステーション</t>
  </si>
  <si>
    <t>綾瀬市深谷中1丁目10番1号</t>
  </si>
  <si>
    <t>社会福祉法人　誠幸会　泉の郷綾瀬訪問看護ステーション</t>
  </si>
  <si>
    <t>綾瀬市落合南2-3-60</t>
  </si>
  <si>
    <t>訪問看護ステーションルイシス</t>
  </si>
  <si>
    <t>三浦郡葉山町一色1748　ザガートビル2F</t>
  </si>
  <si>
    <t>にじいろHOME NURSING</t>
  </si>
  <si>
    <t>三浦郡葉山町一色９３０</t>
  </si>
  <si>
    <t>あるCoCo．訪問看護リハビリステーション</t>
  </si>
  <si>
    <t>高座郡寒川町一之宮8丁目10-38ブルックハイツ店舗101号室</t>
  </si>
  <si>
    <t>ジョイフル訪問看護ステーション</t>
  </si>
  <si>
    <t>高座郡寒川町一之宮一丁目８番２１号ハイフィールド寒川101</t>
  </si>
  <si>
    <t>さむかわ訪問看護ステーション</t>
  </si>
  <si>
    <t>訪問看護ステーション結</t>
  </si>
  <si>
    <t>高座郡寒川町宮山3581-1</t>
  </si>
  <si>
    <t>訪問看護ステーションあやめ寒川</t>
  </si>
  <si>
    <t>高座郡寒川町倉見519-5 巣籠店舗102号</t>
  </si>
  <si>
    <t>りんどうリハビリ看護ステーション</t>
  </si>
  <si>
    <t>中郡大磯町国府本郷1198</t>
  </si>
  <si>
    <t>公益社団法人神奈川県看護協会　おおいそ訪問看護ステーション</t>
  </si>
  <si>
    <t>中郡大磯町大磯971　カタノビル3Ｆ</t>
  </si>
  <si>
    <t>オリーブ訪問看護ステーション・二宮</t>
  </si>
  <si>
    <t>中郡二宮町川匂334-2</t>
  </si>
  <si>
    <t>訪問看護ステーションあやめ二宮</t>
  </si>
  <si>
    <t>中郡二宮町中里924番地1　KプラットハウスA棟　103号室</t>
  </si>
  <si>
    <t>医療法人社団　三喜会　鶴巻訪問看護ステーションにのみや</t>
  </si>
  <si>
    <t>中郡二宮町二宮1308-1</t>
  </si>
  <si>
    <t>訪問看護ステーション中井</t>
  </si>
  <si>
    <t>足柄上郡中井町井ノ口1000-1</t>
  </si>
  <si>
    <t>さち訪問看護ステーション</t>
  </si>
  <si>
    <t>足柄上郡中井町田中956-21</t>
  </si>
  <si>
    <t>訪問看護ステーションすいせん</t>
  </si>
  <si>
    <t>足柄上郡大井町大井中央203</t>
  </si>
  <si>
    <t>医療法人社団　三喜会　鶴巻訪問看護ステーションあしがら</t>
  </si>
  <si>
    <t>足柄上郡松田町松田惣領1321-1</t>
  </si>
  <si>
    <t>訪問看護ステーションエリア</t>
  </si>
  <si>
    <t>足柄上郡開成町吉田島1785-3</t>
  </si>
  <si>
    <t>carenリハ訪問看護ステーション開成</t>
  </si>
  <si>
    <t>足柄上郡開成町吉田島4319-1　小田急開成駅前ビル1F</t>
  </si>
  <si>
    <t>足柄上医師会訪問看護ステーション</t>
  </si>
  <si>
    <t>足柄上郡開成町吉田島580　足柄上地区休日急患診療所内</t>
  </si>
  <si>
    <t>訪問看護ステーション真鶴</t>
  </si>
  <si>
    <t>足柄下郡真鶴町真鶴475-1</t>
  </si>
  <si>
    <t>ミコト訪問看護ステーション</t>
  </si>
  <si>
    <t>足柄下郡湯河原町宮下581-8</t>
  </si>
  <si>
    <t>百年の杜訪問看護ステーション</t>
  </si>
  <si>
    <t>足柄下郡湯河原町宮上138</t>
  </si>
  <si>
    <t>オレンジ訪問看護ステーション</t>
  </si>
  <si>
    <t>足柄下郡湯河原町土肥2-20-12</t>
  </si>
  <si>
    <t>はぁと訪問看護ステーション</t>
  </si>
  <si>
    <t>足柄下郡湯河原町土肥4-1-13　ユーエスビル103号</t>
  </si>
  <si>
    <t>花菜訪問看護ステーション</t>
  </si>
  <si>
    <t>足柄下郡湯河原町門川35-2</t>
  </si>
  <si>
    <t>訪問看護ステーション　ホット北部</t>
  </si>
  <si>
    <t>マカロン訪問看護リハビリステーション　愛川</t>
  </si>
  <si>
    <t>愛甲郡愛川町棚沢843-1　Cosmo Villa Aikawa202</t>
  </si>
  <si>
    <t>訪問看護ステーション　あすなろ</t>
  </si>
  <si>
    <t>愛甲郡愛川町中津1568番地2　ハイム中津105</t>
  </si>
  <si>
    <t>訪問看護ステーション　ユースフル神奈川</t>
  </si>
  <si>
    <t>愛甲郡愛川町中津2031-1</t>
  </si>
  <si>
    <t>＆ケア訪問看護</t>
  </si>
  <si>
    <t>愛甲郡愛川町中津242-2</t>
  </si>
  <si>
    <t>薬局</t>
  </si>
  <si>
    <t>有限会社細川薬局ハイランド店</t>
  </si>
  <si>
    <t>横須賀市ハイランド4-4-2</t>
  </si>
  <si>
    <t>アシナ薬局</t>
  </si>
  <si>
    <t>横須賀市芦名1-6-37</t>
  </si>
  <si>
    <t>クリエイト薬局横須賀粟田店</t>
  </si>
  <si>
    <t>横須賀市粟田1-42-2</t>
  </si>
  <si>
    <t>海岸薬局</t>
  </si>
  <si>
    <t>横須賀市安浦町1-7</t>
  </si>
  <si>
    <t>あんこ薬局</t>
  </si>
  <si>
    <t>サン調剤薬局</t>
  </si>
  <si>
    <t>ファーマシィ鈴木安浦店</t>
  </si>
  <si>
    <t>横須賀市安浦町2ｰ27ｰ1</t>
  </si>
  <si>
    <t>日本調剤　平成薬局</t>
  </si>
  <si>
    <t>横須賀市安浦町3-13</t>
  </si>
  <si>
    <t>クリエイト薬局横須賀衣笠店</t>
  </si>
  <si>
    <t>横須賀市衣笠栄町1-12　モンテエスカリエ1Ｆ</t>
  </si>
  <si>
    <t>あすか薬局</t>
  </si>
  <si>
    <t>横須賀市衣笠栄町1ｰ62ｰ18</t>
  </si>
  <si>
    <t>有限会社　衣笠調剤薬局</t>
  </si>
  <si>
    <t>横須賀市衣笠栄町1-20</t>
  </si>
  <si>
    <t>アヒル薬局</t>
  </si>
  <si>
    <t>横須賀市衣笠栄町1-22</t>
  </si>
  <si>
    <t>寺分薬局</t>
  </si>
  <si>
    <t>横須賀市衣笠栄町1-7</t>
  </si>
  <si>
    <t>リブラ薬局　衣笠店</t>
  </si>
  <si>
    <t>横須賀市衣笠栄町2-1-2</t>
  </si>
  <si>
    <t>ウイン調剤薬局　衣笠店</t>
  </si>
  <si>
    <t>横須賀市衣笠栄町2-66-3</t>
  </si>
  <si>
    <t>有限会社　岡薬局</t>
  </si>
  <si>
    <t>横須賀市衣笠栄町3-2-2</t>
  </si>
  <si>
    <t>クリエイト薬局横須賀浦賀店</t>
  </si>
  <si>
    <t>横須賀市浦賀5-12-20</t>
  </si>
  <si>
    <t>きりん薬局</t>
  </si>
  <si>
    <t>横須賀市浦賀5-3-3</t>
  </si>
  <si>
    <t>たちばな薬局荒巻店</t>
  </si>
  <si>
    <t>横須賀市浦賀町5-4-3 渡辺ハイツ1Ｆ</t>
  </si>
  <si>
    <t>ファーマシィ鈴木</t>
  </si>
  <si>
    <t>横須賀市鴨居1-17-16</t>
  </si>
  <si>
    <t>クリエイト薬局　横須賀鴨居店</t>
  </si>
  <si>
    <t>有限会社　小磯薬局</t>
  </si>
  <si>
    <t>横須賀市鴨居2-78-11</t>
  </si>
  <si>
    <t>かもめ団地内薬局</t>
  </si>
  <si>
    <t>横須賀市鴨居2-80-38</t>
  </si>
  <si>
    <t>ハックドラッグ岩戸薬局</t>
  </si>
  <si>
    <t>横須賀市岩戸1-10-11</t>
  </si>
  <si>
    <t>岩戸薬局</t>
  </si>
  <si>
    <t>横須賀市岩戸2-17-5</t>
  </si>
  <si>
    <t>いがらし薬局</t>
  </si>
  <si>
    <t>横須賀市岩戸3-27-8</t>
  </si>
  <si>
    <t>フルヤ薬局</t>
  </si>
  <si>
    <t>横須賀市岩戸4-23-11</t>
  </si>
  <si>
    <t>さくら薬局　湘南山手店</t>
  </si>
  <si>
    <t>横須賀市吉井2-3-7</t>
  </si>
  <si>
    <t>ハックドラッグ湘南山手薬局</t>
  </si>
  <si>
    <t>横須賀市吉井2-5-1　相鉄ローゼン湘南山手店1F</t>
  </si>
  <si>
    <t>湘南山手薬局</t>
  </si>
  <si>
    <t>横須賀市吉井3-13-1</t>
  </si>
  <si>
    <t>さくら薬局</t>
  </si>
  <si>
    <t>久里浜駅前薬局</t>
  </si>
  <si>
    <t>横須賀市久里浜1-1-8　銀嶺ビル1F</t>
  </si>
  <si>
    <t>セイムス久里浜薬局</t>
  </si>
  <si>
    <t>横須賀市久里浜1-3-17</t>
  </si>
  <si>
    <t>フレンド薬局</t>
  </si>
  <si>
    <t>横須賀市久里浜1-3-18</t>
  </si>
  <si>
    <t>久里浜スマイル薬局</t>
  </si>
  <si>
    <t>横須賀市久里浜1-5-16　第10臼井ビル1F</t>
  </si>
  <si>
    <t>タカヤマ薬局京急久里浜西口店</t>
  </si>
  <si>
    <t>横須賀市久里浜1-5-9　あずさわビル1F</t>
  </si>
  <si>
    <t>ハックドラッグ久里浜薬局</t>
  </si>
  <si>
    <t>横須賀市久里浜2-18-15</t>
  </si>
  <si>
    <t>クリタ調剤薬局　久里浜店</t>
  </si>
  <si>
    <t>横須賀市久里浜3-10-2ＭＫビル102</t>
  </si>
  <si>
    <t>信安薬局</t>
  </si>
  <si>
    <t>横須賀市久里浜4-3-15　メゾンドアヤ103室</t>
  </si>
  <si>
    <t>長島薬局</t>
  </si>
  <si>
    <t>横須賀市久里浜4-5-8</t>
  </si>
  <si>
    <t>ハックドラッグ久里浜駅前はろーど薬局</t>
  </si>
  <si>
    <t>横須賀市久里浜4-7-15　新八ビル1F</t>
  </si>
  <si>
    <t>互光薬局</t>
  </si>
  <si>
    <t>横須賀市久里浜4-8-12</t>
  </si>
  <si>
    <t>はま薬局</t>
  </si>
  <si>
    <t>みんなの薬局　久里浜店</t>
  </si>
  <si>
    <t>横須賀市久里浜4丁目15-4　シャミニオン1F-A</t>
  </si>
  <si>
    <t>タカヤマ調剤薬局久里浜５丁目店</t>
  </si>
  <si>
    <t>横須賀市久里浜5-11-5</t>
  </si>
  <si>
    <t>イオン薬局久里浜店</t>
  </si>
  <si>
    <t>横須賀市久里浜5-13-1</t>
  </si>
  <si>
    <t>なの花薬局久里浜店</t>
  </si>
  <si>
    <t>横須賀市久里浜5-14-14</t>
  </si>
  <si>
    <t>日本調剤　久里浜薬局</t>
  </si>
  <si>
    <t>横須賀市久里浜5-17-8</t>
  </si>
  <si>
    <t>薬樹薬局　久里浜</t>
  </si>
  <si>
    <t>横須賀市久里浜5丁目17番9号</t>
  </si>
  <si>
    <t>ハックドラッグ久里浜海岸薬局</t>
  </si>
  <si>
    <t>横須賀市久里浜7-1-14</t>
  </si>
  <si>
    <t>有限会社　平作薬局</t>
  </si>
  <si>
    <t>横須賀市金谷1-1-6</t>
  </si>
  <si>
    <t>なの花薬局横須賀金谷店</t>
  </si>
  <si>
    <t>横須賀市金谷2-1-18</t>
  </si>
  <si>
    <t>金谷薬局</t>
  </si>
  <si>
    <t>横須賀市金谷2-1-19</t>
  </si>
  <si>
    <t>あおば薬局横須賀衣笠店</t>
  </si>
  <si>
    <t>横須賀市金谷2-1-29</t>
  </si>
  <si>
    <t>有限会社　湘南調剤薬局</t>
  </si>
  <si>
    <t>横須賀市公郷町1－53－46</t>
  </si>
  <si>
    <t>有限会社　公郷薬局</t>
  </si>
  <si>
    <t>横須賀市公郷町2-2</t>
  </si>
  <si>
    <t>北久里浜薬局</t>
  </si>
  <si>
    <t>横須賀市根岸町2ｰ20ｰ9 谷ビル1Ｆ</t>
  </si>
  <si>
    <t>千種薬局　北久里浜駅前店</t>
  </si>
  <si>
    <t>横須賀市根岸町2-22-8</t>
  </si>
  <si>
    <t>ユニスマイル薬局　北久里浜店</t>
  </si>
  <si>
    <t>横須賀市根岸町2-31-13　ナヴィール北久里浜1F</t>
  </si>
  <si>
    <t>クリエイト薬局横須賀根岸町店</t>
  </si>
  <si>
    <t>横須賀市根岸町3-16-35</t>
  </si>
  <si>
    <t>タカヤマ薬局北久里浜店</t>
  </si>
  <si>
    <t>横須賀市根岸町3-1-6-5号</t>
  </si>
  <si>
    <t>ヨクナル薬局</t>
  </si>
  <si>
    <t>横須賀市根岸町3-3-3</t>
  </si>
  <si>
    <t>ルナ薬局　北久里浜店</t>
  </si>
  <si>
    <t>横須賀市根岸町3丁目3-3</t>
  </si>
  <si>
    <t>レモン薬局</t>
  </si>
  <si>
    <t>横須賀市根岸町3丁目9番5号　HARA BLDG北久里浜1-1</t>
  </si>
  <si>
    <t>五郎橋薬局</t>
  </si>
  <si>
    <t>横須賀市根岸町4-2-37</t>
  </si>
  <si>
    <t>こぐま薬局</t>
  </si>
  <si>
    <t>横須賀市根岸町4-3-6</t>
  </si>
  <si>
    <t>のぞみ薬局</t>
  </si>
  <si>
    <t>横須賀市根岸町4-39-21　田中ｻﾝﾗｲｽﾞﾋﾞﾙ101号室</t>
  </si>
  <si>
    <t>珊瑚薬局　佐原店</t>
  </si>
  <si>
    <t>横須賀市佐原3-3-6</t>
  </si>
  <si>
    <t>クリエイト薬局横須賀佐原店</t>
  </si>
  <si>
    <t>横須賀市佐原4-1-2</t>
  </si>
  <si>
    <t>有限会社杏門　さの薬局</t>
  </si>
  <si>
    <t>あい薬局</t>
  </si>
  <si>
    <t>横須賀市坂本町2-31</t>
  </si>
  <si>
    <t>有限会社　ヒロ薬局</t>
  </si>
  <si>
    <t>横須賀市坂本町3-42</t>
  </si>
  <si>
    <t>えがお薬局　桜が丘店</t>
  </si>
  <si>
    <t>横須賀市桜が丘1丁目2-1　桜が丘壱番館103</t>
  </si>
  <si>
    <t>セブンス薬局　堀ノ内店</t>
  </si>
  <si>
    <t>横須賀市三春町3ｰ24ｰ6ｰ102</t>
  </si>
  <si>
    <t>トマト薬局　堀ノ内店</t>
  </si>
  <si>
    <t>横須賀市三春町3ｰ46</t>
  </si>
  <si>
    <t>クリエイト薬局横須賀三春町店</t>
  </si>
  <si>
    <t>横須賀市三春町4-1-5</t>
  </si>
  <si>
    <t>有限会社　ミトミ薬局</t>
  </si>
  <si>
    <t>横須賀市汐見台2-2-1</t>
  </si>
  <si>
    <t>ベイサイド薬局</t>
  </si>
  <si>
    <t>横須賀市汐入町2-2-12</t>
  </si>
  <si>
    <t>スマイルの薬局汐入店</t>
  </si>
  <si>
    <t>横須賀市汐入町2-3</t>
  </si>
  <si>
    <t>有限会社　石黒薬局</t>
  </si>
  <si>
    <t>横須賀市汐入町2-37</t>
  </si>
  <si>
    <t>汐入薬局</t>
  </si>
  <si>
    <t>横須賀市汐入町2-39</t>
  </si>
  <si>
    <t>ハックドラッグ汐入薬局</t>
  </si>
  <si>
    <t>横須賀市汐入町2-7-1</t>
  </si>
  <si>
    <t>有限会社　新共薬局</t>
  </si>
  <si>
    <t>横須賀市若松町1-1</t>
  </si>
  <si>
    <t>新成薬局若松店</t>
  </si>
  <si>
    <t>横須賀市若松町1-10　第1野口ビル1-1</t>
  </si>
  <si>
    <t>ハックドラッグ横須賀中央薬局</t>
  </si>
  <si>
    <t>横須賀市若松町2-4　田丸屋ビル</t>
  </si>
  <si>
    <t>日本調剤　横須賀中央薬局</t>
  </si>
  <si>
    <t>横須賀市若松町2-5-3　矢島ビル1F</t>
  </si>
  <si>
    <t>クリエイト薬局横須賀中央店</t>
  </si>
  <si>
    <t>横須賀市若松町2-8　セントラルホテル1F</t>
  </si>
  <si>
    <t>株式会社シフト　秋谷薬局</t>
  </si>
  <si>
    <t>横須賀市秋谷1-23-22</t>
  </si>
  <si>
    <t>タカヤマ薬局舟倉店</t>
  </si>
  <si>
    <t>横須賀市舟倉1-30-12-1F  B</t>
  </si>
  <si>
    <t>日本調剤　新横須賀薬局</t>
  </si>
  <si>
    <t>横須賀市小矢部2-20-8</t>
  </si>
  <si>
    <t>日本調剤　横須賀薬局</t>
  </si>
  <si>
    <t>横須賀市小矢部2-21-4</t>
  </si>
  <si>
    <t>新成薬局きぬがさ店</t>
  </si>
  <si>
    <t>横須賀市小矢部2-25-14</t>
  </si>
  <si>
    <t>有限会社　関口調剤薬局</t>
  </si>
  <si>
    <t>横須賀市上町2-3</t>
  </si>
  <si>
    <t>なぎさ薬局上町店</t>
  </si>
  <si>
    <t>横須賀市上町2-7-4</t>
  </si>
  <si>
    <t>セイムス上町薬局</t>
  </si>
  <si>
    <t>横須賀市上町3-14</t>
  </si>
  <si>
    <t>ふらわぁ薬局　森崎店</t>
  </si>
  <si>
    <t>横須賀市森崎3-9-8</t>
  </si>
  <si>
    <t>共創未来　逸見薬局</t>
  </si>
  <si>
    <t>ファーマシィ浦賀</t>
  </si>
  <si>
    <t>横須賀市西浦賀1-12-3</t>
  </si>
  <si>
    <t>いづく米田薬局</t>
  </si>
  <si>
    <t>横須賀市西浦賀1-6-13</t>
  </si>
  <si>
    <t>たんぽぽ薬局</t>
  </si>
  <si>
    <t>横須賀市西浦賀1-9-26</t>
  </si>
  <si>
    <t>東邦薬局浦賀店</t>
  </si>
  <si>
    <t>横須賀市西浦賀4-9-1</t>
  </si>
  <si>
    <t>コトブキ調剤薬局　横須賀店</t>
  </si>
  <si>
    <t>横須賀市船越町1-12</t>
  </si>
  <si>
    <t>千種薬局</t>
  </si>
  <si>
    <t>横須賀市船越町1ｰ58ｰ7</t>
  </si>
  <si>
    <t>スター薬局</t>
  </si>
  <si>
    <t>横須賀市船越町1-55-11</t>
  </si>
  <si>
    <t>マルフジ鶴見薬局</t>
  </si>
  <si>
    <t>横須賀市船越町1丁目43番地</t>
  </si>
  <si>
    <t>マルフジ鶴見薬局　駅前店</t>
  </si>
  <si>
    <t>横須賀市船越町5-4-4</t>
  </si>
  <si>
    <t>クリエイト薬局横須賀林店</t>
  </si>
  <si>
    <t>横須賀市太田和1-1-8　浅葉クリニックビル1F</t>
  </si>
  <si>
    <t>宮本薬局</t>
  </si>
  <si>
    <t>横須賀市太田和1-5-5</t>
  </si>
  <si>
    <t>サンドラッグさいか屋横須賀薬局</t>
  </si>
  <si>
    <t>横須賀市大滝町1-13</t>
  </si>
  <si>
    <t>インテル　みかさ薬局</t>
  </si>
  <si>
    <t>横須賀市大滝町1丁目21番地ジュネス横須賀1F</t>
  </si>
  <si>
    <t>日本調剤　三笠通り薬局</t>
  </si>
  <si>
    <t>横須賀市大滝町2-23</t>
  </si>
  <si>
    <t>共創未来　横須賀薬局</t>
  </si>
  <si>
    <t>横須賀市大滝町2-4-5</t>
  </si>
  <si>
    <t>ココカラファイン薬局リドレ横須賀店</t>
  </si>
  <si>
    <t>横須賀市大滝町2-6</t>
  </si>
  <si>
    <t>三笠ビル栗田薬局</t>
  </si>
  <si>
    <t>横須賀市大滝町2丁目24</t>
  </si>
  <si>
    <t>なの花薬局横須賀大津店</t>
  </si>
  <si>
    <t>横須賀市大津町1-11-11</t>
  </si>
  <si>
    <t>わかば薬局大津店</t>
  </si>
  <si>
    <t>横須賀市大津町1-16-26</t>
  </si>
  <si>
    <t>珊瑚薬局　新緑店</t>
  </si>
  <si>
    <t>横須賀市大津町1-16-7</t>
  </si>
  <si>
    <t>珊瑚薬局　大津店</t>
  </si>
  <si>
    <t>横須賀市大津町1-20-2</t>
  </si>
  <si>
    <t>わかば薬局おおやべ店</t>
  </si>
  <si>
    <t>横須賀市大矢部2-8-22</t>
  </si>
  <si>
    <t>さくら薬局　横須賀大矢部店</t>
  </si>
  <si>
    <t>横須賀市大矢部2丁目2番18号</t>
  </si>
  <si>
    <t>みどり薬局</t>
  </si>
  <si>
    <t>横須賀市大矢部5-11-1</t>
  </si>
  <si>
    <t>オリーブ薬局</t>
  </si>
  <si>
    <t>横須賀市池上5-1-5</t>
  </si>
  <si>
    <t>株式会社　シフト　池上調剤薬局</t>
  </si>
  <si>
    <t>横須賀市池上5-8-3</t>
  </si>
  <si>
    <t>シフト池上調剤薬局</t>
  </si>
  <si>
    <t>シーガル調剤薬局横須賀池上店</t>
  </si>
  <si>
    <t>横須賀市池上7-1-1-101</t>
  </si>
  <si>
    <t>クリエイト薬局横須賀湘南池上店</t>
  </si>
  <si>
    <t>横須賀市池上7-45-3</t>
  </si>
  <si>
    <t>D.S.テラブン薬局</t>
  </si>
  <si>
    <t>クリエイト薬局　横須賀長井店</t>
  </si>
  <si>
    <t>横須賀市長井3-1-11</t>
  </si>
  <si>
    <t>新成薬局長坂店</t>
  </si>
  <si>
    <t>横須賀市長坂3-3-9</t>
  </si>
  <si>
    <t>有限会社　不動薬局長坂店</t>
  </si>
  <si>
    <t>横須賀市長坂3-6-1</t>
  </si>
  <si>
    <t>クリエイト薬局横須賀長坂店</t>
  </si>
  <si>
    <t>横須賀市長坂3-6-10</t>
  </si>
  <si>
    <t>薬樹薬局　横須賀</t>
  </si>
  <si>
    <t>横須賀市長坂3丁目3番12号</t>
  </si>
  <si>
    <t>千種薬局　長沢店</t>
  </si>
  <si>
    <t>横須賀市長沢1ｰ33ｰ8 ルビエーヌ長沢A</t>
  </si>
  <si>
    <t>クリエイト薬局京急長沢駅前店</t>
  </si>
  <si>
    <t>横須賀市長沢1-34-11</t>
  </si>
  <si>
    <t>アオバ薬局</t>
  </si>
  <si>
    <t>横須賀市長沢3ｰ1ｰ24</t>
  </si>
  <si>
    <t>有限会社　アオイ薬局</t>
  </si>
  <si>
    <t>横須賀市津久井2-17-24</t>
  </si>
  <si>
    <t>アオイ薬局　海岸店</t>
  </si>
  <si>
    <t>横須賀市津久井2ｰ3ｰ13</t>
  </si>
  <si>
    <t>わかば薬局津久井浜</t>
  </si>
  <si>
    <t>横須賀市津久井3-21-9</t>
  </si>
  <si>
    <t>クローバー薬局　銀座通り店</t>
  </si>
  <si>
    <t>横須賀市追浜町3-14-9</t>
  </si>
  <si>
    <t>日の出薬局</t>
  </si>
  <si>
    <t>横須賀市追浜町3-1-9</t>
  </si>
  <si>
    <t>ウイング湘南薬局　追浜店</t>
  </si>
  <si>
    <t>横須賀市追浜町3-2</t>
  </si>
  <si>
    <t>サカイヤ薬局　追浜駅前店</t>
  </si>
  <si>
    <t>横須賀市追浜町3-8</t>
  </si>
  <si>
    <t>有限会社　松本薬局</t>
  </si>
  <si>
    <t>横須賀市追浜東町3-42</t>
  </si>
  <si>
    <t>日本調剤　追浜薬局</t>
  </si>
  <si>
    <t>横須賀市追浜本町1-1-23</t>
  </si>
  <si>
    <t>ツバサ薬局</t>
  </si>
  <si>
    <t>横須賀市追浜本町1-1-35</t>
  </si>
  <si>
    <t>クローバー薬局</t>
  </si>
  <si>
    <t>横須賀市追浜本町1-23-6</t>
  </si>
  <si>
    <t>ひばり薬局　追浜店</t>
  </si>
  <si>
    <t>横須賀市追浜本町1-28-5 サンビーチ追浜4F</t>
  </si>
  <si>
    <t>永光薬品株式会社　永光薬局</t>
  </si>
  <si>
    <t>横須賀市追浜本町2-31-29</t>
  </si>
  <si>
    <t>わかばアサヒ薬局</t>
  </si>
  <si>
    <t>横須賀市鶴が丘2-3-7</t>
  </si>
  <si>
    <t>マルフジ鶴見薬局　田浦店</t>
  </si>
  <si>
    <t>横須賀市田浦町2-84</t>
  </si>
  <si>
    <t>有限会社　鈴木一生薬局</t>
  </si>
  <si>
    <t>横須賀市東逸見町2-2</t>
  </si>
  <si>
    <t>セイムス浦賀薬局</t>
  </si>
  <si>
    <t>横須賀市東浦賀1-1-7　TAKAHASHIビル1F</t>
  </si>
  <si>
    <t>さつき薬局</t>
  </si>
  <si>
    <t>横須賀市日の出町1ｰ7</t>
  </si>
  <si>
    <t>八木調剤薬局</t>
  </si>
  <si>
    <t>横須賀市馬堀海岸2-25-7</t>
  </si>
  <si>
    <t>ささき薬局</t>
  </si>
  <si>
    <t>横須賀市馬堀海岸2-27-6</t>
  </si>
  <si>
    <t>アモン薬局</t>
  </si>
  <si>
    <t>横須賀市馬堀海岸3-26-8</t>
  </si>
  <si>
    <t>竹沢薬局</t>
  </si>
  <si>
    <t>横須賀市馬堀町1-8-11</t>
  </si>
  <si>
    <t>さくら薬局　横須賀馬堀店</t>
  </si>
  <si>
    <t>横須賀市馬堀町2-13-2</t>
  </si>
  <si>
    <t>サンユー薬局</t>
  </si>
  <si>
    <t>横須賀市馬堀町2-15-1</t>
  </si>
  <si>
    <t>セブンス薬局馬堀店</t>
  </si>
  <si>
    <t>横須賀市馬堀町3-2-12</t>
  </si>
  <si>
    <t>なの花薬局横須賀武山店</t>
  </si>
  <si>
    <t>横須賀市武1-20-15</t>
  </si>
  <si>
    <t>有限会社　不動薬局武支店</t>
  </si>
  <si>
    <t>横須賀市武1-20-8</t>
  </si>
  <si>
    <t>株式会社シフト　つつじ調剤薬局</t>
  </si>
  <si>
    <t>横須賀市武4-40-4　木村ビル1F</t>
  </si>
  <si>
    <t>はまゆう薬局</t>
  </si>
  <si>
    <t>横須賀市平作1-12-7 107ビル1Ｆ</t>
  </si>
  <si>
    <t>さくら薬局　横須賀平作店</t>
  </si>
  <si>
    <t>横須賀市平作2-14-1</t>
  </si>
  <si>
    <t>キリン薬局衣笠店</t>
  </si>
  <si>
    <t>横須賀市平作8-20-15</t>
  </si>
  <si>
    <t>新成薬局本店二番館</t>
  </si>
  <si>
    <t>横須賀市米が浜通1-17</t>
  </si>
  <si>
    <t>あすぴお薬局　横須賀中央店</t>
  </si>
  <si>
    <t>横須賀市米が浜通1-17　YMBLDG</t>
  </si>
  <si>
    <t>アイン薬局米が浜２号店</t>
  </si>
  <si>
    <t>横須賀市米が浜通1-17-10</t>
  </si>
  <si>
    <t>さくら薬局　横須賀米が浜店</t>
  </si>
  <si>
    <t>横須賀市米が浜通1-17-4</t>
  </si>
  <si>
    <t>なの花薬局米が浜店</t>
  </si>
  <si>
    <t>横須賀市米が浜通1-18</t>
  </si>
  <si>
    <t>クリタ調剤薬局　米が浜店</t>
  </si>
  <si>
    <t>横須賀市米が浜通1-3-25</t>
  </si>
  <si>
    <t>なぎさ薬局</t>
  </si>
  <si>
    <t>横須賀市米が浜通1-4</t>
  </si>
  <si>
    <t>アイン薬局　米が浜店</t>
  </si>
  <si>
    <t>横須賀市米が浜通1-8-7</t>
  </si>
  <si>
    <t>日本調剤　米が浜薬局</t>
  </si>
  <si>
    <t>横須賀市米が浜通1丁目8番地8</t>
  </si>
  <si>
    <t>セイムス大通薬局</t>
  </si>
  <si>
    <t>横須賀市米が浜通り1-18</t>
  </si>
  <si>
    <t>新成薬局本町店</t>
  </si>
  <si>
    <t>横須賀市本町1-11-4</t>
  </si>
  <si>
    <t>イオン薬局イオンスタイル横須賀</t>
  </si>
  <si>
    <t>横須賀市本町2-1-12</t>
  </si>
  <si>
    <t>マリン調剤薬局</t>
  </si>
  <si>
    <t>コスモ薬局野比店</t>
  </si>
  <si>
    <t>横須賀市野比1-42-48</t>
  </si>
  <si>
    <t>スイートドラッグみやがわ薬局</t>
  </si>
  <si>
    <t>横須賀市野比1-8-22</t>
  </si>
  <si>
    <t>大信薬局　野比店</t>
  </si>
  <si>
    <t>横須賀市野比1-8-32</t>
  </si>
  <si>
    <t>サザン薬局</t>
  </si>
  <si>
    <t>横須賀市野比2-1-1</t>
  </si>
  <si>
    <t>株式会社れのん　野比薬局</t>
  </si>
  <si>
    <t>横須賀市野比2-13-2</t>
  </si>
  <si>
    <t>シフト一騎塚薬局</t>
  </si>
  <si>
    <t>横須賀市林1-23-6 水野ビル1F</t>
  </si>
  <si>
    <t>有限会社　不動薬局</t>
  </si>
  <si>
    <t>横須賀市林2-1-39</t>
  </si>
  <si>
    <t>有限会社　ケイ薬局</t>
  </si>
  <si>
    <t>徳永薬局　横須賀店</t>
  </si>
  <si>
    <t>横須賀市林5-8-25</t>
  </si>
  <si>
    <t>ゆず薬局</t>
  </si>
  <si>
    <t>平塚市めぐみが丘2-5-2</t>
  </si>
  <si>
    <t>薬樹薬局　よこうち</t>
  </si>
  <si>
    <t>平塚市横内2730番地の3　アオイビレッジ湘南103号室</t>
  </si>
  <si>
    <t>クリエイト薬局新平塚横内店</t>
  </si>
  <si>
    <t>平塚市横内4060　1F</t>
  </si>
  <si>
    <t>平塚マル薬局</t>
  </si>
  <si>
    <t>平塚市岡崎215-4</t>
  </si>
  <si>
    <t>さくら薬局　平塚岡崎店</t>
  </si>
  <si>
    <t>平塚市岡崎3534-1</t>
  </si>
  <si>
    <t>江南薬局</t>
  </si>
  <si>
    <t>平塚市岡崎4414-2</t>
  </si>
  <si>
    <t>おかざき薬局</t>
  </si>
  <si>
    <t>平塚市岡崎5950-3</t>
  </si>
  <si>
    <t>アイン薬局　平塚花水台店</t>
  </si>
  <si>
    <t>平塚市花水台22-10</t>
  </si>
  <si>
    <t>ひかり薬局</t>
  </si>
  <si>
    <t>平塚市花水台29-8</t>
  </si>
  <si>
    <t>キラリ薬局　平塚北口店</t>
  </si>
  <si>
    <t>平塚市宮の前2ｰ5　ジグゼ湘南平塚101</t>
  </si>
  <si>
    <t>クリエイト薬局平塚宮の前店</t>
  </si>
  <si>
    <t>平塚市宮の前2番26</t>
  </si>
  <si>
    <t>アーク薬局　センター店</t>
  </si>
  <si>
    <t>平塚市宮の前3-13　リファレンス平塚ビル103</t>
  </si>
  <si>
    <t>アーク薬局</t>
  </si>
  <si>
    <t>平塚市宮の前5-19　ロアールハイツ1F</t>
  </si>
  <si>
    <t>湘南平塚薬局</t>
  </si>
  <si>
    <t>平塚市宮の前6-2</t>
  </si>
  <si>
    <t>みやま薬局　支店</t>
  </si>
  <si>
    <t>平塚市宮の前7-2</t>
  </si>
  <si>
    <t>有限会社　諏訪薬局</t>
  </si>
  <si>
    <t>平塚市宮松町1番10号</t>
  </si>
  <si>
    <t>とまと薬局　平塚店</t>
  </si>
  <si>
    <t>平塚市宮松町6-5</t>
  </si>
  <si>
    <t>スギ薬局　平塚宮松町店</t>
  </si>
  <si>
    <t>平塚市宮松町9番7号　ヤオコー平塚宮松町店2F</t>
  </si>
  <si>
    <t>にしき薬局</t>
  </si>
  <si>
    <t>平塚市錦町7-16　サンヒルズ湘南102</t>
  </si>
  <si>
    <t>調剤今井薬局</t>
  </si>
  <si>
    <t>平塚市見附町3-8</t>
  </si>
  <si>
    <t>みつけ調剤薬局</t>
  </si>
  <si>
    <t>平塚市見附町9-13</t>
  </si>
  <si>
    <t>クリエイト薬局平塚御殿店</t>
  </si>
  <si>
    <t>平塚市御殿1-28-5</t>
  </si>
  <si>
    <t>みんなの薬局</t>
  </si>
  <si>
    <t>平塚市御殿1-5-6</t>
  </si>
  <si>
    <t>たるもと薬局　平塚店</t>
  </si>
  <si>
    <t>平塚市御殿3-3-34</t>
  </si>
  <si>
    <t>広川薬局</t>
  </si>
  <si>
    <t>平塚市広川846-1</t>
  </si>
  <si>
    <t>佐野薬局　平塚店</t>
  </si>
  <si>
    <t>平塚市紅谷町16-7</t>
  </si>
  <si>
    <t>ヤシの木薬局　平塚店</t>
  </si>
  <si>
    <t>平塚市紅谷町3-10　セレストタワー湘南平塚103</t>
  </si>
  <si>
    <t>ココカラファイン薬局平塚駅北口パールロード店</t>
  </si>
  <si>
    <t>平塚市紅谷町4-23</t>
  </si>
  <si>
    <t>クリエイト薬局平塚駅西口店</t>
  </si>
  <si>
    <t>平塚市紅谷町7-35</t>
  </si>
  <si>
    <t>スズヤ薬局本店</t>
  </si>
  <si>
    <t>平塚市紅谷町9-1-102</t>
  </si>
  <si>
    <t>みやま薬局　本店</t>
  </si>
  <si>
    <t>平塚市黒部丘2ｰ52</t>
  </si>
  <si>
    <t>クリエイト薬局平塚根坂間店</t>
  </si>
  <si>
    <t>平塚市根坂間252</t>
  </si>
  <si>
    <t>いつも薬局</t>
  </si>
  <si>
    <t>平塚市札場町12-16</t>
  </si>
  <si>
    <t>望星旭薬局</t>
  </si>
  <si>
    <t>平塚市山下3-17-12</t>
  </si>
  <si>
    <t>平塚市山下3-17-30</t>
  </si>
  <si>
    <t>四之宮薬局</t>
  </si>
  <si>
    <t>平塚市四之宮1-3-49</t>
  </si>
  <si>
    <t>クオール薬局　平塚四之宮店</t>
  </si>
  <si>
    <t>平塚市四之宮2-21-22</t>
  </si>
  <si>
    <t>クリエイト薬局平塚四之宮店</t>
  </si>
  <si>
    <t>平塚市四之宮2-4-11</t>
  </si>
  <si>
    <t>キラリ薬局　四之宮店</t>
  </si>
  <si>
    <t>平塚市四之宮2-4-3</t>
  </si>
  <si>
    <t>コスモス調剤薬局　四之宮店</t>
  </si>
  <si>
    <t>平塚市四之宮2丁目23-32</t>
  </si>
  <si>
    <t>スギ薬局　在宅調剤センター平塚店</t>
  </si>
  <si>
    <t>平塚市四之宮3丁目2番47号　ヴィラ湘南1F</t>
  </si>
  <si>
    <t>しんわ薬局　平塚店</t>
  </si>
  <si>
    <t>平塚市四之宮5-20-3</t>
  </si>
  <si>
    <t>ウエルシア薬局平塚四之宮店</t>
  </si>
  <si>
    <t>平塚市四之宮5丁目25番38号</t>
  </si>
  <si>
    <t>クリエイト薬局　平塚寺田縄店</t>
  </si>
  <si>
    <t>平塚市寺田縄140-1</t>
  </si>
  <si>
    <t>株式会社ツインライフ　いでなわ薬局</t>
  </si>
  <si>
    <t>平塚市出縄92-3</t>
  </si>
  <si>
    <t>株式会社　ツインライフ　平塚薬局</t>
  </si>
  <si>
    <t>平塚市松風町11番11号</t>
  </si>
  <si>
    <t>おひさま薬局</t>
  </si>
  <si>
    <t>平塚市松風町23-3-2</t>
  </si>
  <si>
    <t>クリエイト薬局平塚桜ヶ丘店</t>
  </si>
  <si>
    <t>平塚市上平塚1-70</t>
  </si>
  <si>
    <t>ヤマグチ薬局　平塚真田店</t>
  </si>
  <si>
    <t>平塚市真田1-20-9　A&amp;Aビル1F</t>
  </si>
  <si>
    <t>グリーン薬局</t>
  </si>
  <si>
    <t>平塚市真田2-6-25</t>
  </si>
  <si>
    <t>ウエルシア薬局平塚真田店</t>
  </si>
  <si>
    <t>平塚市真田3-16-2</t>
  </si>
  <si>
    <t>なのはな薬局</t>
  </si>
  <si>
    <t>平塚市真田3-2-11</t>
  </si>
  <si>
    <t>シオン薬局　諏訪店</t>
  </si>
  <si>
    <t>平塚市諏訪町25-9</t>
  </si>
  <si>
    <t>みつばち薬局　平塚店</t>
  </si>
  <si>
    <t>平塚市西真土1-5-49</t>
  </si>
  <si>
    <t>サイトウ薬局</t>
  </si>
  <si>
    <t>平塚市西八幡2-10-35</t>
  </si>
  <si>
    <t>陽だまり松風調剤薬局</t>
  </si>
  <si>
    <t>平塚市袖ケ浜1-2</t>
  </si>
  <si>
    <t>くすのき薬局</t>
  </si>
  <si>
    <t>平塚市代官町20-2</t>
  </si>
  <si>
    <t>東銀座薬局　平塚支店</t>
  </si>
  <si>
    <t>平塚市代官町21-4</t>
  </si>
  <si>
    <t>セイムス平塚南口薬局</t>
  </si>
  <si>
    <t>平塚市代官町9-26　M・宮代会館1F</t>
  </si>
  <si>
    <t>平塚市大原3ｰ31</t>
  </si>
  <si>
    <t>クリエイト薬局平塚北店</t>
  </si>
  <si>
    <t>平塚市大神6-1-25</t>
  </si>
  <si>
    <t>クオール薬局　ジ・アウトレット湘南平塚店</t>
  </si>
  <si>
    <t>平塚市大神8-1-1　1213区画</t>
  </si>
  <si>
    <t>アイン薬局　平塚店</t>
  </si>
  <si>
    <t>平塚市達上ケ丘13-23</t>
  </si>
  <si>
    <t>アプリ薬局</t>
  </si>
  <si>
    <t>さくら調剤中原薬局</t>
  </si>
  <si>
    <t>クリエイトエス・ディー平塚中原店薬局</t>
  </si>
  <si>
    <t>平塚市中原2-4-36</t>
  </si>
  <si>
    <t>中原薬局</t>
  </si>
  <si>
    <t>平塚市中原2-4-45</t>
  </si>
  <si>
    <t>富士見薬局　中原店</t>
  </si>
  <si>
    <t>ウエルシア薬局平塚中原店</t>
  </si>
  <si>
    <t>平塚市中原3丁目1番22号</t>
  </si>
  <si>
    <t>なかざと薬局</t>
  </si>
  <si>
    <t>平塚市中里21番30号</t>
  </si>
  <si>
    <t>有限会社文隣堂あつみ薬局</t>
  </si>
  <si>
    <t>平塚市中里4ｰ3</t>
  </si>
  <si>
    <t>クリエイト薬局平塚長持店</t>
  </si>
  <si>
    <t>平塚市長持323-1</t>
  </si>
  <si>
    <t>東明薬局平塚店</t>
  </si>
  <si>
    <t>平塚市追分8-7</t>
  </si>
  <si>
    <t>ナカジマ薬局　ららぽーと湘南平塚店</t>
  </si>
  <si>
    <t>平塚市天沼10-1　ららぽーと湘南平塚12020</t>
  </si>
  <si>
    <t>クリエイト薬局平塚田村在宅センター店</t>
  </si>
  <si>
    <t>平塚市田村4-20-17</t>
  </si>
  <si>
    <t>湘南２０１薬局平塚店</t>
  </si>
  <si>
    <t>平塚市田村5-5-22</t>
  </si>
  <si>
    <t>平塚市土屋1283-1</t>
  </si>
  <si>
    <t>さくら薬局　平塚東真土店</t>
  </si>
  <si>
    <t>平塚市東真土4-19-6</t>
  </si>
  <si>
    <t>ドラッグセイムス平塚真土薬局</t>
  </si>
  <si>
    <t>平塚市東真土4-4-7</t>
  </si>
  <si>
    <t>キラリ薬局　真土店</t>
  </si>
  <si>
    <t>平塚市東真土4-9-28</t>
  </si>
  <si>
    <t>松が丘調剤薬局</t>
  </si>
  <si>
    <t>平塚市東中原1-19-17</t>
  </si>
  <si>
    <t>あおば薬局平塚八幡店</t>
  </si>
  <si>
    <t>平塚市東八幡2-9-27</t>
  </si>
  <si>
    <t>平塚中郡薬剤師会　保健センター薬局</t>
  </si>
  <si>
    <t>平塚市東豊田448ｰ3</t>
  </si>
  <si>
    <t>はごろも薬局</t>
  </si>
  <si>
    <t>平塚市桃浜町11-30</t>
  </si>
  <si>
    <t>さくら薬局　平塚徳延店</t>
  </si>
  <si>
    <t>平塚市徳延1丁目15番50号</t>
  </si>
  <si>
    <t>ひかり薬局　徳延店</t>
  </si>
  <si>
    <t>平塚市徳延226ｰ1</t>
  </si>
  <si>
    <t>かもめ薬局　平塚店</t>
  </si>
  <si>
    <t>平塚市徳延306-39</t>
  </si>
  <si>
    <t>コスモ薬局</t>
  </si>
  <si>
    <t>平塚市徳延358-1</t>
  </si>
  <si>
    <t>令和薬局</t>
  </si>
  <si>
    <t>かんの薬局</t>
  </si>
  <si>
    <t>平塚市南金目1060-9</t>
  </si>
  <si>
    <t>ウエルシア薬局平塚南金目店</t>
  </si>
  <si>
    <t>平塚市南金目931番地</t>
  </si>
  <si>
    <t>日本調剤　湘南平塚薬局</t>
  </si>
  <si>
    <t>平塚市南原１-20-10-2</t>
  </si>
  <si>
    <t>株式会社　平塚中郡薬剤師会支援センター薬局</t>
  </si>
  <si>
    <t>平塚市南原1-20-23</t>
  </si>
  <si>
    <t>新成堂薬局平塚南原店</t>
  </si>
  <si>
    <t>平塚市南原1-20-9</t>
  </si>
  <si>
    <t>くるみ薬局</t>
  </si>
  <si>
    <t>平塚市南原1-25-5</t>
  </si>
  <si>
    <t>らいおん薬局</t>
  </si>
  <si>
    <t>平塚市南原2-1-1</t>
  </si>
  <si>
    <t>有限会社　富士見薬局豊田店</t>
  </si>
  <si>
    <t>平塚市南豊田19-1</t>
  </si>
  <si>
    <t>はまゆう薬局　平塚店</t>
  </si>
  <si>
    <t>平塚市南豊田26-5</t>
  </si>
  <si>
    <t>ヒナタベル薬局</t>
  </si>
  <si>
    <t>平塚市日向岡1-7-12</t>
  </si>
  <si>
    <t>共創未来　犬坊ひまわり薬局</t>
  </si>
  <si>
    <t>平塚市入野139-1</t>
  </si>
  <si>
    <t>クリエイト薬局平塚入野店</t>
  </si>
  <si>
    <t>平塚市入野147-3</t>
  </si>
  <si>
    <t>すみれ薬局</t>
  </si>
  <si>
    <t>平塚市入野287-6</t>
  </si>
  <si>
    <t>株式会社　あかり薬局</t>
  </si>
  <si>
    <t>平塚市八重咲町13-1　サクセス湘南八重咲ビル102</t>
  </si>
  <si>
    <t>サカエ薬局</t>
  </si>
  <si>
    <t>平塚市八重咲町15-20</t>
  </si>
  <si>
    <t>コスモ薬局　平塚店</t>
  </si>
  <si>
    <t>平塚市八重咲町19-23　ココス八重咲1F　C-102</t>
  </si>
  <si>
    <t>キラリ薬局　八重咲店</t>
  </si>
  <si>
    <t>平塚市八重咲町2-5　ＮＹビル1F</t>
  </si>
  <si>
    <t>有限会社　つかさ薬局</t>
  </si>
  <si>
    <t>平塚市八重咲町25-8</t>
  </si>
  <si>
    <t>はら薬局　平塚店</t>
  </si>
  <si>
    <t>平塚市八重咲町3-32</t>
  </si>
  <si>
    <t>ウエルシア薬局平塚八重咲店</t>
  </si>
  <si>
    <t>平塚市八重咲町4-15</t>
  </si>
  <si>
    <t>しんわ薬局　八千代店</t>
  </si>
  <si>
    <t>平塚市八千代町14-15</t>
  </si>
  <si>
    <t>ひねもすのたり薬局　平塚共済病院前店</t>
  </si>
  <si>
    <t>平塚市富士見町10-23</t>
  </si>
  <si>
    <t>望星平塚薬局</t>
  </si>
  <si>
    <t>平塚市富士見町8-44</t>
  </si>
  <si>
    <t>株式会社アサヒファーマシー　追分薬局</t>
  </si>
  <si>
    <t>平塚市富士見町8-46</t>
  </si>
  <si>
    <t>みやま薬局　平塚２丁目店</t>
  </si>
  <si>
    <t>平塚市平塚2-12-13</t>
  </si>
  <si>
    <t>スギ薬局　平塚店</t>
  </si>
  <si>
    <t>平塚市平塚2丁目13番21号</t>
  </si>
  <si>
    <t>クリエイト薬局　平塚四丁目店</t>
  </si>
  <si>
    <t>平塚市平塚4-11-14</t>
  </si>
  <si>
    <t>有限会社　稲元薬局</t>
  </si>
  <si>
    <t>平塚市平塚4丁目2番3号</t>
  </si>
  <si>
    <t>アイリス薬局</t>
  </si>
  <si>
    <t>平塚市平塚5-22-32</t>
  </si>
  <si>
    <t>めぐみ薬局　平塚店</t>
  </si>
  <si>
    <t>平塚市平塚5-8-16</t>
  </si>
  <si>
    <t>たから薬局</t>
  </si>
  <si>
    <t>平塚市宝町10-11</t>
  </si>
  <si>
    <t>シオン薬局　ラスカ店</t>
  </si>
  <si>
    <t>平塚市宝町1-1　湘南ステーションビル（ラスカ）3F</t>
  </si>
  <si>
    <t>あけぼの薬局　ラスカ平塚店</t>
  </si>
  <si>
    <t>平塚市宝町1-1　湘南ステーションビル（ラスカ平塚）2F</t>
  </si>
  <si>
    <t>平塚駅前こまち薬局</t>
  </si>
  <si>
    <t>平塚市宝町1-1　神奈中宝町ビル5F</t>
  </si>
  <si>
    <t>湘南調剤薬局</t>
  </si>
  <si>
    <t>平塚市宝町12-18</t>
  </si>
  <si>
    <t>パレット薬局　平塚店</t>
  </si>
  <si>
    <t>平塚市宝町2-1　ホーメスト平塚共同ビル403</t>
  </si>
  <si>
    <t>有限会社昭和薬局</t>
  </si>
  <si>
    <t>平塚市宝町5ｰ22</t>
  </si>
  <si>
    <t>クリエイト薬局平塚豊原町店</t>
  </si>
  <si>
    <t>平塚市豊原町2-12</t>
  </si>
  <si>
    <t>サンドラッグ北金目薬局</t>
  </si>
  <si>
    <t>平塚市北金目1-6-1</t>
  </si>
  <si>
    <t>みずほ薬局</t>
  </si>
  <si>
    <t>平塚市北金目2-36-16</t>
  </si>
  <si>
    <t>しろねこ薬局</t>
  </si>
  <si>
    <t>平塚市万田1丁目20番21号</t>
  </si>
  <si>
    <t>平塚中央薬局</t>
  </si>
  <si>
    <t>平塚市明石町1-23　平塚明石ビル1F</t>
  </si>
  <si>
    <t>有限会社　一星堂薬局</t>
  </si>
  <si>
    <t>平塚市明石町14-8</t>
  </si>
  <si>
    <t>有限会社　岡本薬局</t>
  </si>
  <si>
    <t>平塚市明石町9-5</t>
  </si>
  <si>
    <t>サンドラッグ平塚夕陽ヶ丘薬局</t>
  </si>
  <si>
    <t>平塚市夕陽ケ丘62-1</t>
  </si>
  <si>
    <t>建幸薬局</t>
  </si>
  <si>
    <t>平塚市立野町10-5</t>
  </si>
  <si>
    <t>あおば薬局</t>
  </si>
  <si>
    <t>平塚市立野町17-35</t>
  </si>
  <si>
    <t>快心堂薬局</t>
  </si>
  <si>
    <t>平塚市立野町40番10号</t>
  </si>
  <si>
    <t>アプリ薬局　海岸店</t>
  </si>
  <si>
    <t>平塚市龍城ケ丘3-38</t>
  </si>
  <si>
    <t>ヤマグチ薬局　平塚北口店</t>
  </si>
  <si>
    <t>平塚市老松町5-3</t>
  </si>
  <si>
    <t>有限会社　ハマタケ薬局</t>
  </si>
  <si>
    <t>平塚市菫平19-24</t>
  </si>
  <si>
    <t>クオール薬局　稲村ヶ崎店</t>
  </si>
  <si>
    <t>鎌倉市稲村ガ崎3-3-30</t>
  </si>
  <si>
    <t>共創未来　鎌倉大船モール薬局</t>
  </si>
  <si>
    <t>鎌倉市岡本1188-1</t>
  </si>
  <si>
    <t>共創未来　湘南岡本薬局</t>
  </si>
  <si>
    <t>カノン薬局大船観音前店</t>
  </si>
  <si>
    <t>鎌倉市岡本2-1-10　明治地所ビル102</t>
  </si>
  <si>
    <t>カノン薬局</t>
  </si>
  <si>
    <t>鎌倉市岡本2-5-11　第二大観ビル104</t>
  </si>
  <si>
    <t>薬局大船</t>
  </si>
  <si>
    <t>鎌倉市岡本2丁目6番35号(1F)</t>
  </si>
  <si>
    <t>湘南薬品深沢薬局</t>
  </si>
  <si>
    <t>鎌倉市梶原1-5-12-101</t>
  </si>
  <si>
    <t>オアシス薬局　深沢店</t>
  </si>
  <si>
    <t>鎌倉市梶原1-6-10</t>
  </si>
  <si>
    <t>鎌倉のぞみ薬局</t>
  </si>
  <si>
    <t>鎌倉市梶原2-25-18</t>
  </si>
  <si>
    <t>クリエイト薬局　鎌倉梶原店</t>
  </si>
  <si>
    <t>鎌倉市梶原2-33-50</t>
  </si>
  <si>
    <t>マリン薬局　梶原店</t>
  </si>
  <si>
    <t>鎌倉市梶原3-12-5</t>
  </si>
  <si>
    <t>ウエルシア薬局鎌倉岩瀬店</t>
  </si>
  <si>
    <t>鎌倉市岩瀬540番2</t>
  </si>
  <si>
    <t>共創未来　玉縄薬局</t>
  </si>
  <si>
    <t>鎌倉市玉縄1-1-29</t>
  </si>
  <si>
    <t>クリエイト薬局鎌倉玉縄店</t>
  </si>
  <si>
    <t>鎌倉市玉縄1-16-1</t>
  </si>
  <si>
    <t>セキファーマシー</t>
  </si>
  <si>
    <t>鎌倉市玉縄1-5-1</t>
  </si>
  <si>
    <t>内外薬局</t>
  </si>
  <si>
    <t>鎌倉市御成町11-38</t>
  </si>
  <si>
    <t>ソニア調剤薬局</t>
  </si>
  <si>
    <t>鎌倉市御成町4-16</t>
  </si>
  <si>
    <t>鎌倉ファーマシー御成薬局</t>
  </si>
  <si>
    <t>鎌倉市御成町４-40</t>
  </si>
  <si>
    <t>陽だまり薬局　鎌倉店</t>
  </si>
  <si>
    <t>鎌倉市御成町8-41</t>
  </si>
  <si>
    <t>しんわ薬局　西鎌倉店</t>
  </si>
  <si>
    <t>鎌倉市腰越1016-3</t>
  </si>
  <si>
    <t>湘南薬品西カマクラ薬局</t>
  </si>
  <si>
    <t>鎌倉市腰越1179</t>
  </si>
  <si>
    <t>すばる中央薬局腰越店</t>
  </si>
  <si>
    <t>鎌倉市腰越4丁目8番1号</t>
  </si>
  <si>
    <t>鎌倉市今泉台4丁目20番3号</t>
  </si>
  <si>
    <t>材木座ファーマシー</t>
  </si>
  <si>
    <t>鎌倉市材木座1-6-36</t>
  </si>
  <si>
    <t>シーガル調剤薬局</t>
  </si>
  <si>
    <t>鎌倉市材木座1-7-25</t>
  </si>
  <si>
    <t>クリエイト薬局鎌倉材木座店</t>
  </si>
  <si>
    <t>鎌倉市材木座5-7-6</t>
  </si>
  <si>
    <t>北鎌倉薬局</t>
  </si>
  <si>
    <t>鎌倉市山ノ内1337-5</t>
  </si>
  <si>
    <t>すずらん薬局</t>
  </si>
  <si>
    <t>鎌倉市山ノ内768-4</t>
  </si>
  <si>
    <t>共創未来　鎌倉山崎薬局</t>
  </si>
  <si>
    <t>鎌倉市山崎1195-1</t>
  </si>
  <si>
    <t>クリエイト薬局鎌倉山崎店</t>
  </si>
  <si>
    <t>鎌倉市山崎37-4</t>
  </si>
  <si>
    <t>さくら薬局　七里ガ浜店</t>
  </si>
  <si>
    <t>鎌倉市七里ガ浜2-20-18</t>
  </si>
  <si>
    <t>マンボウ薬局　七里ガ浜店</t>
  </si>
  <si>
    <t>鎌倉市七里ガ浜東3-1-10</t>
  </si>
  <si>
    <t>クリエイト薬局　新鎌倉手広店</t>
  </si>
  <si>
    <t>鎌倉市手広1-5-27</t>
  </si>
  <si>
    <t>クリエイト薬局鎌倉西手広店</t>
  </si>
  <si>
    <t>鎌倉市手広3-13-35</t>
  </si>
  <si>
    <t>アイビス薬局　手広店</t>
  </si>
  <si>
    <t>鎌倉市手広3-14-8</t>
  </si>
  <si>
    <t>十二所薬局</t>
  </si>
  <si>
    <t>鎌倉市十二所6-1　泉水橋クリニックビル1Ｆ</t>
  </si>
  <si>
    <t>佐野薬局　大船店</t>
  </si>
  <si>
    <t>鎌倉市小袋谷1-1-1</t>
  </si>
  <si>
    <t>コスモ薬局北鎌倉店</t>
  </si>
  <si>
    <t>鎌倉市小袋谷2-23-2</t>
  </si>
  <si>
    <t>つばさ薬局</t>
  </si>
  <si>
    <t>鎌倉市小袋谷2-2-37</t>
  </si>
  <si>
    <t>湘南カマクラ薬局</t>
  </si>
  <si>
    <t>鎌倉市小町1-3-7</t>
  </si>
  <si>
    <t>ハックドラッグ鎌倉薬局</t>
  </si>
  <si>
    <t>鎌倉市小町1-5-21　1F</t>
  </si>
  <si>
    <t>ハックドラッグ鎌倉調剤薬局</t>
  </si>
  <si>
    <t>鎌倉市小町1-5-21 2F</t>
  </si>
  <si>
    <t>鎌倉ダルマ薬局</t>
  </si>
  <si>
    <t>鎌倉市小町1-6-3</t>
  </si>
  <si>
    <t>共創未来　鎌倉小町薬局</t>
  </si>
  <si>
    <t>鎌倉市小町1-6-5　小町第2ビル</t>
  </si>
  <si>
    <t>スギ薬局　鎌倉駅前店</t>
  </si>
  <si>
    <t>鎌倉市小町1丁目4番31号</t>
  </si>
  <si>
    <t>鎌倉若竹薬局</t>
  </si>
  <si>
    <t>鎌倉市小町2-13-5</t>
  </si>
  <si>
    <t>鎌倉調剤薬局</t>
  </si>
  <si>
    <t>鎌倉市小町2丁目14番9号</t>
  </si>
  <si>
    <t>つばきファーマシー</t>
  </si>
  <si>
    <t>サンドラッグ鎌倉常盤薬局</t>
  </si>
  <si>
    <t>鎌倉市常盤276-1</t>
  </si>
  <si>
    <t>鎌倉市常盤52-1</t>
  </si>
  <si>
    <t>有限会社　清光堂薬局</t>
  </si>
  <si>
    <t>鎌倉市常盤638</t>
  </si>
  <si>
    <t>チバ薬局</t>
  </si>
  <si>
    <t>鎌倉市浄明寺3-7-43</t>
  </si>
  <si>
    <t>ピイ・エフ・ラボ陣屋坂薬局</t>
  </si>
  <si>
    <t>鎌倉市植木356-2　ハイツB102</t>
  </si>
  <si>
    <t>なの花薬局湘南鎌倉店</t>
  </si>
  <si>
    <t>鎌倉市植木683</t>
  </si>
  <si>
    <t>薬局湘南薬品ラポール西鎌倉</t>
  </si>
  <si>
    <t>鎌倉市西鎌倉1-19-13</t>
  </si>
  <si>
    <t>さくら薬局　西鎌倉駅前店</t>
  </si>
  <si>
    <t>鎌倉市西鎌倉1-19-17</t>
  </si>
  <si>
    <t>おだいじに薬局　鎌倉店</t>
  </si>
  <si>
    <t>鎌倉市雪ノ下1-16-27　1F</t>
  </si>
  <si>
    <t>オレンジ薬局　鎌倉店</t>
  </si>
  <si>
    <t>鎌倉市扇ガ谷1-8-9　鎌工会館ビル108号</t>
  </si>
  <si>
    <t>大船漢方堂薬局</t>
  </si>
  <si>
    <t>鎌倉市台1丁目3番10号</t>
  </si>
  <si>
    <t>田辺薬局　富士見町店</t>
  </si>
  <si>
    <t>鎌倉市台2丁目20番16号</t>
  </si>
  <si>
    <t>クララ調剤薬局</t>
  </si>
  <si>
    <t>鎌倉市台5-2-31</t>
  </si>
  <si>
    <t>共創未来　田園薬局</t>
  </si>
  <si>
    <t>鎌倉市大船1-10-16</t>
  </si>
  <si>
    <t>共創未来　仲通薬局</t>
  </si>
  <si>
    <t>鎌倉市大船1-12-11</t>
  </si>
  <si>
    <t>みらい薬局　大船駅前店</t>
  </si>
  <si>
    <t>鎌倉市大船1-12-20　1F</t>
  </si>
  <si>
    <t>みらい薬局　大船店</t>
  </si>
  <si>
    <t>鎌倉市大船1-13-8</t>
  </si>
  <si>
    <t>共創未来　大船薬局</t>
  </si>
  <si>
    <t>鎌倉市大船1-14-19</t>
  </si>
  <si>
    <t>日本調剤　大船薬局</t>
  </si>
  <si>
    <t>鎌倉市大船1-22-28　パブロコート1Ｆ</t>
  </si>
  <si>
    <t>アリス薬局</t>
  </si>
  <si>
    <t>鎌倉市大船1-23-29</t>
  </si>
  <si>
    <t>すがファーマシー</t>
  </si>
  <si>
    <t>鎌倉市大船1-23-31</t>
  </si>
  <si>
    <t>共創未来　大船一丁目薬局</t>
  </si>
  <si>
    <t>鎌倉市大船1-26-27</t>
  </si>
  <si>
    <t>共創未来　大船笠間口薬局</t>
  </si>
  <si>
    <t>鎌倉市大船1-27-28　STKビル101</t>
  </si>
  <si>
    <t>アイン薬局 鎌倉大船店</t>
  </si>
  <si>
    <t>鎌倉市大船1丁目22-26 大船ミクリエ3F</t>
  </si>
  <si>
    <t>アリス薬局弐番館</t>
  </si>
  <si>
    <t>鎌倉市大船2-16-2　湘南ファーストビル1F</t>
  </si>
  <si>
    <t>鎌倉調剤センター薬局</t>
  </si>
  <si>
    <t>鎌倉市大船2-17-8　中島ビル1F</t>
  </si>
  <si>
    <t>よりどころ薬局　大船店</t>
  </si>
  <si>
    <t>鎌倉市大船2-19-28　RELAIR OFUNA102号室</t>
  </si>
  <si>
    <t>クオール薬局　大船2号店</t>
  </si>
  <si>
    <t>鎌倉市大船2-24-25</t>
  </si>
  <si>
    <t>日本調剤　新大船薬局</t>
  </si>
  <si>
    <t>鎌倉市大船2-24-27</t>
  </si>
  <si>
    <t>アプリ薬局大船店</t>
  </si>
  <si>
    <t>鎌倉市大船2-26-22</t>
  </si>
  <si>
    <t>薬樹薬局　北山</t>
  </si>
  <si>
    <t>鎌倉市大船2丁目17番23号　増田ビル1F</t>
  </si>
  <si>
    <t>株式会社　岩瀬薬局</t>
  </si>
  <si>
    <t>鎌倉市大船2丁目26-12番地</t>
  </si>
  <si>
    <t>クリエイト薬局鎌倉大船店</t>
  </si>
  <si>
    <t>鎌倉市大船4-17-18</t>
  </si>
  <si>
    <t>すばる中央薬局大船店</t>
  </si>
  <si>
    <t>鎌倉市大船4丁目18番6号　宮地ビル1A</t>
  </si>
  <si>
    <t>うさぎ薬局　大船店</t>
  </si>
  <si>
    <t>鎌倉市大船6-1-1　松竹ショッピングセンター2F</t>
  </si>
  <si>
    <t>クオール薬局　大船1号店</t>
  </si>
  <si>
    <t>鎌倉市大船6-2-3　エクセラ湘南102</t>
  </si>
  <si>
    <t>すばる中央薬局大町店</t>
  </si>
  <si>
    <t>鎌倉市大町4丁目3番22号</t>
  </si>
  <si>
    <t>あい健薬局</t>
  </si>
  <si>
    <t>鎌倉市長谷1-15-5</t>
  </si>
  <si>
    <t>有限会社　吉野十全堂薬局</t>
  </si>
  <si>
    <t>鎌倉市長谷1-2-4</t>
  </si>
  <si>
    <t>有限会社　早川薬局</t>
  </si>
  <si>
    <t>鎌倉市長谷2-15-20</t>
  </si>
  <si>
    <t>すみれ中央薬局鎌倉店</t>
  </si>
  <si>
    <t>鎌倉市笛田2丁目1番40号</t>
  </si>
  <si>
    <t>タカノ薬局　鎌倉店</t>
  </si>
  <si>
    <t>鎌倉市笛田4-25-2　アスクレピオンA</t>
  </si>
  <si>
    <t>共創未来　由比ヶ浜薬局</t>
  </si>
  <si>
    <t>鎌倉市由比ガ浜2-6-20　第二田中ビル1F 101</t>
  </si>
  <si>
    <t>テル薬局</t>
  </si>
  <si>
    <t>鎌倉市由比ガ浜3-11-41</t>
  </si>
  <si>
    <t>さくら薬局　和田塚駅前店</t>
  </si>
  <si>
    <t>鎌倉市由比ガ浜3-1-9</t>
  </si>
  <si>
    <t>クリエイト薬局藤沢羽鳥店</t>
  </si>
  <si>
    <t>藤沢市羽鳥1-2-45　TERRACE　WELLNESS　1F</t>
  </si>
  <si>
    <t>シーサイド薬局　ＨＡＴＯＲＩ店</t>
  </si>
  <si>
    <t>藤沢市羽鳥1-3-12</t>
  </si>
  <si>
    <t>湘南辻堂薬局</t>
  </si>
  <si>
    <t>藤沢市羽鳥1-3-41</t>
  </si>
  <si>
    <t>藤沢市羽鳥1-6-18</t>
  </si>
  <si>
    <t>ハックドラッグ辻堂羽鳥薬局</t>
  </si>
  <si>
    <t>藤沢市羽鳥3-1-38</t>
  </si>
  <si>
    <t>ユマニテ薬局</t>
  </si>
  <si>
    <t>藤沢市羽鳥3-1-8</t>
  </si>
  <si>
    <t>田中薬局　桜新道店</t>
  </si>
  <si>
    <t>湘南台ひかり薬局</t>
  </si>
  <si>
    <t>藤沢市円行1-12-10</t>
  </si>
  <si>
    <t>クリエイト薬局藤沢遠藤店</t>
  </si>
  <si>
    <t>藤沢市遠藤2009-11</t>
  </si>
  <si>
    <t>阪神調剤薬局　湘南藤沢店</t>
  </si>
  <si>
    <t>藤沢市遠藤4360</t>
  </si>
  <si>
    <t>南太平薬局</t>
  </si>
  <si>
    <t>藤沢市遠藤641-12</t>
  </si>
  <si>
    <t>サンドラッグ湘南とうきゅう薬局</t>
  </si>
  <si>
    <t>藤沢市遠藤698番地10</t>
  </si>
  <si>
    <t>ハックドラッグ藤沢遠藤薬局</t>
  </si>
  <si>
    <t>藤沢市遠藤789-4</t>
  </si>
  <si>
    <t>有限会社イツワファーマシー</t>
  </si>
  <si>
    <t>藤沢市遠藤862-16</t>
  </si>
  <si>
    <t>ドラッグセイムス藤沢下土棚薬局</t>
  </si>
  <si>
    <t>藤沢市下土棚261-1</t>
  </si>
  <si>
    <t>薬局花めぐり　藤沢下土棚店</t>
  </si>
  <si>
    <t>藤沢市下土棚447-2</t>
  </si>
  <si>
    <t>リーフ薬局</t>
  </si>
  <si>
    <t>藤沢市下土棚467-10　S・M・Cメディカルビル1F</t>
  </si>
  <si>
    <t>セイムス　長後駅前薬局</t>
  </si>
  <si>
    <t>藤沢市下土棚467-9　山口ビル1F</t>
  </si>
  <si>
    <t>和光薬局</t>
  </si>
  <si>
    <t>藤沢市下土棚468</t>
  </si>
  <si>
    <t>ヤマグチ薬局　長後店</t>
  </si>
  <si>
    <t>藤沢市下土棚478番地19</t>
  </si>
  <si>
    <t>長後西口薬局</t>
  </si>
  <si>
    <t>藤沢市下土棚513-9</t>
  </si>
  <si>
    <t>薬泉堂薬局</t>
  </si>
  <si>
    <t>藤沢市下土棚545-8</t>
  </si>
  <si>
    <t>桜花堂薬局</t>
  </si>
  <si>
    <t>藤沢市亀井野1-10-4</t>
  </si>
  <si>
    <t>クリエイト薬局　藤沢六会店</t>
  </si>
  <si>
    <t>藤沢市亀井野1-3-12　1F</t>
  </si>
  <si>
    <t>有限会社　ベル薬局</t>
  </si>
  <si>
    <t>藤沢市亀井野1771</t>
  </si>
  <si>
    <t>ウエルシア薬局六会日大前駅東口店</t>
  </si>
  <si>
    <t>藤沢市亀井野1-9-11</t>
  </si>
  <si>
    <t>調剤薬局ツルハドラッグ六会駅前店</t>
  </si>
  <si>
    <t>藤沢市亀井野2-2-3　ポロニア1F</t>
  </si>
  <si>
    <t>亀井野薬局</t>
  </si>
  <si>
    <t>藤沢市亀井野2-3-3</t>
  </si>
  <si>
    <t>株式会社ヤマグチ薬局六会店</t>
  </si>
  <si>
    <t>藤沢市亀井野2丁目2番地1</t>
  </si>
  <si>
    <t>アイン薬局　六会日大前店</t>
  </si>
  <si>
    <t>すばる中央薬局藤沢店</t>
  </si>
  <si>
    <t>藤沢市宮前425番地の7</t>
  </si>
  <si>
    <t>セイムス長後2号薬局</t>
  </si>
  <si>
    <t>藤沢市高倉2308-1</t>
  </si>
  <si>
    <t>わだ薬局</t>
  </si>
  <si>
    <t>藤沢市高倉641-6</t>
  </si>
  <si>
    <t>有限会社　相模屋鈴木薬局</t>
  </si>
  <si>
    <t>藤沢市高倉651</t>
  </si>
  <si>
    <t>共創未来　藤沢駅前薬局</t>
  </si>
  <si>
    <t>藤沢市鵠沼花沢町1-15</t>
  </si>
  <si>
    <t>有限会社　保土ケ谷中央薬局支店八木薬局</t>
  </si>
  <si>
    <t>藤沢市鵠沼花沢町13-6</t>
  </si>
  <si>
    <t>鵠沼薬局</t>
  </si>
  <si>
    <t>藤沢市鵠沼海岸2-3-10</t>
  </si>
  <si>
    <t>クリエイト薬局小田急鵠沼海岸駅前店</t>
  </si>
  <si>
    <t>藤沢市鵠沼海岸2-3-13　1F</t>
  </si>
  <si>
    <t>そうごう薬局　鵠沼店</t>
  </si>
  <si>
    <t>藤沢市鵠沼海岸2-5-3</t>
  </si>
  <si>
    <t>鵠沼海岸薬局</t>
  </si>
  <si>
    <t>藤沢市鵠沼海岸3丁目5番7号</t>
  </si>
  <si>
    <t>クリエイト薬局藤沢鵠沼海岸店</t>
  </si>
  <si>
    <t>藤沢市鵠沼海岸5-2-19</t>
  </si>
  <si>
    <t>橘マリン薬局</t>
  </si>
  <si>
    <t>藤沢市鵠沼橘1-1-4　砂川ビル2Ｆ</t>
  </si>
  <si>
    <t>湘南薬品センター薬局</t>
  </si>
  <si>
    <t>藤沢市鵠沼橘1丁目17番16号</t>
  </si>
  <si>
    <t>あゆみ薬局　藤沢店</t>
  </si>
  <si>
    <t>藤沢市鵠沼橘1丁目1番7号1F</t>
  </si>
  <si>
    <t>あおぞら薬局鵠沼桜が岡店</t>
  </si>
  <si>
    <t>藤沢市鵠沼桜が岡1丁目8-13-2</t>
  </si>
  <si>
    <t>三栄薬局</t>
  </si>
  <si>
    <t>藤沢市鵠沼桜が岡4-12-6</t>
  </si>
  <si>
    <t>藤沢市鵠沼桜が岡4丁目14番9号</t>
  </si>
  <si>
    <t>鵠南薬局</t>
  </si>
  <si>
    <t>藤沢市鵠沼松が岡4-16-18</t>
  </si>
  <si>
    <t>鵠沼エルム薬局</t>
  </si>
  <si>
    <t>藤沢市鵠沼松が岡5-13-15</t>
  </si>
  <si>
    <t>湘南かもめ薬局</t>
  </si>
  <si>
    <t>藤沢市鵠沼神明5ｰ13ｰ19</t>
  </si>
  <si>
    <t>株式会社　大島薬局イトーヨーカドー店</t>
  </si>
  <si>
    <t>藤沢市鵠沼石上1-10-1 ㈱ｲﾄｰﾖｰｶﾄﾞｰｼｮｯﾋﾟﾝｸﾞｽｸｳｪｱ内</t>
  </si>
  <si>
    <t>湘南薬品ファミリー通り薬局</t>
  </si>
  <si>
    <t>藤沢市鵠沼石上1丁目2番4号</t>
  </si>
  <si>
    <t>あやみ薬局</t>
  </si>
  <si>
    <t>藤沢市鵠沼石上3-3-3</t>
  </si>
  <si>
    <t>こじか薬局鵠沼東店</t>
  </si>
  <si>
    <t>藤沢市鵠沼東1-1　玉半ビル1F</t>
  </si>
  <si>
    <t>あけぼの薬局　藤沢店</t>
  </si>
  <si>
    <t>どんぐり薬局</t>
  </si>
  <si>
    <t>藤沢市鵠沼藤が谷2-2-11</t>
  </si>
  <si>
    <t>株式会社　大島薬局　湘南台店</t>
  </si>
  <si>
    <t>藤沢市湘南台1-10-1 相鉄ローゼン内</t>
  </si>
  <si>
    <t>湘南台東口薬局</t>
  </si>
  <si>
    <t>藤沢市湘南台1-1-6　湘南台ビル1F</t>
  </si>
  <si>
    <t>あい薬局　湘南台店</t>
  </si>
  <si>
    <t>藤沢市湘南台1-19-2</t>
  </si>
  <si>
    <t>湘南台メグ薬局</t>
  </si>
  <si>
    <t>藤沢市湘南台1-23-16</t>
  </si>
  <si>
    <t>アイセイ薬局　湘南台店</t>
  </si>
  <si>
    <t>藤沢市湘南台1-4-2</t>
  </si>
  <si>
    <t>駅前東口調剤薬局</t>
  </si>
  <si>
    <t>藤沢市湘南台1-4-3　サンシャイン湘南台3F</t>
  </si>
  <si>
    <t>スギ薬局　湘南台店</t>
  </si>
  <si>
    <t>藤沢市湘南台1丁目12番地2　湘南台ニューライフ1F</t>
  </si>
  <si>
    <t>マリオン薬局</t>
  </si>
  <si>
    <t>藤沢市湘南台1丁目7番地8</t>
  </si>
  <si>
    <t>ナガイシ薬局</t>
  </si>
  <si>
    <t>藤沢市湘南台2-1-1　53田中ビル107号</t>
  </si>
  <si>
    <t>ドラッグセイムス湘南台西口薬局</t>
  </si>
  <si>
    <t>藤沢市湘南台2-13-4</t>
  </si>
  <si>
    <t>薬局マツモトキヨシ　湘南台東口店</t>
  </si>
  <si>
    <t>藤沢市湘南台2-15</t>
  </si>
  <si>
    <t>うつみ薬局</t>
  </si>
  <si>
    <t>藤沢市湘南台2-16-11</t>
  </si>
  <si>
    <t>有限会社　ヤシマファーマシー</t>
  </si>
  <si>
    <t>藤沢市湘南台2-18-11</t>
  </si>
  <si>
    <t>すばる中央薬局湘南台店</t>
  </si>
  <si>
    <t>藤沢市湘南台2-26-17　須賀ビル1階</t>
  </si>
  <si>
    <t>あけぼの薬局　湘南台店</t>
  </si>
  <si>
    <t>藤沢市湘南台2-3-1　アルテミス湘南1F</t>
  </si>
  <si>
    <t>すずめ薬局</t>
  </si>
  <si>
    <t>藤沢市湘南台2-31-15</t>
  </si>
  <si>
    <t>湘南台薬局</t>
  </si>
  <si>
    <t>藤沢市湘南台2-4-6　ノワビルⅡ１階</t>
  </si>
  <si>
    <t>おまもり薬局</t>
  </si>
  <si>
    <t>藤沢市湘南台２－５－４ハークビル１Ｆ</t>
  </si>
  <si>
    <t>みずたま薬局</t>
  </si>
  <si>
    <t>藤沢市湘南台2-7-10　金子ビル102</t>
  </si>
  <si>
    <t>藤沢市湘南台2-8-30DONIE湘南1F</t>
  </si>
  <si>
    <t>田辺薬局　湘南台西店</t>
  </si>
  <si>
    <t>藤沢市湘南台2丁目28番地11</t>
  </si>
  <si>
    <t>湘南薬品湘南台ウエストプラザ薬局</t>
  </si>
  <si>
    <t>藤沢市湘南台2丁目6番地10　ウエストプラザ7thビル</t>
  </si>
  <si>
    <t>湘南カトレア薬局</t>
  </si>
  <si>
    <t>藤沢市湘南台3-15-16</t>
  </si>
  <si>
    <t>共創未来　湘南台薬局</t>
  </si>
  <si>
    <t>藤沢市湘南台3-7-12　湘南台ビル101</t>
  </si>
  <si>
    <t>かもめ薬局　湘南台店</t>
  </si>
  <si>
    <t>藤沢市湘南台4-5-1</t>
  </si>
  <si>
    <t>ドラッグセイムス湘南台薬局</t>
  </si>
  <si>
    <t>藤沢市湘南台4-7-14</t>
  </si>
  <si>
    <t>髙倉薬局</t>
  </si>
  <si>
    <t>藤沢市湘南台5-32-23</t>
  </si>
  <si>
    <t>藤沢市湘南台7-1339-5</t>
  </si>
  <si>
    <t>藤薬局</t>
  </si>
  <si>
    <t>ライフ薬局</t>
  </si>
  <si>
    <t>藤沢市菖浦沢611-3</t>
  </si>
  <si>
    <t>調剤薬局ツルハドラッグ藤沢菖蒲沢店</t>
  </si>
  <si>
    <t>藤沢市菖蒲沢792-1</t>
  </si>
  <si>
    <t>イイジマ薬局</t>
  </si>
  <si>
    <t>藤沢市西富1丁目3-21</t>
  </si>
  <si>
    <t>東城薬局　藤沢店</t>
  </si>
  <si>
    <t>藤沢市西俣野2702-4</t>
  </si>
  <si>
    <t>湘南２０１薬局</t>
  </si>
  <si>
    <t>藤沢市石川1-1-20</t>
  </si>
  <si>
    <t>サンドラッグ石川薬局</t>
  </si>
  <si>
    <t>藤沢市石川2丁目4番地9</t>
  </si>
  <si>
    <t>クリエイト薬局藤沢石川店</t>
  </si>
  <si>
    <t>藤沢市石川5-9-26</t>
  </si>
  <si>
    <t>中村薬局　石川店</t>
  </si>
  <si>
    <t>藤沢市石川6-21-13</t>
  </si>
  <si>
    <t>ウエルシア薬局藤沢石川店</t>
  </si>
  <si>
    <t>藤沢市石川6丁目21番地の3</t>
  </si>
  <si>
    <t>クリエイト薬局　藤沢善行店</t>
  </si>
  <si>
    <t>藤沢市善行1-14-1</t>
  </si>
  <si>
    <t>あずみ薬局　善行店</t>
  </si>
  <si>
    <t>藤沢市善行1-15-9　パサージュ善行Ⅱ　1F</t>
  </si>
  <si>
    <t>伸和株式会社　あずみ薬局　善行店</t>
  </si>
  <si>
    <t>藤沢市善行1-15-9　パサージュ善行Ⅱ1F</t>
  </si>
  <si>
    <t>阿部薬局　善行店</t>
  </si>
  <si>
    <t>藤沢市善行1-24-9</t>
  </si>
  <si>
    <t>調剤薬局ツルハドラッグ　善行駅前店</t>
  </si>
  <si>
    <t>藤沢市善行1-25-1　ロイヤル2ビル1F</t>
  </si>
  <si>
    <t>有限会社　牧野薬局</t>
  </si>
  <si>
    <t>藤沢市善行1-25-4</t>
  </si>
  <si>
    <t>善行中央薬局</t>
  </si>
  <si>
    <t>藤沢市善行1丁目25番地13　ＭＫ湘南101</t>
  </si>
  <si>
    <t>有限会社　善行調剤薬局</t>
  </si>
  <si>
    <t>藤沢市善行2-1-6</t>
  </si>
  <si>
    <t>善行おおぞら薬局</t>
  </si>
  <si>
    <t>藤沢市善行2-18-2</t>
  </si>
  <si>
    <t>ウエルシア薬局藤沢善行店</t>
  </si>
  <si>
    <t>藤沢市善行3-13-3</t>
  </si>
  <si>
    <t>善行ファーマシー</t>
  </si>
  <si>
    <t>藤沢市善行6-16-23</t>
  </si>
  <si>
    <t>永代薬局</t>
  </si>
  <si>
    <t>藤沢市善行団地3-14-1</t>
  </si>
  <si>
    <t>クリエイト薬局藤沢村岡東店</t>
  </si>
  <si>
    <t>藤沢市村岡東1-2-1</t>
  </si>
  <si>
    <t>アドバン薬局</t>
  </si>
  <si>
    <t>藤沢市大鋸1-2-18　NKビル1F</t>
  </si>
  <si>
    <t>あさひ薬局</t>
  </si>
  <si>
    <t>藤沢市大鋸1丁目15-23</t>
  </si>
  <si>
    <t>大庭ファーマシー</t>
  </si>
  <si>
    <t>藤沢市大庭5061-19</t>
  </si>
  <si>
    <t>ライフタウン調剤薬局</t>
  </si>
  <si>
    <t>藤沢市大庭5061-7</t>
  </si>
  <si>
    <t>りふる薬局</t>
  </si>
  <si>
    <t>藤沢市大庭5221-9</t>
  </si>
  <si>
    <t>よつば薬局</t>
  </si>
  <si>
    <t>藤沢市大庭5348-16　高橋ビル1F</t>
  </si>
  <si>
    <t>ハックドラッグ湘南ライフタウン薬局</t>
  </si>
  <si>
    <t>藤沢市大庭5526番地21</t>
  </si>
  <si>
    <t>セレン薬局</t>
  </si>
  <si>
    <t>藤沢市大庭5526番地25</t>
  </si>
  <si>
    <t>藤沢市こまよせ薬局</t>
  </si>
  <si>
    <t>さくら薬局　藤沢大庭店</t>
  </si>
  <si>
    <t>藤沢市大庭5681番地10</t>
  </si>
  <si>
    <t>さくら薬局　藤沢ライフビル店</t>
  </si>
  <si>
    <t>藤沢市大庭5682番地9</t>
  </si>
  <si>
    <t>ユニオン調剤薬局　朝日町店</t>
  </si>
  <si>
    <t>藤沢市朝日町15-2</t>
  </si>
  <si>
    <t>長後くじら薬局</t>
  </si>
  <si>
    <t>あおば薬局長後店</t>
  </si>
  <si>
    <t>日本調剤　長後薬局</t>
  </si>
  <si>
    <t>藤沢市長後706 　ゴールドエイジ藤沢108</t>
  </si>
  <si>
    <t>山村勉強堂薬局</t>
  </si>
  <si>
    <t>藤沢市長後727</t>
  </si>
  <si>
    <t>ハート薬局長後店</t>
  </si>
  <si>
    <t>藤沢市長後752</t>
  </si>
  <si>
    <t>薬局マツモトキヨシ　藤沢長後店</t>
  </si>
  <si>
    <t>藤沢市長後753</t>
  </si>
  <si>
    <t>ちょうご薬局</t>
  </si>
  <si>
    <t>藤沢市長後753番地1</t>
  </si>
  <si>
    <t>ドラッグセイムス長後薬局</t>
  </si>
  <si>
    <t>藤沢市長後789番地</t>
  </si>
  <si>
    <t>湘南和光薬局</t>
  </si>
  <si>
    <t>藤沢市長後918-1</t>
  </si>
  <si>
    <t>カマヤ薬局</t>
  </si>
  <si>
    <t>藤沢市辻堂1-2-2　リストレジデンス辻堂タワーA-1</t>
  </si>
  <si>
    <t>いわおか薬局</t>
  </si>
  <si>
    <t>藤沢市辻堂1-9-7</t>
  </si>
  <si>
    <t>光和調剤薬局</t>
  </si>
  <si>
    <t>藤沢市辻堂1丁目10-22</t>
  </si>
  <si>
    <t>薬局トモズ辻堂南口店</t>
  </si>
  <si>
    <t>藤沢市辻堂1丁目2番24号</t>
  </si>
  <si>
    <t>湘南あおば薬局</t>
  </si>
  <si>
    <t>藤沢市辻堂2-2-12</t>
  </si>
  <si>
    <t>なの花薬局辻堂店</t>
  </si>
  <si>
    <t>藤沢市辻堂2-2-14　ステラ湘南2F</t>
  </si>
  <si>
    <t>日本調剤　辻堂薬局</t>
  </si>
  <si>
    <t>藤沢市辻堂2-9-3</t>
  </si>
  <si>
    <t>あいら薬局辻堂</t>
  </si>
  <si>
    <t>藤沢市辻堂2丁目12番25号</t>
  </si>
  <si>
    <t>スギ薬局　辻堂駅南口店</t>
  </si>
  <si>
    <t>藤沢市辻堂2丁目7番1号　湘南パールビル1階</t>
  </si>
  <si>
    <t>セイムス辻堂薬局</t>
  </si>
  <si>
    <t>藤沢市辻堂3-13-32</t>
  </si>
  <si>
    <t>イルカ薬局</t>
  </si>
  <si>
    <t>藤沢市辻堂4-6-14　湘南桜井ビルⅢ105</t>
  </si>
  <si>
    <t>メリア薬局辻堂店</t>
  </si>
  <si>
    <t>藤沢市辻堂5丁目20番16号</t>
  </si>
  <si>
    <t>辻堂元町ほほえみ薬局</t>
  </si>
  <si>
    <t>藤沢市辻堂元町1-2-8</t>
  </si>
  <si>
    <t>田辺薬局　辻堂元町店</t>
  </si>
  <si>
    <t>藤沢市辻堂元町4丁目7番21号</t>
  </si>
  <si>
    <t>湘南あおぞら薬局　辻堂店</t>
  </si>
  <si>
    <t>藤沢市辻堂元町5-13-25</t>
  </si>
  <si>
    <t>サンドラッグ辻堂元町薬局</t>
  </si>
  <si>
    <t>藤沢市辻堂元町5丁目13番19号</t>
  </si>
  <si>
    <t>アイン薬局　FujisawaSST店</t>
  </si>
  <si>
    <t>藤沢市辻堂元町6丁目17番1号　Wellness　SQUARE 南館1F</t>
  </si>
  <si>
    <t>ぽの薬局</t>
  </si>
  <si>
    <t>藤沢市辻堂新町1-2-23</t>
  </si>
  <si>
    <t>辻堂うみそら薬局</t>
  </si>
  <si>
    <t>藤沢市辻堂新町1-4-32</t>
  </si>
  <si>
    <t>シーサイド薬局　新町店</t>
  </si>
  <si>
    <t>有限会社　はとり薬局</t>
  </si>
  <si>
    <t>藤沢市辻堂新町2-14-7</t>
  </si>
  <si>
    <t>薬局トモズミスターマックス藤沢店</t>
  </si>
  <si>
    <t>藤沢市辻堂新町四丁目3番5号</t>
  </si>
  <si>
    <t>薬局トモズテラスモール湘南店</t>
  </si>
  <si>
    <t>藤沢市辻堂神台1-3-1　テラスモール湘南1F</t>
  </si>
  <si>
    <t>アイセイハート薬局　Luz湘南辻堂店</t>
  </si>
  <si>
    <t>藤沢市辻堂神台1丁目2－12Ｌｕｚ湘南辻堂５F</t>
  </si>
  <si>
    <t>さなえ薬局辻堂店</t>
  </si>
  <si>
    <t>藤沢市辻堂神台2-2-1</t>
  </si>
  <si>
    <t>湘南あおぞら薬局　辻堂神台店</t>
  </si>
  <si>
    <t>藤沢市辻堂神台2-5-34</t>
  </si>
  <si>
    <t>すみれ調剤薬局　辻堂店</t>
  </si>
  <si>
    <t>藤沢市辻堂西海岸2-10-6-1</t>
  </si>
  <si>
    <t>クリエイト薬局なぎさモール辻堂店</t>
  </si>
  <si>
    <t>藤沢市辻堂西海岸2-11-2</t>
  </si>
  <si>
    <t>太平台エルム薬局</t>
  </si>
  <si>
    <t>藤沢市辻堂太平台1-3-1</t>
  </si>
  <si>
    <t>なつめ薬局</t>
  </si>
  <si>
    <t>藤沢市辻堂太平台2-13-22</t>
  </si>
  <si>
    <t>ふじみ薬局</t>
  </si>
  <si>
    <t>藤沢市辻堂太平台2-13-28</t>
  </si>
  <si>
    <t>辻堂はまべ薬局</t>
  </si>
  <si>
    <t>藤沢市辻堂東海岸1-12-20</t>
  </si>
  <si>
    <t>シーサイド薬局</t>
  </si>
  <si>
    <t>藤沢市辻堂東海岸1丁目10番20号</t>
  </si>
  <si>
    <t>東海岸めぐみ薬局</t>
  </si>
  <si>
    <t>藤沢市辻堂東海岸2-1-30</t>
  </si>
  <si>
    <t>はるかぜ薬局　辻堂東海岸店</t>
  </si>
  <si>
    <t>藤沢市辻堂東海岸2-1-32</t>
  </si>
  <si>
    <t>どんぐり薬局　渡内店</t>
  </si>
  <si>
    <t>藤沢市渡内4-5-10</t>
  </si>
  <si>
    <t>薬局アポテイク　渡内店</t>
  </si>
  <si>
    <t>藤沢市渡内4丁目5番1号</t>
  </si>
  <si>
    <t>株式会社大島薬局　藤が岡店</t>
  </si>
  <si>
    <t>藤沢市藤が岡2-3-5　B102</t>
  </si>
  <si>
    <t>ササヤマ薬局</t>
  </si>
  <si>
    <t>藤沢市藤が岡3-9-1</t>
  </si>
  <si>
    <t>湘南あおぞら薬局　藤沢店</t>
  </si>
  <si>
    <t>藤沢市藤沢1015-14　リヴレ藤沢1F</t>
  </si>
  <si>
    <t>中央薬局　藤沢店</t>
  </si>
  <si>
    <t>藤沢市藤沢1063番地13 1階</t>
  </si>
  <si>
    <t>藤沢市藤沢1099</t>
  </si>
  <si>
    <t>アイセイ薬局　藤沢本町店</t>
  </si>
  <si>
    <t>藤沢市藤沢1-3-12</t>
  </si>
  <si>
    <t>わかば薬局</t>
  </si>
  <si>
    <t>藤沢市藤沢1-3-4</t>
  </si>
  <si>
    <t>アイン薬局　藤沢店</t>
  </si>
  <si>
    <t>藤沢市藤沢1丁目13番4号</t>
  </si>
  <si>
    <t>藤沢市藤沢2-1-20　本町店舗101</t>
  </si>
  <si>
    <t>薬局日本メディカルシステム　藤沢店</t>
  </si>
  <si>
    <t>藤沢市藤沢218-1　スクエア藤沢1F</t>
  </si>
  <si>
    <t>藤沢ひかり薬局</t>
  </si>
  <si>
    <t>藤沢市藤沢218番地</t>
  </si>
  <si>
    <t>藤沢薬剤師会薬局</t>
  </si>
  <si>
    <t>藤沢市藤沢2-2-21</t>
  </si>
  <si>
    <t>ウエルシア薬局藤沢市民病院前店</t>
  </si>
  <si>
    <t>藤沢市藤沢2-2-28</t>
  </si>
  <si>
    <t>ハックドラッグ藤沢白旗薬局</t>
  </si>
  <si>
    <t>藤沢市藤沢2丁目3番15号　三井ライフスタイルパークトレアージュ白旗1F</t>
  </si>
  <si>
    <t>いちご薬局</t>
  </si>
  <si>
    <t>藤沢市藤沢3-3-1　富塚ビル103</t>
  </si>
  <si>
    <t>くすりのユニオンファーマシー</t>
  </si>
  <si>
    <t>藤沢市藤沢38</t>
  </si>
  <si>
    <t>シーエス薬局</t>
  </si>
  <si>
    <t>藤沢市藤沢438-1　ルミネプラザ7F</t>
  </si>
  <si>
    <t>クリエイト薬局藤沢駅北口店</t>
  </si>
  <si>
    <t>藤沢市藤沢460-1</t>
  </si>
  <si>
    <t>マリア薬局</t>
  </si>
  <si>
    <t>藤沢市藤沢498-3</t>
  </si>
  <si>
    <t>株式会社　大島薬局</t>
  </si>
  <si>
    <t>藤沢市藤沢520</t>
  </si>
  <si>
    <t>ウエルシア薬局ダイエー藤沢店</t>
  </si>
  <si>
    <t>アイセイ薬局　藤沢店</t>
  </si>
  <si>
    <t>藤沢市藤沢530-10　FSCビル１F</t>
  </si>
  <si>
    <t>こじか薬局銀座通り店</t>
  </si>
  <si>
    <t>株式会社　大島薬局調剤センター店</t>
  </si>
  <si>
    <t>藤沢市藤沢545-51 ﾗｲｵﾝｽﾞﾏﾝｼｮﾝ湘南藤沢1F</t>
  </si>
  <si>
    <t>有限会社　メディカル薬局</t>
  </si>
  <si>
    <t>藤沢市藤沢556</t>
  </si>
  <si>
    <t>日本調剤　藤沢駅前薬局</t>
  </si>
  <si>
    <t>藤沢市藤沢559</t>
  </si>
  <si>
    <t>コンパス薬局　藤沢</t>
  </si>
  <si>
    <t>藤沢市藤沢610-1</t>
  </si>
  <si>
    <t>スギ薬局 三和藤沢橋店</t>
  </si>
  <si>
    <t>藤沢市藤沢808番地 三和藤沢橋店2Ｆ</t>
  </si>
  <si>
    <t>ふじいろ薬局</t>
  </si>
  <si>
    <t>藤沢市藤沢859</t>
  </si>
  <si>
    <t>くすりのおうち湘南薬局</t>
  </si>
  <si>
    <t>藤沢市藤沢89-9</t>
  </si>
  <si>
    <t>ひまわり調剤薬局</t>
  </si>
  <si>
    <t>藤沢市南藤沢20－19第3ハルミビル1階</t>
  </si>
  <si>
    <t>日本調剤　藤沢薬局</t>
  </si>
  <si>
    <t>藤沢市南藤沢21-8　大安興業ビル1Ｆ</t>
  </si>
  <si>
    <t>薬局トモズ湘南藤沢オーパ店</t>
  </si>
  <si>
    <t>藤沢市南藤沢22-3　藤沢オーパ1F</t>
  </si>
  <si>
    <t>南藤沢薬局</t>
  </si>
  <si>
    <t>藤沢市南藤沢2-8</t>
  </si>
  <si>
    <t>湘南薬品ダイヤモンド薬局</t>
  </si>
  <si>
    <t>藤沢市南藤沢2番1～3号</t>
  </si>
  <si>
    <t>湘南薬品藤沢駅南口薬局</t>
  </si>
  <si>
    <t>ココカラファイン薬局藤沢駅前店</t>
  </si>
  <si>
    <t>藤沢市南藤沢3番12号　クリオ藤沢駅前1階</t>
  </si>
  <si>
    <t>ヒノミ薬局　藤沢店</t>
  </si>
  <si>
    <t>藤沢市南藤沢7-2</t>
  </si>
  <si>
    <t>有限会社いとう薬局</t>
  </si>
  <si>
    <t>藤沢市白旗4-10-9</t>
  </si>
  <si>
    <t>クリエイト薬局　藤沢柄沢店</t>
  </si>
  <si>
    <t>藤沢市柄沢1-3-1</t>
  </si>
  <si>
    <t>ウエルシア薬局　藤沢柄沢店</t>
  </si>
  <si>
    <t>藤沢市柄沢2-7-27</t>
  </si>
  <si>
    <t>アイビス薬局柄沢店</t>
  </si>
  <si>
    <t>あさがお薬局</t>
  </si>
  <si>
    <t>藤沢市柄沢560-4</t>
  </si>
  <si>
    <t>いちょう薬局　並木台店</t>
  </si>
  <si>
    <t>藤沢市並木台2-10-16</t>
  </si>
  <si>
    <t>新成堂からさわ薬局</t>
  </si>
  <si>
    <t>藤沢市並木台2-11-1ヒルクレスト湘南1FA</t>
  </si>
  <si>
    <t>こじか薬局片瀬店</t>
  </si>
  <si>
    <t>藤沢市片瀬2-11-16</t>
  </si>
  <si>
    <t>共創未来　片瀬薬局</t>
  </si>
  <si>
    <t>藤沢市片瀬3-1-39</t>
  </si>
  <si>
    <t>まなみ薬局</t>
  </si>
  <si>
    <t>藤沢市片瀬3-16-16</t>
  </si>
  <si>
    <t>海岸公園ファーマシー</t>
  </si>
  <si>
    <t>藤沢市片瀬4-11-29</t>
  </si>
  <si>
    <t>クリエイト薬局藤沢片瀬店</t>
  </si>
  <si>
    <t>藤沢市片瀬83-4</t>
  </si>
  <si>
    <t>こじか薬局江の島駅前店</t>
  </si>
  <si>
    <t>藤沢市片瀬海岸2-9-5-102</t>
  </si>
  <si>
    <t>つぐみ薬局</t>
  </si>
  <si>
    <t>藤沢市片瀬山2-7-6</t>
  </si>
  <si>
    <t>湘南薬品片瀬山薬局</t>
  </si>
  <si>
    <t>藤沢市片瀬山2丁目7番1号</t>
  </si>
  <si>
    <t>三栄薬局本鵠沼駅前店</t>
  </si>
  <si>
    <t>藤沢市本鵠沼2-13-17</t>
  </si>
  <si>
    <t>ミドリ薬局</t>
  </si>
  <si>
    <t>藤沢市本鵠沼2-19-21</t>
  </si>
  <si>
    <t>ファミリー調剤薬局　本鵠沼</t>
  </si>
  <si>
    <t>藤沢市本鵠沼2丁目8番16号</t>
  </si>
  <si>
    <t>ハックドラッグ鵠沼薬局</t>
  </si>
  <si>
    <t>藤沢市本鵠沼3丁目12番37号</t>
  </si>
  <si>
    <t>湘南鵠沼薬局</t>
  </si>
  <si>
    <t>藤沢市本鵠沼4-14-27</t>
  </si>
  <si>
    <t>みさき薬局</t>
  </si>
  <si>
    <t>藤沢市本鵠沼4-7-9</t>
  </si>
  <si>
    <t>クリエイト薬局藤沢本鵠沼店</t>
  </si>
  <si>
    <t>藤沢市本鵠沼5-1-10</t>
  </si>
  <si>
    <t>仲通り薬局</t>
  </si>
  <si>
    <t>藤沢市本町1丁目10番11号</t>
  </si>
  <si>
    <t>ウエルシア薬局本藤沢店</t>
  </si>
  <si>
    <t>藤沢市本藤沢2丁目14番9号</t>
  </si>
  <si>
    <t>日だまり薬局</t>
  </si>
  <si>
    <t>有限会社　明月堂薬局</t>
  </si>
  <si>
    <t>藤沢市用田594</t>
  </si>
  <si>
    <t>ウエルシア薬局藤沢用田店</t>
  </si>
  <si>
    <t>藤沢市用田599番地の1</t>
  </si>
  <si>
    <t>クリエイト薬局藤沢用田店</t>
  </si>
  <si>
    <t>藤沢市用田608</t>
  </si>
  <si>
    <t>ひろまち調剤薬局</t>
  </si>
  <si>
    <t>藤沢市獺郷182-8</t>
  </si>
  <si>
    <t>御所見調剤薬局</t>
  </si>
  <si>
    <t>藤沢市獺郷183番地３　御所見第２メディカル1F西棟</t>
  </si>
  <si>
    <t>アイン薬局　ミナカ小田原店</t>
  </si>
  <si>
    <t>小田原市栄町1-1-15　ミナカ小田原　8F</t>
  </si>
  <si>
    <t>おほりばた薬局</t>
  </si>
  <si>
    <t>小田原市栄町1-12-4</t>
  </si>
  <si>
    <t>お堀端オクツ薬局</t>
  </si>
  <si>
    <t>小田原市栄町1-13-38</t>
  </si>
  <si>
    <t>まごころ薬局栄町店</t>
  </si>
  <si>
    <t>小田原市栄町1-14-16</t>
  </si>
  <si>
    <t>珊瑚薬局　小田原店</t>
  </si>
  <si>
    <t>小田原市栄町1-14-41　音羽プラーザビル1F</t>
  </si>
  <si>
    <t>こゆるぎ薬局</t>
  </si>
  <si>
    <t>小田原市栄町1-14-48</t>
  </si>
  <si>
    <t>小田原市栄町1-15-3</t>
  </si>
  <si>
    <t>フルール薬局</t>
  </si>
  <si>
    <t>小田原市栄町1-17-15</t>
  </si>
  <si>
    <t>ハックエクスプレス小田原ラスカ薬局</t>
  </si>
  <si>
    <t>小田原市栄町1-1-9　小田原ラスカ2F</t>
  </si>
  <si>
    <t>薬局マツモトキヨシ　小田原駅東口店</t>
  </si>
  <si>
    <t>小田原市栄町1-2-1</t>
  </si>
  <si>
    <t>ういろう駅前店調剤薬局</t>
  </si>
  <si>
    <t>小田原市栄町1-2-10　秋山ビル1Ｆ</t>
  </si>
  <si>
    <t>くすのき薬局　小田原駅前店</t>
  </si>
  <si>
    <t>小田原市栄町1-3-10　天野ビルBF-1</t>
  </si>
  <si>
    <t>ゆい薬局　小田原本店</t>
  </si>
  <si>
    <t>小田原市栄町1-5-17</t>
  </si>
  <si>
    <t>夏目薬局</t>
  </si>
  <si>
    <t>小田原市栄町1丁目14番9号</t>
  </si>
  <si>
    <t>リブラ薬局　小田原店</t>
  </si>
  <si>
    <t>小田原市栄町1丁目6番地4　勝俣組ビル6F</t>
  </si>
  <si>
    <t>オダハラ薬局</t>
  </si>
  <si>
    <t>小田原市栄町2-1-25</t>
  </si>
  <si>
    <t>つくし薬局</t>
  </si>
  <si>
    <t>小田原市栄町2-13-24</t>
  </si>
  <si>
    <t>わかば薬局小田原店</t>
  </si>
  <si>
    <t>小田原市栄町2-13-30</t>
  </si>
  <si>
    <t>小田原スマイル薬局</t>
  </si>
  <si>
    <t>小田原市栄町2-15-14</t>
  </si>
  <si>
    <t>小田原市栄町2-4-26　栄ビル1階</t>
  </si>
  <si>
    <t>シティ薬局 小田原店</t>
  </si>
  <si>
    <t>小田原市栄町2-7-25 小田原百貨店栄町ビル1Ｆ</t>
  </si>
  <si>
    <t>サンドラッグ小田原調剤薬局</t>
  </si>
  <si>
    <t>小田原市栄町2-8-20</t>
  </si>
  <si>
    <t>薬局栄町くすりばこ</t>
  </si>
  <si>
    <t>小田原市栄町3-18-1</t>
  </si>
  <si>
    <t>有限会社真壁薬局</t>
  </si>
  <si>
    <t>小田原市栄町3丁目22番7号</t>
  </si>
  <si>
    <t>有限会社　順天堂薬局</t>
  </si>
  <si>
    <t>小田原市栄町4-1-5</t>
  </si>
  <si>
    <t>栄町オクツ薬局</t>
  </si>
  <si>
    <t>小田原市栄町4-9-5</t>
  </si>
  <si>
    <t>小田原市永塚7-3</t>
  </si>
  <si>
    <t>クリエイト薬局小田原荻窪店</t>
  </si>
  <si>
    <t>小田原市荻窪278-5</t>
  </si>
  <si>
    <t>健康堂薬局</t>
  </si>
  <si>
    <t>小田原市荻窪531</t>
  </si>
  <si>
    <t>健やか薬局</t>
  </si>
  <si>
    <t>小田原市下新田264-12</t>
  </si>
  <si>
    <t>下大井ほし薬局</t>
  </si>
  <si>
    <t>小田原市下大井610-1</t>
  </si>
  <si>
    <t>かもの宮薬局</t>
  </si>
  <si>
    <t>小田原市鴨宮309-1</t>
  </si>
  <si>
    <t>新百合薬局</t>
  </si>
  <si>
    <t>小田原市鴨宮666-3-1</t>
  </si>
  <si>
    <t>くすのき薬局　栢山駅前店</t>
  </si>
  <si>
    <t>小田原市栢山2651-2</t>
  </si>
  <si>
    <t>栢山調剤薬局</t>
  </si>
  <si>
    <t>小田原市栢山2660-1</t>
  </si>
  <si>
    <t>アルファ薬局</t>
  </si>
  <si>
    <t>小田原市栢山2817-8</t>
  </si>
  <si>
    <t>ウエルシア薬局小田原栢山店</t>
  </si>
  <si>
    <t>小田原市栢山344-2</t>
  </si>
  <si>
    <t>こうめ薬局</t>
  </si>
  <si>
    <t>小田原市栢山499ｰ1</t>
  </si>
  <si>
    <t>ミキ薬局小田原店</t>
  </si>
  <si>
    <t>小田原市久野150-4</t>
  </si>
  <si>
    <t>クリエイト薬局久野川橋西店</t>
  </si>
  <si>
    <t>小田原市久野463-3</t>
  </si>
  <si>
    <t>つくし薬局久野店</t>
  </si>
  <si>
    <t>小田原市久野469番地</t>
  </si>
  <si>
    <t>ひまわり調剤薬局小田原支店</t>
  </si>
  <si>
    <t>小田原市久野71-4　プリムローズ21　1F</t>
  </si>
  <si>
    <t>アイ調剤薬局</t>
  </si>
  <si>
    <t>小田原市久野73-5</t>
  </si>
  <si>
    <t>クリエイト薬局小田原高田柳町店</t>
  </si>
  <si>
    <t>小田原市高田309-1</t>
  </si>
  <si>
    <t>クリエイト薬局小田原国府津店</t>
  </si>
  <si>
    <t>小田原市国府津1910-1</t>
  </si>
  <si>
    <t>川瀬薬局</t>
  </si>
  <si>
    <t>小田原市国府津1992</t>
  </si>
  <si>
    <t>ウエルシア薬局小田原国府津店</t>
  </si>
  <si>
    <t>小田原市国府津2900-1</t>
  </si>
  <si>
    <t>有限会社　さわやか薬局</t>
  </si>
  <si>
    <t>小田原市国府津4-3-16</t>
  </si>
  <si>
    <t>さくらんぼ薬局　鴨宮店</t>
  </si>
  <si>
    <t>小田原市酒匂1-4-1</t>
  </si>
  <si>
    <t>西湘薬局</t>
  </si>
  <si>
    <t>小田原市酒匂2-41-38</t>
  </si>
  <si>
    <t>クリエイト薬局　酒匂小学校前店</t>
  </si>
  <si>
    <t>小田原市酒匂5-15-4</t>
  </si>
  <si>
    <t>ハート薬局</t>
  </si>
  <si>
    <t>小田原市寿町2-5-20</t>
  </si>
  <si>
    <t>スギ薬局　小田原小台店</t>
  </si>
  <si>
    <t>小田原市小台字土肥島352番地の1</t>
  </si>
  <si>
    <t>一般社団法人芙蓉薬局</t>
  </si>
  <si>
    <t>小田原市小八幡3-18-15</t>
  </si>
  <si>
    <t>健幸の杜薬局</t>
  </si>
  <si>
    <t>小田原市上新田13-5</t>
  </si>
  <si>
    <t>アペックス小田原薬局</t>
  </si>
  <si>
    <t>小田原市城山1丁目4番1号　城山タワープラザ304</t>
  </si>
  <si>
    <t>有限会社帰陽堂オギクボ薬局</t>
  </si>
  <si>
    <t>小田原市城山2-15-29</t>
  </si>
  <si>
    <t>城山薬局</t>
  </si>
  <si>
    <t>小田原市城山2-3-46　TSビル1F</t>
  </si>
  <si>
    <t>小田原新幹線薬局</t>
  </si>
  <si>
    <t>小田原市城山3-22-9　西口青橋ビル1F　101号</t>
  </si>
  <si>
    <t>めぐみ薬局</t>
  </si>
  <si>
    <t>小田原市城山4-23-20</t>
  </si>
  <si>
    <t>さくら薬局　小田原成田店</t>
  </si>
  <si>
    <t>小田原市成田156-5</t>
  </si>
  <si>
    <t>くすりランド</t>
  </si>
  <si>
    <t>小田原市西酒匂2-8-46</t>
  </si>
  <si>
    <t>西大友薬局</t>
  </si>
  <si>
    <t>小田原市西大友3-1</t>
  </si>
  <si>
    <t>ファルマシア薬局</t>
  </si>
  <si>
    <t>小田原市扇町1-16-37　宮内ビル102</t>
  </si>
  <si>
    <t>クリエイト薬局小田原扇町店</t>
  </si>
  <si>
    <t>小田原市扇町1-19-5</t>
  </si>
  <si>
    <t>扇町薬局</t>
  </si>
  <si>
    <t>小田原市扇町1丁目16番地37</t>
  </si>
  <si>
    <t>ひだまり薬局　扇町店</t>
  </si>
  <si>
    <t>小田原市扇町3-13-14</t>
  </si>
  <si>
    <t>せいらん薬局</t>
  </si>
  <si>
    <t>小田原市扇町3-17-5</t>
  </si>
  <si>
    <t>扇町オクツ薬局</t>
  </si>
  <si>
    <t>ホワイト薬局</t>
  </si>
  <si>
    <t>小田原市扇町5ｰ293ｰ1</t>
  </si>
  <si>
    <t>有限会社　わかば調剤薬局</t>
  </si>
  <si>
    <t>小田原市曽我岸120-2</t>
  </si>
  <si>
    <t>薬局下曽我くすりばこ</t>
  </si>
  <si>
    <t>小田原市曽我原197-3</t>
  </si>
  <si>
    <t>クリエイト薬局小田原中曽根店</t>
  </si>
  <si>
    <t>小田原市中曽根72-1</t>
  </si>
  <si>
    <t>新生薬局</t>
  </si>
  <si>
    <t>しらゆり薬局</t>
  </si>
  <si>
    <t>小田原市中村原732</t>
  </si>
  <si>
    <t>ユニオン薬局小田原店</t>
  </si>
  <si>
    <t>小田原市中村原734</t>
  </si>
  <si>
    <t>ウエルシア薬局小田原中町店</t>
  </si>
  <si>
    <t>小田原市中町3-4-28</t>
  </si>
  <si>
    <t>ハックドラッグダイナシティ薬局</t>
  </si>
  <si>
    <t>小田原市中里208</t>
  </si>
  <si>
    <t>いちょう薬局</t>
  </si>
  <si>
    <t>小田原市中里378</t>
  </si>
  <si>
    <t>小田原市中里73-1</t>
  </si>
  <si>
    <t>エール薬局</t>
  </si>
  <si>
    <t>小田原市中里77－1</t>
  </si>
  <si>
    <t>小田原市田島124</t>
  </si>
  <si>
    <t>しろくま薬局</t>
  </si>
  <si>
    <t>小田原市南鴨宮2-34-8</t>
  </si>
  <si>
    <t>サン　ファーマシー</t>
  </si>
  <si>
    <t>小田原市南鴨宮3-12-4</t>
  </si>
  <si>
    <t>むぎのめ薬局</t>
  </si>
  <si>
    <t>小田原市南鴨宮3-18-13</t>
  </si>
  <si>
    <t>ウエルシア薬局小田原南鴨宮店</t>
  </si>
  <si>
    <t>小田原市南鴨宮3-20-10</t>
  </si>
  <si>
    <t>セントラル薬局</t>
  </si>
  <si>
    <t>小田原市南鴨宮3-33-1</t>
  </si>
  <si>
    <t>みなみぐち薬局</t>
  </si>
  <si>
    <t>小田原市南鴨宮3-49-5</t>
  </si>
  <si>
    <t>株式会社　矢野光信堂薬局</t>
  </si>
  <si>
    <t>小田原市板橋180</t>
  </si>
  <si>
    <t>Ｔ・Ｋ薬局</t>
  </si>
  <si>
    <t>小田原市板橋95</t>
  </si>
  <si>
    <t>きよらか薬局</t>
  </si>
  <si>
    <t>小田原市飯泉65－2</t>
  </si>
  <si>
    <t>いずみ薬局</t>
  </si>
  <si>
    <t>小田原市飯泉841-6</t>
  </si>
  <si>
    <t>クリエイト薬局　小田原飯泉店</t>
  </si>
  <si>
    <t>小田原市飯泉987-1</t>
  </si>
  <si>
    <t>クリエイト薬局飯田岡駅南店</t>
  </si>
  <si>
    <t>小田原市飯田岡614-1</t>
  </si>
  <si>
    <t>小田原市浜町1-10-32</t>
  </si>
  <si>
    <t>株式会社オクツ薬局</t>
  </si>
  <si>
    <t>小田原市浜町1-14-1</t>
  </si>
  <si>
    <t>有限会社　ひかり薬局本店</t>
  </si>
  <si>
    <t>小田原市浜町3-11-10</t>
  </si>
  <si>
    <t>株式会社　川口薬局</t>
  </si>
  <si>
    <t>小田原市堀之内206</t>
  </si>
  <si>
    <t>アイセイ薬局　富水店</t>
  </si>
  <si>
    <t>ウエルシア薬局小田原堀之内店</t>
  </si>
  <si>
    <t>小田原市堀之内222-1</t>
  </si>
  <si>
    <t>平安薬局小田原店</t>
  </si>
  <si>
    <t>小田原市本町1-1-16</t>
  </si>
  <si>
    <t>なかやま薬局</t>
  </si>
  <si>
    <t>小田原市本町2-13-11</t>
  </si>
  <si>
    <t>小田原市本町2-2-5</t>
  </si>
  <si>
    <t>きらり薬局　小田原店</t>
  </si>
  <si>
    <t>小田原市本町4-1-25</t>
  </si>
  <si>
    <t>株式会社済生堂薬局　小西本店</t>
  </si>
  <si>
    <t>小田原市本町4丁目2番48号</t>
  </si>
  <si>
    <t>クリエイトエス・ディー小田原矢作店薬局</t>
  </si>
  <si>
    <t>小田原市矢作387-1</t>
  </si>
  <si>
    <t>あさひ調剤薬局</t>
  </si>
  <si>
    <t>小田原市蓮正寺358-1　ベルデュール蛍田102号室</t>
  </si>
  <si>
    <t>螢田薬局</t>
  </si>
  <si>
    <t>小田原市蓮正寺783-40</t>
  </si>
  <si>
    <t>シーエス薬局　ひばりが丘店</t>
  </si>
  <si>
    <t>茅ヶ崎市ひばりが丘1-8</t>
  </si>
  <si>
    <t>桜道薬局</t>
  </si>
  <si>
    <t>茅ヶ崎市ひばりが丘7-11</t>
  </si>
  <si>
    <t>ニック湘南みずき薬局</t>
  </si>
  <si>
    <t>しんわ薬局　湘南みずき店</t>
  </si>
  <si>
    <t>茅ヶ崎市みずき4-9-21</t>
  </si>
  <si>
    <t>はるかぜ薬局　茅ヶ崎旭が丘店</t>
  </si>
  <si>
    <t>茅ヶ崎市旭が丘8ｰ65</t>
  </si>
  <si>
    <t>今井薬局　円蔵店</t>
  </si>
  <si>
    <t>茅ヶ崎市円蔵1-23-12</t>
  </si>
  <si>
    <t>マリン薬局　円蔵店</t>
  </si>
  <si>
    <t>茅ヶ崎市円蔵2089-5</t>
  </si>
  <si>
    <t>クリエイト薬局茅ヶ崎円蔵店</t>
  </si>
  <si>
    <t>茅ヶ崎市円蔵2-12-6</t>
  </si>
  <si>
    <t>マリン薬局　茅ヶ崎中央店</t>
  </si>
  <si>
    <t>茅ヶ崎市円蔵2443</t>
  </si>
  <si>
    <t>よもぎ薬局</t>
  </si>
  <si>
    <t>茅ヶ崎市下町屋3-3-24</t>
  </si>
  <si>
    <t>薬局みらい</t>
  </si>
  <si>
    <t>茅ヶ崎市茅ヶ崎2-1-36　ルート茅ヶ崎1F</t>
  </si>
  <si>
    <t>陽だまり薬局　中央店</t>
  </si>
  <si>
    <t>ほほえみ薬局　中央店</t>
  </si>
  <si>
    <t>茅ヶ崎市茅ヶ崎2-1-8　古谷ビル1F</t>
  </si>
  <si>
    <t>イオン薬局　茅ヶ崎店</t>
  </si>
  <si>
    <t>茅ヶ崎市茅ケ崎2-7-71</t>
  </si>
  <si>
    <t>イオン薬局茅ヶ崎中央店</t>
  </si>
  <si>
    <t>茅ヶ崎市茅ケ崎3-5-16</t>
  </si>
  <si>
    <t>茅ヶ崎寒川薬剤師会地域医療センター薬局</t>
  </si>
  <si>
    <t>茅ヶ崎市茅ケ崎3丁目4番23号</t>
  </si>
  <si>
    <t>茅ヶ崎薬局</t>
  </si>
  <si>
    <t>茅ヶ崎市共恵1-7-11　オハナ茅ヶ崎102号</t>
  </si>
  <si>
    <t>ともえ薬局</t>
  </si>
  <si>
    <t>茅ヶ崎市共恵2丁目1番43号</t>
  </si>
  <si>
    <t>薬局トモズ　ラスカ茅ヶ崎店</t>
  </si>
  <si>
    <t>茅ヶ崎市元町1-1　ラスカ茅ヶ崎2F</t>
  </si>
  <si>
    <t>調剤薬局ファルマテラス　茅ヶ崎</t>
  </si>
  <si>
    <t>茅ヶ崎市元町16番7号</t>
  </si>
  <si>
    <t>ユニスマイル薬局　茅ヶ崎店</t>
  </si>
  <si>
    <t>茅ヶ崎市元町17-4</t>
  </si>
  <si>
    <t>今井薬局</t>
  </si>
  <si>
    <t>茅ヶ崎市元町2-4</t>
  </si>
  <si>
    <t>アイ薬局</t>
  </si>
  <si>
    <t>茅ヶ崎市元町5-29　ライブリーⅢ</t>
  </si>
  <si>
    <t>元町光薬局</t>
  </si>
  <si>
    <t>茅ヶ崎市元町6番10号</t>
  </si>
  <si>
    <t>茅ヶ崎市幸町1-12</t>
  </si>
  <si>
    <t>日本調剤　茅ヶ崎南薬局</t>
  </si>
  <si>
    <t>茅ヶ崎市幸町15-19</t>
  </si>
  <si>
    <t>ヤマグチ薬局　茅ヶ崎南口店</t>
  </si>
  <si>
    <t>茅ヶ崎市幸町21-3　ユニマット茅ヶ崎駅前ビル1Ｆ</t>
  </si>
  <si>
    <t>株式会社　岩澤薬局</t>
  </si>
  <si>
    <t>茅ヶ崎市幸町22-6-105</t>
  </si>
  <si>
    <t>みなみ薬局</t>
  </si>
  <si>
    <t>茅ヶ崎市幸町3-32　ブレインビル1階</t>
  </si>
  <si>
    <t>シンワ薬局　茅ヶ崎店</t>
  </si>
  <si>
    <t>茅ヶ崎市幸町5-8　茅ヶ崎メディカルケアセンター102</t>
  </si>
  <si>
    <t>アスカ薬局茅ヶ崎本店</t>
  </si>
  <si>
    <t>茅ヶ崎市幸町7-20  ブルースカイ湘南A</t>
  </si>
  <si>
    <t>くすりの玉野</t>
  </si>
  <si>
    <t>茅ヶ崎市香川1-38-18</t>
  </si>
  <si>
    <t>スギ薬局　茅ヶ崎香川店</t>
  </si>
  <si>
    <t>茅ヶ崎市香川1丁目1番38号　マルエツ茅ヶ崎店1F</t>
  </si>
  <si>
    <t>健愛薬局</t>
  </si>
  <si>
    <t>茅ヶ崎市香川4-4-7</t>
  </si>
  <si>
    <t>タマノ薬局</t>
  </si>
  <si>
    <t>茅ヶ崎市高田1-14-6</t>
  </si>
  <si>
    <t>クリエイト薬局茅ヶ崎高田店</t>
  </si>
  <si>
    <t>茅ヶ崎市高田2-1-21</t>
  </si>
  <si>
    <t>木下薬局　高田店</t>
  </si>
  <si>
    <t>茅ヶ崎市高田4－5－13</t>
  </si>
  <si>
    <t>スギ薬局　茅ヶ崎高田店</t>
  </si>
  <si>
    <t>茅ヶ崎市高田4丁目1番17号</t>
  </si>
  <si>
    <t>稲垣ファーマシー</t>
  </si>
  <si>
    <t>茅ヶ崎市高田5-1-15</t>
  </si>
  <si>
    <t>マリン薬局</t>
  </si>
  <si>
    <t>茅ヶ崎市高田5-3-34</t>
  </si>
  <si>
    <t>薬局マツモトキヨシ　茅ヶ崎高田店</t>
  </si>
  <si>
    <t>茅ヶ崎市高田5-5-14</t>
  </si>
  <si>
    <t>おひさま薬局　鶴嶺店</t>
  </si>
  <si>
    <t>茅ヶ崎市今宿176-1</t>
  </si>
  <si>
    <t>ハックドラッグ茅ヶ崎今宿薬局</t>
  </si>
  <si>
    <t>茅ヶ崎市今宿266-1</t>
  </si>
  <si>
    <t>サトノ薬局</t>
  </si>
  <si>
    <t>茅ヶ崎市若松町19-19</t>
  </si>
  <si>
    <t>えぼし薬局</t>
  </si>
  <si>
    <t>茅ヶ崎市若松町6-20</t>
  </si>
  <si>
    <t>中村薬局　十間坂店</t>
  </si>
  <si>
    <t>にじいろ薬局</t>
  </si>
  <si>
    <t>茅ヶ崎市出口町7-80</t>
  </si>
  <si>
    <t>薬局マツモトキヨシ　茅ヶ崎小和田店</t>
  </si>
  <si>
    <t>茅ヶ崎市小和田2-17-1</t>
  </si>
  <si>
    <t>株式会社あさひ薬局</t>
  </si>
  <si>
    <t>茅ヶ崎市松が丘2-10-19</t>
  </si>
  <si>
    <t>薬局マツモトキヨシ　茅ヶ崎松が丘店</t>
  </si>
  <si>
    <t>茅ヶ崎市松が丘2-12-17</t>
  </si>
  <si>
    <t>サンドラッグ茅ヶ崎浜見平薬局</t>
  </si>
  <si>
    <t>茅ヶ崎市松尾1-20</t>
  </si>
  <si>
    <t>湘南フレンド薬局</t>
  </si>
  <si>
    <t>茅ヶ崎市松林2-10-20</t>
  </si>
  <si>
    <t>シーエス薬局松林店</t>
  </si>
  <si>
    <t>茅ヶ崎市松林2-12-46</t>
  </si>
  <si>
    <t>クリエイト薬局茅ヶ崎松林店</t>
  </si>
  <si>
    <t>茅ヶ崎市松林2-6-20</t>
  </si>
  <si>
    <t>株式会社アサヒファーマシー　室田薬局</t>
  </si>
  <si>
    <t>茅ヶ崎市松林3丁目3-11</t>
  </si>
  <si>
    <t>クリエイト薬局茅ヶ崎常盤町店</t>
  </si>
  <si>
    <t>茅ヶ崎市常盤町1-35</t>
  </si>
  <si>
    <t>薬局マツモトキヨシ　BLiX茅ヶ崎店</t>
  </si>
  <si>
    <t>茅ヶ崎市新栄町11-8　1F</t>
  </si>
  <si>
    <t>ウイング湘南薬局</t>
  </si>
  <si>
    <t>茅ヶ崎市新栄町13-45　鴨志田ビル1F</t>
  </si>
  <si>
    <t>あらえ薬局</t>
  </si>
  <si>
    <t>茅ヶ崎市新栄町2-19</t>
  </si>
  <si>
    <t>株式会社　寺田薬局</t>
  </si>
  <si>
    <t>茅ヶ崎市新栄町2番25号</t>
  </si>
  <si>
    <t>スギ薬局　茅ヶ崎新栄町店</t>
  </si>
  <si>
    <t>茅ヶ崎市新栄町2番29号　エピックスチガサキ1階</t>
  </si>
  <si>
    <t>クリエイト薬局茅ヶ崎新栄町店</t>
  </si>
  <si>
    <t>なの花薬局茅ヶ崎店</t>
  </si>
  <si>
    <t>茅ヶ崎市新栄町6-23-1</t>
  </si>
  <si>
    <t>ほほえみ薬局　本店</t>
  </si>
  <si>
    <t>茅ヶ崎市西久保124-2</t>
  </si>
  <si>
    <t>陽だまり薬局　本店</t>
  </si>
  <si>
    <t>茅ヶ崎市西久保394-1</t>
  </si>
  <si>
    <t>クリエイト薬局辻堂駅西口店</t>
  </si>
  <si>
    <t>茅ヶ崎市赤松町13-11</t>
  </si>
  <si>
    <t>有限会社　きたの薬局</t>
  </si>
  <si>
    <t>茅ヶ崎市鶴が台10-2-103</t>
  </si>
  <si>
    <t>ボニー薬局　茅ヶ崎海岸店</t>
  </si>
  <si>
    <t>クリエイト薬局茅ヶ崎雄三通り店</t>
  </si>
  <si>
    <t>茅ヶ崎市東海岸北1-5-11</t>
  </si>
  <si>
    <t>田辺薬局　茅ヶ崎南店</t>
  </si>
  <si>
    <t>茅ヶ崎市東海岸北1-5-4</t>
  </si>
  <si>
    <t>茅ヶ崎市東海岸北1-7-21</t>
  </si>
  <si>
    <t>中村薬局</t>
  </si>
  <si>
    <t>茅ヶ崎市東海岸北2-1-55</t>
  </si>
  <si>
    <t>はるかぜ薬局　茅ヶ崎東海岸店</t>
  </si>
  <si>
    <t>茅ヶ崎市東海岸北2-8-3</t>
  </si>
  <si>
    <t>クリエイト薬局茅ヶ崎東海岸北店</t>
  </si>
  <si>
    <t>茅ヶ崎市東海岸北3-10-18</t>
  </si>
  <si>
    <t>スバル薬局</t>
  </si>
  <si>
    <t>茅ヶ崎市東海岸北5丁目10番48号</t>
  </si>
  <si>
    <t>フォーユーファーマシー</t>
  </si>
  <si>
    <t>茅ヶ崎市南湖2-13-29</t>
  </si>
  <si>
    <t>クリエイト薬局　茅ヶ崎南湖店</t>
  </si>
  <si>
    <t>茅ヶ崎市南湖4-4-10　1F</t>
  </si>
  <si>
    <t>てっぽうみち薬局</t>
  </si>
  <si>
    <t>茅ヶ崎市南湖5-18-10-2</t>
  </si>
  <si>
    <t>ちとせ薬局</t>
  </si>
  <si>
    <t>茅ヶ崎市萩園2301-1</t>
  </si>
  <si>
    <t>湘南くじら薬局</t>
  </si>
  <si>
    <t>茅ヶ崎市萩園2393-3</t>
  </si>
  <si>
    <t>しんわ薬局　松林店</t>
  </si>
  <si>
    <t>茅ヶ崎市菱沼1-4-7</t>
  </si>
  <si>
    <t>あんず薬局</t>
  </si>
  <si>
    <t>茅ヶ崎市浜見平10-2　BRANCH茅ケ崎3</t>
  </si>
  <si>
    <t>なの花薬局ハマミ店</t>
  </si>
  <si>
    <t>茅ヶ崎市浜見平11-１</t>
  </si>
  <si>
    <t>たけもと薬局</t>
  </si>
  <si>
    <t>茅ヶ崎市浜見平17番8号</t>
  </si>
  <si>
    <t>浜竹エルム薬局</t>
  </si>
  <si>
    <t>茅ヶ崎市浜竹2-8-39</t>
  </si>
  <si>
    <t>ホシ薬局</t>
  </si>
  <si>
    <t>茅ヶ崎市浜竹3-2-31</t>
  </si>
  <si>
    <t>茅ヶ崎市浜竹3-4-3　エクセルシオール湘南辻堂102</t>
  </si>
  <si>
    <t>ハックドラッグ辻堂薬局</t>
  </si>
  <si>
    <t>茅ヶ崎市浜竹3-4-47</t>
  </si>
  <si>
    <t>株式会社　さかえ薬局</t>
  </si>
  <si>
    <t>茅ヶ崎市浜之郷952-11</t>
  </si>
  <si>
    <t>ハト薬局　茅ヶ崎店</t>
  </si>
  <si>
    <t>茅ヶ崎市富士見町15-3</t>
  </si>
  <si>
    <t>湘南たんぽぽ薬局</t>
  </si>
  <si>
    <t>茅ヶ崎市富士見町2-12</t>
  </si>
  <si>
    <t>タムラ調剤薬局</t>
  </si>
  <si>
    <t>茅ヶ崎市平和町4-30</t>
  </si>
  <si>
    <t>フレイズ薬局</t>
  </si>
  <si>
    <t>茅ヶ崎市本宿町3番4号</t>
  </si>
  <si>
    <t>ニコニコ薬局　茅ヶ崎本村店</t>
  </si>
  <si>
    <t>茅ヶ崎市本村4-22-23</t>
  </si>
  <si>
    <t>日本調剤　湘南茅ヶ崎薬局</t>
  </si>
  <si>
    <t>茅ヶ崎市本村5-16-10</t>
  </si>
  <si>
    <t>クリエイト薬局茅ヶ崎市立病院前店</t>
  </si>
  <si>
    <t>茅ヶ崎市本村5-9-6</t>
  </si>
  <si>
    <t>ダリヤ湘南薬局</t>
  </si>
  <si>
    <t>クリエイト薬局茅ヶ崎矢畑店</t>
  </si>
  <si>
    <t>茅ヶ崎市矢畑274-1</t>
  </si>
  <si>
    <t>薬局　日本メディカル</t>
  </si>
  <si>
    <t>クリエイト薬局茅ヶ崎柳島店</t>
  </si>
  <si>
    <t>茅ヶ崎市柳島1-9-41</t>
  </si>
  <si>
    <t>今井薬局　緑が浜</t>
  </si>
  <si>
    <t>茅ヶ崎市緑が浜2-24</t>
  </si>
  <si>
    <t>すばる中央薬局逗子店</t>
  </si>
  <si>
    <t>逗子市久木1丁目3番21号</t>
  </si>
  <si>
    <t>クリエイト薬局　逗子久木店</t>
  </si>
  <si>
    <t>逗子市久木3-1-21</t>
  </si>
  <si>
    <t>逗子調剤薬局</t>
  </si>
  <si>
    <t>逗子市久木4-14-4</t>
  </si>
  <si>
    <t>有限会社白十字薬局　ハイランド店</t>
  </si>
  <si>
    <t>逗子市久木8-13-17</t>
  </si>
  <si>
    <t>ケンコー薬局桜山店</t>
  </si>
  <si>
    <t>逗子市桜山2丁目10-13</t>
  </si>
  <si>
    <t>セレン薬局　逗子店</t>
  </si>
  <si>
    <t>逗子市桜山3丁目16-1</t>
  </si>
  <si>
    <t>逗子マリン薬局</t>
  </si>
  <si>
    <t>逗子市桜山4-9-18</t>
  </si>
  <si>
    <t>ひまわり薬局桜山店</t>
  </si>
  <si>
    <t>逗子市桜山8-5-25　フィルコート桜山</t>
  </si>
  <si>
    <t>薬樹薬局　逗子</t>
  </si>
  <si>
    <t>逗子市山の根1丁目2番19号　ラ・メール・ブルー逗子1F101号室</t>
  </si>
  <si>
    <t>そうごう薬局　逗子小坪店</t>
  </si>
  <si>
    <t>逗子市小坪2-3-2</t>
  </si>
  <si>
    <t>有限会社　ひかり薬局</t>
  </si>
  <si>
    <t>逗子市沼間1-4-51</t>
  </si>
  <si>
    <t>かもめ薬局</t>
  </si>
  <si>
    <t>逗子市沼間2-11-5</t>
  </si>
  <si>
    <t>すずの音薬局</t>
  </si>
  <si>
    <t>逗子市沼間3-1-5</t>
  </si>
  <si>
    <t>湘南薬品逗子薬局</t>
  </si>
  <si>
    <t>逗子市逗子1-2-18-101</t>
  </si>
  <si>
    <t>ココカラファイン薬局逗子店</t>
  </si>
  <si>
    <t>逗子市逗子1-8-6　逗子分譲共同ビル1階</t>
  </si>
  <si>
    <t>オリーブ堂ファーマシー</t>
  </si>
  <si>
    <t>逗子市逗子1丁目9番38号</t>
  </si>
  <si>
    <t>有限会社　白十字薬局　水道路店</t>
  </si>
  <si>
    <t>逗子市逗子2-5-25-101</t>
  </si>
  <si>
    <t>逗子市逗子2-6-13</t>
  </si>
  <si>
    <t>開成堂石渡薬局本店</t>
  </si>
  <si>
    <t>逗子市逗子2-6-23</t>
  </si>
  <si>
    <t>薬局マツモトキヨシ　逗子駅前店</t>
  </si>
  <si>
    <t>逗子市逗子2-6-32</t>
  </si>
  <si>
    <t>あさひ中央薬局　逗子駅前店</t>
  </si>
  <si>
    <t>逗子市逗子4-1-7</t>
  </si>
  <si>
    <t>タカノ薬局逗子</t>
  </si>
  <si>
    <t>逗子市逗子4-3-20</t>
  </si>
  <si>
    <t>はまなす薬局</t>
  </si>
  <si>
    <t>逗子市逗子5-1-12　カサハラビル逗子B　1F</t>
  </si>
  <si>
    <t>SFC 薬局　逗子店</t>
  </si>
  <si>
    <t>逗子市逗子5-11-7</t>
  </si>
  <si>
    <t>ハックドラッグ逗子葉山駅前薬局</t>
  </si>
  <si>
    <t>逗子市逗子5-1-6　1F</t>
  </si>
  <si>
    <t>開成堂石渡薬局支店</t>
  </si>
  <si>
    <t>逗子市逗子5-7-29</t>
  </si>
  <si>
    <t>ひばり薬局逗子店</t>
  </si>
  <si>
    <t>逗子市逗子7-1-54　Zushi71CLビル1F</t>
  </si>
  <si>
    <t>健愛薬局　逗子店</t>
  </si>
  <si>
    <t>逗子市逗子7-3-52　逗子向陽ビル1階B号室</t>
  </si>
  <si>
    <t>ソフィア薬局　逗子店</t>
  </si>
  <si>
    <t>逗子市逗子7-6-29</t>
  </si>
  <si>
    <t>イワノ薬局</t>
  </si>
  <si>
    <t>三浦市三崎3-6-8</t>
  </si>
  <si>
    <t>有限会社　佐藤薬局</t>
  </si>
  <si>
    <t>三浦市三崎3丁目4-11</t>
  </si>
  <si>
    <t>クリエイト薬局三崎町諸磯店</t>
  </si>
  <si>
    <t>三浦市三崎町諸磯315-1</t>
  </si>
  <si>
    <t>有限会社　佐藤日出男薬局</t>
  </si>
  <si>
    <t>三浦市三崎町諸磯964</t>
  </si>
  <si>
    <t>株式会社ウィーズ　シフトみさき薬局小網代店</t>
  </si>
  <si>
    <t>三浦市三崎町小網代1557-9</t>
  </si>
  <si>
    <t>くすだま薬局</t>
  </si>
  <si>
    <t>わかば薬局三浦</t>
  </si>
  <si>
    <t>三浦市初声町高円坊1146</t>
  </si>
  <si>
    <t>有限会社　佐藤薬局　初声営業所</t>
  </si>
  <si>
    <t>三浦市初声町入江76-1</t>
  </si>
  <si>
    <t>クリエイト薬局　三浦初声店</t>
  </si>
  <si>
    <t>三浦市初声町入江83-3</t>
  </si>
  <si>
    <t>天神町薬局</t>
  </si>
  <si>
    <t>三浦市天神町9-12</t>
  </si>
  <si>
    <t>東岡薬局</t>
  </si>
  <si>
    <t>三浦市東岡町10-38</t>
  </si>
  <si>
    <t>リブラ薬局　三浦店</t>
  </si>
  <si>
    <t>三浦市南下浦町上宮田1527－8</t>
  </si>
  <si>
    <t>たいよう薬局</t>
  </si>
  <si>
    <t>三浦市南下浦町上宮田3125</t>
  </si>
  <si>
    <t>三浦海岸薬局</t>
  </si>
  <si>
    <t>三浦市南下浦町上宮田3202-4</t>
  </si>
  <si>
    <t>ぼーしゅうや薬局</t>
  </si>
  <si>
    <t>三浦市南下浦町上宮田3257－1</t>
  </si>
  <si>
    <t>おはよう薬品</t>
  </si>
  <si>
    <t>三浦市南下浦町上宮田3262-4</t>
  </si>
  <si>
    <t>クリエイト薬局　三浦海岸店</t>
  </si>
  <si>
    <t>三浦市南下浦町上宮田3390</t>
  </si>
  <si>
    <t>シフト みさき薬局</t>
  </si>
  <si>
    <t>三浦市岬陽町3-23</t>
  </si>
  <si>
    <t>みうらメロン薬局</t>
  </si>
  <si>
    <t>三浦市岬陽町3-24</t>
  </si>
  <si>
    <t>漢方の岩本薬局</t>
  </si>
  <si>
    <t>秦野市栄町2-21</t>
  </si>
  <si>
    <t>佐野十全堂薬局　上宿店</t>
  </si>
  <si>
    <t>秦野市栄町4-11</t>
  </si>
  <si>
    <t>ケーエム薬局</t>
  </si>
  <si>
    <t>秦野市栄町8-23</t>
  </si>
  <si>
    <t>村田薬局</t>
  </si>
  <si>
    <t>秦野市曲松1-2-17</t>
  </si>
  <si>
    <t>ナカニシ薬局　駅前店</t>
  </si>
  <si>
    <t>秦野市曲松1-4-12</t>
  </si>
  <si>
    <t>佐野十全堂薬局　渋沢駅前店</t>
  </si>
  <si>
    <t>秦野市曲松1-4-39　やまゆりビル1Ｆ</t>
  </si>
  <si>
    <t>ドラッグセイムス　秦野戸川薬局</t>
  </si>
  <si>
    <t>秦野市戸川166-1</t>
  </si>
  <si>
    <t>ウイン薬局秦野北店</t>
  </si>
  <si>
    <t>秦野市戸川712-13</t>
  </si>
  <si>
    <t>ココカラファイン薬局　秦野北口店</t>
  </si>
  <si>
    <t>秦野市今川町1-2　ポレスター秦野駅前3階</t>
  </si>
  <si>
    <t>ウエルシア薬局秦野今川町店</t>
  </si>
  <si>
    <t>秦野市今川町1番6号　1F</t>
  </si>
  <si>
    <t>すみれ調剤薬局</t>
  </si>
  <si>
    <t>秦野市今川町7-46</t>
  </si>
  <si>
    <t>ひまわり調剤薬局今泉店</t>
  </si>
  <si>
    <t>秦野市今泉337－6</t>
  </si>
  <si>
    <t>あと薬局</t>
  </si>
  <si>
    <t>ヤマグチ薬局　秦野店</t>
  </si>
  <si>
    <t>秦野市三屋126-8</t>
  </si>
  <si>
    <t>クリエイト薬局秦野寿町店</t>
  </si>
  <si>
    <t>秦野市寿町6-7</t>
  </si>
  <si>
    <t>秦野市寿町8-3</t>
  </si>
  <si>
    <t>ユーアイ薬局</t>
  </si>
  <si>
    <t>秦野市渋沢2-3-21</t>
  </si>
  <si>
    <t>佐野十全堂薬局　松原町店</t>
  </si>
  <si>
    <t>秦野市松原町2-8　杉本ビル1F</t>
  </si>
  <si>
    <t>ウイン薬局まつばら店</t>
  </si>
  <si>
    <t>秦野市松原町3-29</t>
  </si>
  <si>
    <t>わかば調剤薬局　本店</t>
  </si>
  <si>
    <t>秦野市曽屋2-10-5</t>
  </si>
  <si>
    <t>秦野薬局</t>
  </si>
  <si>
    <t>秦野市曽屋3512-1　グランドエンブレム秦野101</t>
  </si>
  <si>
    <t>クリエイト薬局秦野曽屋店</t>
  </si>
  <si>
    <t>秦野市曽屋834-1</t>
  </si>
  <si>
    <t>薬局マツモトキヨシ　秦野駅前北口店</t>
  </si>
  <si>
    <t>秦野市大秦町1-10</t>
  </si>
  <si>
    <t>佐野十全堂薬局　秦野駅前店</t>
  </si>
  <si>
    <t>秦野市大秦町1-8</t>
  </si>
  <si>
    <t>クリエイト薬局秦野大秦町店</t>
  </si>
  <si>
    <t>秦野市大秦町2-16　1F</t>
  </si>
  <si>
    <t>クリエイト薬局秦野鶴巻店</t>
  </si>
  <si>
    <t>秦野市鶴巻1920-1</t>
  </si>
  <si>
    <t>アクア薬局</t>
  </si>
  <si>
    <t>秦野市鶴巻北2-2-1　ライオンズマンション鶴巻温泉106</t>
  </si>
  <si>
    <t>鶴巻温泉薬局</t>
  </si>
  <si>
    <t>秦野市鶴巻北2-2-31</t>
  </si>
  <si>
    <t>クローバー薬局 鶴巻店</t>
  </si>
  <si>
    <t>秦野市鶴巻北2-5-43</t>
  </si>
  <si>
    <t>秦野市鶴巻北2丁目2番25号　メプレスビル1F</t>
  </si>
  <si>
    <t>クリエイト薬局秦野南が丘店</t>
  </si>
  <si>
    <t>秦野市南が丘3-1-1</t>
  </si>
  <si>
    <t>有限会社　三和薬局　駅前店</t>
  </si>
  <si>
    <t>有限会社　三和薬局</t>
  </si>
  <si>
    <t>秦野市南矢名1ｰ17ｰ5</t>
  </si>
  <si>
    <t>有限会社　ハナワ薬局</t>
  </si>
  <si>
    <t>秦野市南矢名1-14-34-1F</t>
  </si>
  <si>
    <t>たから薬局東海大学前店</t>
  </si>
  <si>
    <t>秦野市南矢名1-15-3-2</t>
  </si>
  <si>
    <t>クリエイト薬局秦野東海大駅前店</t>
  </si>
  <si>
    <t>秦野市南矢名1-16-8</t>
  </si>
  <si>
    <t>望星おおね薬局</t>
  </si>
  <si>
    <t>秦野市南矢名1-2-1　産興クリニックビル1Ｆ</t>
  </si>
  <si>
    <t>ミスト薬局</t>
  </si>
  <si>
    <t>秦野市南矢名1-4-11</t>
  </si>
  <si>
    <t>東海薬局</t>
  </si>
  <si>
    <t>秦野市南矢名4-9-5</t>
  </si>
  <si>
    <t>今木薬局</t>
  </si>
  <si>
    <t>秦野市南矢名698-13</t>
  </si>
  <si>
    <t>イオン薬局秦野店</t>
  </si>
  <si>
    <t>秦野市入船町12-1</t>
  </si>
  <si>
    <t>秦野入船薬局</t>
  </si>
  <si>
    <t>秦野市入船町2-16</t>
  </si>
  <si>
    <t>おりぃぶ薬局</t>
  </si>
  <si>
    <t>秦野市尾尻482-1　メディカルフォート秦野南</t>
  </si>
  <si>
    <t>ウエルシア薬局秦野尾尻店</t>
  </si>
  <si>
    <t>秦野市尾尻573番地の1</t>
  </si>
  <si>
    <t>薬局マツモトキヨシ秦野駅前南口店</t>
  </si>
  <si>
    <t>秦野市尾尻931-7けやきﾋﾞﾙ1F</t>
  </si>
  <si>
    <t>わかば調剤薬局　南口店</t>
  </si>
  <si>
    <t>秦野市尾尻940－5</t>
  </si>
  <si>
    <t>クリエイト薬局秦野平沢店</t>
  </si>
  <si>
    <t>秦野市平沢298-1</t>
  </si>
  <si>
    <t>スギ薬局　秦野平沢店</t>
  </si>
  <si>
    <t>秦野市平沢423番地の1　ヤオコー秦野店1階</t>
  </si>
  <si>
    <t>クリエイト薬局秦野土橋店</t>
  </si>
  <si>
    <t>秦野市平沢454-2</t>
  </si>
  <si>
    <t>ウエルシア薬局　秦野平沢店</t>
  </si>
  <si>
    <t>秦野市平沢560-1</t>
  </si>
  <si>
    <t>ウイン薬局秦野並木店</t>
  </si>
  <si>
    <t>秦野市並木町1-29</t>
  </si>
  <si>
    <t>コスモファーマシー秦野北矢名店</t>
  </si>
  <si>
    <t>秦野市北矢名127-7</t>
  </si>
  <si>
    <t>そうごう薬局　東海大学前店</t>
  </si>
  <si>
    <t>秦野市北矢名1309-1 ハレクラニ1階A-1</t>
  </si>
  <si>
    <t>スギ薬局　堀山下店</t>
  </si>
  <si>
    <t>秦野市堀山下336番地</t>
  </si>
  <si>
    <t>ウイン薬局丹沢店</t>
  </si>
  <si>
    <t>秦野市堀山下558</t>
  </si>
  <si>
    <t>しいの木薬局　ほりにし店</t>
  </si>
  <si>
    <t>秦野市堀西16-7</t>
  </si>
  <si>
    <t>たまご薬局秦野店</t>
  </si>
  <si>
    <t>秦野市堀西26-1</t>
  </si>
  <si>
    <t>ウエルシア薬局秦野堀西店</t>
  </si>
  <si>
    <t>秦野市堀西94番1</t>
  </si>
  <si>
    <t>サクライ薬局</t>
  </si>
  <si>
    <t>秦野市堀川175-6</t>
  </si>
  <si>
    <t>しいの木薬局</t>
  </si>
  <si>
    <t>秦野市堀川178-1　さくら弐番館101号</t>
  </si>
  <si>
    <t>神原薬局　本町店</t>
  </si>
  <si>
    <t>秦野市本町1-1-3</t>
  </si>
  <si>
    <t>れいわ薬局　秦野店</t>
  </si>
  <si>
    <t>秦野市本町1-1-5</t>
  </si>
  <si>
    <t>こぶし薬局</t>
  </si>
  <si>
    <t>本町薬局</t>
  </si>
  <si>
    <t>秦野市本町1-5-10-101</t>
  </si>
  <si>
    <t>佐野十全堂薬局本店</t>
  </si>
  <si>
    <t>秦野市本町2丁目5番6号</t>
  </si>
  <si>
    <t>みどり調剤薬局　秦野店</t>
  </si>
  <si>
    <t>秦野市弥生町5-14</t>
  </si>
  <si>
    <t>薬局マツモトキヨシ　渋沢駅前店</t>
  </si>
  <si>
    <t>秦野市柳町1-1-17</t>
  </si>
  <si>
    <t>神原薬局　渋沢店</t>
  </si>
  <si>
    <t>秦野市柳町1-22-5　栗原ビル1F</t>
  </si>
  <si>
    <t>みらい薬局　渋沢店</t>
  </si>
  <si>
    <t>秦野市柳町1-9-22　大新ビル1FB号</t>
  </si>
  <si>
    <t>やなぎ調剤薬局</t>
  </si>
  <si>
    <t>秦野市柳町１丁目14-1　伊東ビル１F</t>
  </si>
  <si>
    <t>たまご薬局　渋沢駅前店</t>
  </si>
  <si>
    <t>秦野市柳町1丁目5-6　Ｍ・Ｔヴェラ</t>
  </si>
  <si>
    <t>アイン薬局　秦野赤十字病院店</t>
  </si>
  <si>
    <t>秦野市立野台1-1-2</t>
  </si>
  <si>
    <t>薬局マツモトキヨシ秦野南が丘店</t>
  </si>
  <si>
    <t>秦野市立野台1-2-1</t>
  </si>
  <si>
    <t>日本調剤　秦野薬局</t>
  </si>
  <si>
    <t>秦野市立野台1-2-3</t>
  </si>
  <si>
    <t>望星秦野薬局</t>
  </si>
  <si>
    <t>秦野市立野台1-2-4</t>
  </si>
  <si>
    <t>佐野十全堂薬局南が丘店</t>
  </si>
  <si>
    <t>秦野市立野台1-2-5</t>
  </si>
  <si>
    <t>なの薬局</t>
  </si>
  <si>
    <t>ピアノフォルテ薬局</t>
  </si>
  <si>
    <t>厚木市愛甲1-18-20</t>
  </si>
  <si>
    <t>つばめ薬局　愛甲石田店</t>
  </si>
  <si>
    <t>厚木市愛甲1-3-24</t>
  </si>
  <si>
    <t>なかよし薬局　愛甲店</t>
  </si>
  <si>
    <t>厚木市愛甲1-5-9　芦川ビル1F</t>
  </si>
  <si>
    <t>愛甲調剤薬局</t>
  </si>
  <si>
    <t>厚木市愛甲1-8-8　富安ビル1Ｆ</t>
  </si>
  <si>
    <t>悠々薬局</t>
  </si>
  <si>
    <t>厚木市愛甲2-12-2</t>
  </si>
  <si>
    <t>スギ薬局　厚木愛甲店</t>
  </si>
  <si>
    <t>厚木市愛甲2丁目13番17号</t>
  </si>
  <si>
    <t>わかば薬局愛甲店</t>
  </si>
  <si>
    <t>厚木市愛甲西3-15-5</t>
  </si>
  <si>
    <t>さつき調剤薬局　愛甲店</t>
  </si>
  <si>
    <t>厚木市愛甲東1-1-19　牧田店舗A号室</t>
  </si>
  <si>
    <t>旭町調剤薬局</t>
  </si>
  <si>
    <t>厚木市旭町1-15-16　千幸ﾋﾞﾙ　2階</t>
  </si>
  <si>
    <t>東銀座薬局　厚木支店</t>
  </si>
  <si>
    <t>厚木市旭町1-26-4</t>
  </si>
  <si>
    <t>あぜがみ薬局</t>
  </si>
  <si>
    <t>厚木市旭町1-27-5</t>
  </si>
  <si>
    <t>アイセイハート薬局　本厚木店</t>
  </si>
  <si>
    <t>厚木市旭町1丁目25-1　本厚木ミハラス2F　203</t>
  </si>
  <si>
    <t>ペンギン薬局　本厚木駅前店</t>
  </si>
  <si>
    <t>厚木市旭町1丁目27番1号　後藤ビル1F</t>
  </si>
  <si>
    <t>みんと薬局</t>
  </si>
  <si>
    <t>厚木市旭町3-14-3 AVAIL本厚木1F</t>
  </si>
  <si>
    <t>なの花薬局</t>
  </si>
  <si>
    <t>厚木市旭町3丁目16番9号</t>
  </si>
  <si>
    <t>きずな薬局本厚木店</t>
  </si>
  <si>
    <t>厚木市旭町4-1-2</t>
  </si>
  <si>
    <t>株式会社あさひ薬局　厚木店</t>
  </si>
  <si>
    <t>厚木市旭町4-1-4</t>
  </si>
  <si>
    <t>クリエイト薬局厚木旭町店</t>
  </si>
  <si>
    <t>厚木市旭町5-33-15</t>
  </si>
  <si>
    <t>しんわ薬局　厚木店</t>
  </si>
  <si>
    <t>厚木市旭町5-39-13</t>
  </si>
  <si>
    <t>有限会社　はるかぜ薬局</t>
  </si>
  <si>
    <t>厚木市旭町5ｰ35ｰ10</t>
  </si>
  <si>
    <t>たから薬局　本厚木店</t>
  </si>
  <si>
    <t>厚木市栄町1-5-19</t>
  </si>
  <si>
    <t>クリエイト薬局厚木栄町店</t>
  </si>
  <si>
    <t>厚木市栄町2-1-5　2F</t>
  </si>
  <si>
    <t>アイン薬局　厚木栄町店</t>
  </si>
  <si>
    <t>厚木市栄町2丁目3-13　ParkBear本厚木1F</t>
  </si>
  <si>
    <t>ひなた薬局　恩名店</t>
  </si>
  <si>
    <t>厚木市恩名1-16-42</t>
  </si>
  <si>
    <t>スギ薬局　厚木恩名店</t>
  </si>
  <si>
    <t>厚木市恩名1丁目16番58号</t>
  </si>
  <si>
    <t>なかよし薬局　恩名店</t>
  </si>
  <si>
    <t>厚木市恩名2-23-4</t>
  </si>
  <si>
    <t>どんぐり薬局厚木店</t>
  </si>
  <si>
    <t>厚木市温水1012-6</t>
  </si>
  <si>
    <t>そうごう薬局　厚木店</t>
  </si>
  <si>
    <t>厚木市温水127-1</t>
  </si>
  <si>
    <t>スギ薬局　南毛利店</t>
  </si>
  <si>
    <t>厚木市温水906番地1　ヨークマート南毛利店内</t>
  </si>
  <si>
    <t>あおば薬局　厚木温水店</t>
  </si>
  <si>
    <t>なかよし薬局　荻野店</t>
  </si>
  <si>
    <t>厚木市下荻野1106-11</t>
  </si>
  <si>
    <t>竹下調剤薬局</t>
  </si>
  <si>
    <t>厚木市下荻野1172</t>
  </si>
  <si>
    <t>さくらんぼ薬局</t>
  </si>
  <si>
    <t>厚木市下荻野1212-1</t>
  </si>
  <si>
    <t>厚木Peach薬局</t>
  </si>
  <si>
    <t>厚木市下荻野1480-1</t>
  </si>
  <si>
    <t>ウエルシア薬局　厚木下荻野店</t>
  </si>
  <si>
    <t>厚木市下荻野437-1</t>
  </si>
  <si>
    <t>クリエイト薬局厚木下荻野店</t>
  </si>
  <si>
    <t>厚木市下荻野997-2</t>
  </si>
  <si>
    <t>ドラッグセイムス厚木下川入薬局</t>
  </si>
  <si>
    <t>厚木市下川入240-10</t>
  </si>
  <si>
    <t>ハート・ファーマシー</t>
  </si>
  <si>
    <t>厚木市及川2-1-3</t>
  </si>
  <si>
    <t>若草薬局戸室店</t>
  </si>
  <si>
    <t>ドリーム薬局　アツギトレリス店</t>
  </si>
  <si>
    <t>厚木市戸室5-31-1アツギトレリス3F</t>
  </si>
  <si>
    <t>ひまわり薬局</t>
  </si>
  <si>
    <t>厚木市妻田西3-1-25</t>
  </si>
  <si>
    <t>厚木つまだ薬局</t>
  </si>
  <si>
    <t>厚木市妻田西3-13-25</t>
  </si>
  <si>
    <t>モリノ薬局</t>
  </si>
  <si>
    <t>厚木市妻田西3-13-36</t>
  </si>
  <si>
    <t>なかよし薬局　妻田店</t>
  </si>
  <si>
    <t>厚木市妻田東1-23-6　三和ビル1F</t>
  </si>
  <si>
    <t>クリエイト薬局厚木東妻田店</t>
  </si>
  <si>
    <t>厚木市妻田東1-3-22</t>
  </si>
  <si>
    <t>なかよし薬局　妻田南店</t>
  </si>
  <si>
    <t>厚木市妻田南1-2-29</t>
  </si>
  <si>
    <t>クリエイト薬局厚木妻田店</t>
  </si>
  <si>
    <t>厚木市妻田北1-17-18</t>
  </si>
  <si>
    <t>ハニー薬局</t>
  </si>
  <si>
    <t>厚木市妻田北3-1-10</t>
  </si>
  <si>
    <t>おおるり薬局</t>
  </si>
  <si>
    <t>厚木市妻田北3-15-27</t>
  </si>
  <si>
    <t>さくら薬局　厚木山際店</t>
  </si>
  <si>
    <t>厚木市山際1-1</t>
  </si>
  <si>
    <t>さくら薬局厚木山際店</t>
  </si>
  <si>
    <t>なかよし薬局　酒井店</t>
  </si>
  <si>
    <t>厚木市酒井2541-1</t>
  </si>
  <si>
    <t>さつき調剤薬局</t>
  </si>
  <si>
    <t>厚木市寿町2-7-1</t>
  </si>
  <si>
    <t>クリエイト薬局厚木上依知店</t>
  </si>
  <si>
    <t>厚木市上依知1364-1</t>
  </si>
  <si>
    <t>みどり公園薬局</t>
  </si>
  <si>
    <t>まつかげ台薬局</t>
  </si>
  <si>
    <t>厚木市上荻野1185-4</t>
  </si>
  <si>
    <t>ヤマグチ薬局　上荻野店</t>
  </si>
  <si>
    <t>厚木市上荻野1661</t>
  </si>
  <si>
    <t>エル薬局荻野店</t>
  </si>
  <si>
    <t>厚木市上荻野271-1</t>
  </si>
  <si>
    <t>ミキ薬局森の里店</t>
  </si>
  <si>
    <t>厚木市森の里1-35-1森の里ｼｮｯﾋﾟﾝｸﾞﾌﾟﾗｻﾞ2号室</t>
  </si>
  <si>
    <t>クオール薬局　森の里店</t>
  </si>
  <si>
    <t>キラリ薬局　厚木店</t>
  </si>
  <si>
    <t>厚木市水引1-14-12</t>
  </si>
  <si>
    <t>わかば薬局厚木店</t>
  </si>
  <si>
    <t>厚木市水引1-15-7</t>
  </si>
  <si>
    <t>アイン薬局　本厚木店</t>
  </si>
  <si>
    <t>厚木市水引1-17-3</t>
  </si>
  <si>
    <t>薬樹薬局　厚木水引</t>
  </si>
  <si>
    <t>厚木市水引1丁目17番6号</t>
  </si>
  <si>
    <t>みずひき薬局</t>
  </si>
  <si>
    <t>厚木市水引2-2-14</t>
  </si>
  <si>
    <t>かえで薬局</t>
  </si>
  <si>
    <t>厚木市水引2-8-29-1</t>
  </si>
  <si>
    <t>ウエルシア薬局本厚木ミロード南館店</t>
  </si>
  <si>
    <t>厚木市泉町1-1　小田急本厚木ミロード1　南館1F</t>
  </si>
  <si>
    <t>有限会社　石津薬局</t>
  </si>
  <si>
    <t>厚木市泉町11-3</t>
  </si>
  <si>
    <t>株式会社ヤマグチ薬局　本厚木店</t>
  </si>
  <si>
    <t>厚木市泉町15-7</t>
  </si>
  <si>
    <t>ほんあつぎ調剤薬局</t>
  </si>
  <si>
    <t>厚木市泉町3-5</t>
  </si>
  <si>
    <t>なかよし薬局</t>
  </si>
  <si>
    <t>厚木市船子236-3</t>
  </si>
  <si>
    <t>クリエイト薬局厚木中町店</t>
  </si>
  <si>
    <t>厚木市中町1-1-3　厚木シティプラザ1F</t>
  </si>
  <si>
    <t>有限会社　柴田快生堂薬局</t>
  </si>
  <si>
    <t>厚木市中町1-5-10</t>
  </si>
  <si>
    <t>くるみ薬局　厚木店</t>
  </si>
  <si>
    <t>厚木市中町1-6-7</t>
  </si>
  <si>
    <t>厚木中町薬局</t>
  </si>
  <si>
    <t>厚木市中町1-7-15</t>
  </si>
  <si>
    <t>望星本厚木薬局</t>
  </si>
  <si>
    <t>厚木市中町2-1-6　レンブラントスタイル本厚木1Ｆ</t>
  </si>
  <si>
    <t>日本調剤　本厚木薬局</t>
  </si>
  <si>
    <t>厚木市中町2-2-8</t>
  </si>
  <si>
    <t>ウエルシア薬局厚木中町店</t>
  </si>
  <si>
    <t>厚木市中町2-8-12　喜久屋ビル1F</t>
  </si>
  <si>
    <t>アイ厚木薬局</t>
  </si>
  <si>
    <t>スギ薬局　厚木一番街店</t>
  </si>
  <si>
    <t>厚木市中町2丁目8番1号　会田興業ビル1F</t>
  </si>
  <si>
    <t>ほのぼの薬局</t>
  </si>
  <si>
    <t>厚木市中町3-1-15</t>
  </si>
  <si>
    <t>アイン薬局　厚木中町店</t>
  </si>
  <si>
    <t>厚木市中町3-12-16　1F</t>
  </si>
  <si>
    <t>なかよし薬局　栄店</t>
  </si>
  <si>
    <t>厚木市中町3-14-6　尾張屋ビル1F</t>
  </si>
  <si>
    <t>ミント薬局　厚木店</t>
  </si>
  <si>
    <t>厚木市中町3-3-9　厚木アーバンプラザ1階</t>
  </si>
  <si>
    <t>スギ薬局　厚木中町店</t>
  </si>
  <si>
    <t>厚木市中町3丁目4番22号　第二会田ビル1F</t>
  </si>
  <si>
    <t>ウエルシア薬局本厚木調剤</t>
  </si>
  <si>
    <t>厚木市中町4-14-4</t>
  </si>
  <si>
    <t>ほうらい薬局</t>
  </si>
  <si>
    <t>厚木市中町4ｰ10ｰ2ハラダ中町ビル1Ｆ</t>
  </si>
  <si>
    <t>まんぼう薬局</t>
  </si>
  <si>
    <t>厚木市中町4-4-15</t>
  </si>
  <si>
    <t>ヤマグチ薬局　厚木中町店</t>
  </si>
  <si>
    <t>厚木市中町4-6-10</t>
  </si>
  <si>
    <t>クリエイト薬局厚木南毛利店</t>
  </si>
  <si>
    <t>厚木市長谷1263-1</t>
  </si>
  <si>
    <t>ほんあつ薬局</t>
  </si>
  <si>
    <t>厚木市田村町5-6</t>
  </si>
  <si>
    <t>けやき薬局</t>
  </si>
  <si>
    <t>厚木市東町3-1</t>
  </si>
  <si>
    <t>なかよし薬局　鳶尾店</t>
  </si>
  <si>
    <t>厚木市鳶尾2-25-4-103</t>
  </si>
  <si>
    <t>いいやま薬局</t>
  </si>
  <si>
    <t>厚木市飯山173-1</t>
  </si>
  <si>
    <t>クリエイト薬局厚木飯山籏谷店</t>
  </si>
  <si>
    <t>厚木市飯山南3-10-5</t>
  </si>
  <si>
    <t>さくら薬局　厚木飯山店</t>
  </si>
  <si>
    <t>厚木市飯山南5丁目27番24号</t>
  </si>
  <si>
    <t>有限会社　すずめさん薬局</t>
  </si>
  <si>
    <t>厚木市毛利台2-2-15</t>
  </si>
  <si>
    <t>ガーデン薬局厚木店</t>
  </si>
  <si>
    <t>エル薬局厚木緑ヶ丘店</t>
  </si>
  <si>
    <t>厚木市緑ケ丘1-11-15</t>
  </si>
  <si>
    <t>クリエイト薬局厚木緑ケ丘店</t>
  </si>
  <si>
    <t>厚木市緑ケ丘2-1-5</t>
  </si>
  <si>
    <t>薬局マツモトキヨシ　厚木林店</t>
  </si>
  <si>
    <t>厚木市林1-13-12</t>
  </si>
  <si>
    <t>クリエイト薬局厚木林北店</t>
  </si>
  <si>
    <t>厚木市林3-15-1</t>
  </si>
  <si>
    <t>ひなた薬局林店</t>
  </si>
  <si>
    <t>厚木市林3-6-47</t>
  </si>
  <si>
    <t>そうごう薬局　つきみ野店</t>
  </si>
  <si>
    <t>大和市つきみ野4-9-24</t>
  </si>
  <si>
    <t>つきみ野薬局</t>
  </si>
  <si>
    <t>大和市つきみ野4丁目5-1</t>
  </si>
  <si>
    <t>クリエイト薬局つきみ野店</t>
  </si>
  <si>
    <t>大和市つきみ野5-17-3</t>
  </si>
  <si>
    <t>イオン薬局大和鶴間店</t>
  </si>
  <si>
    <t>大和市下鶴間1-2-1</t>
  </si>
  <si>
    <t>コンフォール薬局</t>
  </si>
  <si>
    <t>薬局マツモトキヨシ　大和鶴間店</t>
  </si>
  <si>
    <t>大和市下鶴間2780-1</t>
  </si>
  <si>
    <t>クリエイト薬局大和下鶴間店</t>
  </si>
  <si>
    <t>大和市下鶴間3002-2</t>
  </si>
  <si>
    <t>ひかり薬局つきみ野店</t>
  </si>
  <si>
    <t>大和市下鶴間521-1</t>
  </si>
  <si>
    <t>ノバ薬局下和田店</t>
  </si>
  <si>
    <t>大和市下和田1170ｰ1</t>
  </si>
  <si>
    <t>ノバ薬局</t>
  </si>
  <si>
    <t>大和市下和田1307ｰ1</t>
  </si>
  <si>
    <t>アイン薬局　大和店</t>
  </si>
  <si>
    <t>大和市下和田1324-6</t>
  </si>
  <si>
    <t>桜森薬局</t>
  </si>
  <si>
    <t>大和市桜森3-7-18　2F</t>
  </si>
  <si>
    <t>ウエルシア薬局相模大塚駅前店</t>
  </si>
  <si>
    <t>大和市桜森3丁目1番1号</t>
  </si>
  <si>
    <t>オレンジ薬局</t>
  </si>
  <si>
    <t>大和市渋谷4-8-3</t>
  </si>
  <si>
    <t>高座渋谷薬局</t>
  </si>
  <si>
    <t>大和市渋谷5-22　IKOZA　1F</t>
  </si>
  <si>
    <t>キラリ薬局　高座渋谷店</t>
  </si>
  <si>
    <t>大和市渋谷5-25-3　エクレール渋谷1F</t>
  </si>
  <si>
    <t>高座渋谷メディカルプラザ薬局</t>
  </si>
  <si>
    <t>大和市渋谷5-6-21</t>
  </si>
  <si>
    <t>調剤薬局ツルハドラッグ　大和渋谷店</t>
  </si>
  <si>
    <t>大和市渋谷5丁目39番地3</t>
  </si>
  <si>
    <t>かもめ薬局　高座渋谷店</t>
  </si>
  <si>
    <t>大和市渋谷6-12-3　ガラス張りのビル1階</t>
  </si>
  <si>
    <t>クリエイト薬局　大和高座渋谷店</t>
  </si>
  <si>
    <t>大和市渋谷6-18-2</t>
  </si>
  <si>
    <t>イオン薬局大和店</t>
  </si>
  <si>
    <t>大和市渋谷6-6-1</t>
  </si>
  <si>
    <t>スギ薬局　高座渋谷店</t>
  </si>
  <si>
    <t>大和市渋谷6丁目11番地4</t>
  </si>
  <si>
    <t>プラチナ薬局　高座渋谷店</t>
  </si>
  <si>
    <t>大和市渋谷7-23-1</t>
  </si>
  <si>
    <t>トマト薬局　高座渋谷店</t>
  </si>
  <si>
    <t>大和市渋谷7-28-3</t>
  </si>
  <si>
    <t>ユニスマイル薬局　高座渋谷店</t>
  </si>
  <si>
    <t>大和市渋谷8-3-5</t>
  </si>
  <si>
    <t>クオール薬局　大和店</t>
  </si>
  <si>
    <t>大和市上草柳1-3-1</t>
  </si>
  <si>
    <t>チアーズファーマシー</t>
  </si>
  <si>
    <t>大和市上草柳186-3</t>
  </si>
  <si>
    <t>スギ薬局　桜ケ丘店</t>
  </si>
  <si>
    <t>大和市上和田954番地1</t>
  </si>
  <si>
    <t>ヤマグチ薬局　大和店</t>
  </si>
  <si>
    <t>大和市深見西3-1-17-1</t>
  </si>
  <si>
    <t>さくら薬局　大和深見西店</t>
  </si>
  <si>
    <t>大和市深見西3丁目1番23号</t>
  </si>
  <si>
    <t>大和深見西薬局</t>
  </si>
  <si>
    <t>大和市深見西8-2-13</t>
  </si>
  <si>
    <t>日本調剤　深見薬局</t>
  </si>
  <si>
    <t>大和市深見西8-4-6</t>
  </si>
  <si>
    <t>薬樹薬局　大和</t>
  </si>
  <si>
    <t>大和市深見西8丁目2番12号</t>
  </si>
  <si>
    <t>さくら薬局　大和深見台店</t>
  </si>
  <si>
    <t>大和市深見台3丁目5-30　深見台レジデンス第2-A</t>
  </si>
  <si>
    <t>川上薬局ツルマ</t>
  </si>
  <si>
    <t>大和市西鶴間1-11-13</t>
  </si>
  <si>
    <t>かるがも薬局</t>
  </si>
  <si>
    <t>大和市西鶴間1-18-1</t>
  </si>
  <si>
    <t>ひらもと鶴間薬局</t>
  </si>
  <si>
    <t>大和市西鶴間1-3-9</t>
  </si>
  <si>
    <t>エース薬局</t>
  </si>
  <si>
    <t>大和市西鶴間3-13-20 ユリセナビル</t>
  </si>
  <si>
    <t>有限会社都商会　アミー薬局</t>
  </si>
  <si>
    <t>大和市西鶴間3-5-6-114</t>
  </si>
  <si>
    <t>ヤマグチ薬局西鶴間店</t>
  </si>
  <si>
    <t>大和市西鶴間3-6-1　2F</t>
  </si>
  <si>
    <t>サンドラッグ西鶴間薬局</t>
  </si>
  <si>
    <t>大和市西鶴間4-12-38</t>
  </si>
  <si>
    <t>有限会社　ＵＫ薬局</t>
  </si>
  <si>
    <t>大和市西鶴間4-1-6</t>
  </si>
  <si>
    <t>薬局　双葉堂</t>
  </si>
  <si>
    <t>大和市西鶴間5-22-12</t>
  </si>
  <si>
    <t>クリエイト薬局　大和代官店</t>
  </si>
  <si>
    <t>大和市代官4-18-3</t>
  </si>
  <si>
    <t>調剤薬局ツルハドラッグ　大和駅前店</t>
  </si>
  <si>
    <t>大和市大和東1-2-1　大和スカイビル1Ｆ</t>
  </si>
  <si>
    <t>大和市大和東1-3-15　太陽ビル第20　B1F</t>
  </si>
  <si>
    <t>しろくま薬局　2号店</t>
  </si>
  <si>
    <t>大和市大和東1-4-17</t>
  </si>
  <si>
    <t>オダギリ薬局　大和本店</t>
  </si>
  <si>
    <t>大和市大和東1-4-2</t>
  </si>
  <si>
    <t>大和あおぞら薬局</t>
  </si>
  <si>
    <t>大和市大和東1-8-10-2</t>
  </si>
  <si>
    <t>やまと東薬局</t>
  </si>
  <si>
    <t>大和市大和東1-8-9　定信ビルⅡ1F</t>
  </si>
  <si>
    <t>シーエス薬局　大和店</t>
  </si>
  <si>
    <t>大和市大和東1-9-24　山川ビル1F　B号室</t>
  </si>
  <si>
    <t>大和ファーマシー</t>
  </si>
  <si>
    <t>大和市大和東2-5-12</t>
  </si>
  <si>
    <t>田辺薬局大和駅東店</t>
  </si>
  <si>
    <t>大和市大和東3-4-18</t>
  </si>
  <si>
    <t>ウエルシア薬局大和南店</t>
  </si>
  <si>
    <t>大和市大和南1-12-16</t>
  </si>
  <si>
    <t>薬樹薬局　光が丘</t>
  </si>
  <si>
    <t>大和市大和南2丁目6番8号　大和南メディカルモール1F　B</t>
  </si>
  <si>
    <t>セイムス大和駅前薬局</t>
  </si>
  <si>
    <t>大和市中央1-1-20 神崎ビル1Ｆ</t>
  </si>
  <si>
    <t>みらい薬局　大和店</t>
  </si>
  <si>
    <t>大和市中央1-7-21　加藤ビル1F</t>
  </si>
  <si>
    <t>ココカラファイン薬局大和中央店</t>
  </si>
  <si>
    <t>大和市中央1丁目1番3号</t>
  </si>
  <si>
    <t>大和漢方センター田辺薬局</t>
  </si>
  <si>
    <t>大和市中央2-1-21モミヤマビル1-101</t>
  </si>
  <si>
    <t>やまと中央薬局</t>
  </si>
  <si>
    <t>大和市中央2-2-1</t>
  </si>
  <si>
    <t>大和市中央3-8-26</t>
  </si>
  <si>
    <t>大和市中央5-6-1-102</t>
  </si>
  <si>
    <t>すずらん薬局　大和店</t>
  </si>
  <si>
    <t>大和市中央5丁目4-25</t>
  </si>
  <si>
    <t>大和中央薬局</t>
  </si>
  <si>
    <t>大和市中央7-14-5-2</t>
  </si>
  <si>
    <t>ローソンクオール薬局中央林間二丁目店</t>
  </si>
  <si>
    <t>大和市中央林間2-1-12</t>
  </si>
  <si>
    <t>ハート薬局　中央林間店</t>
  </si>
  <si>
    <t>大和市中央林間2-21-20　コスモヒルズ中央林間1階</t>
  </si>
  <si>
    <t>わかば薬局中央林間店</t>
  </si>
  <si>
    <t>大和市中央林間3-11-1 サンケイビルⅢ3F</t>
  </si>
  <si>
    <t>のぞみ薬局　２号店</t>
  </si>
  <si>
    <t>大和市中央林間3-12-15</t>
  </si>
  <si>
    <t>日本調剤　中央林間薬局</t>
  </si>
  <si>
    <t>大和市中央林間3-2-10　中央林間アネックスB1F</t>
  </si>
  <si>
    <t>くろだ薬局</t>
  </si>
  <si>
    <t>大和市中央林間3-2-6</t>
  </si>
  <si>
    <t>雙葉薬局</t>
  </si>
  <si>
    <t>大和市中央林間3ｰ11ｰ18サンケイビルⅤ</t>
  </si>
  <si>
    <t>さくら薬局　中央林間駅前店</t>
  </si>
  <si>
    <t>大和市中央林間3-5-11　野崎ビル中央林間1階</t>
  </si>
  <si>
    <t>大和市中央林間3-9-6 キャッスル町田1F</t>
  </si>
  <si>
    <t>大和市中央林間4-11-17</t>
  </si>
  <si>
    <t>ココカラファイン薬局　中央林間店</t>
  </si>
  <si>
    <t>大和市中央林間4-14-25 中央林間ジョイモアーズ1F</t>
  </si>
  <si>
    <t>田園ファーマシー</t>
  </si>
  <si>
    <t>大和市中央林間4-15-22</t>
  </si>
  <si>
    <t>アイン薬局　中央林間店</t>
  </si>
  <si>
    <t>大和市中央林間4-15-3　ジャストイン中央林間1F</t>
  </si>
  <si>
    <t>中央林間ファーマシー</t>
  </si>
  <si>
    <t>大和市中央林間4-29-22</t>
  </si>
  <si>
    <t>日本調剤　マルシェ中央林間薬局</t>
  </si>
  <si>
    <t>大和市中央林間4-4-3　小田急マルシェ中央林間3F</t>
  </si>
  <si>
    <t>有限会社　健康堂薬局</t>
  </si>
  <si>
    <t>大和市中央林間4ｰ5ｰ15 ＫＴ袴田ビル1階</t>
  </si>
  <si>
    <t>薬局トモズ中央林間東急スクエア店</t>
  </si>
  <si>
    <t>大和市中央林間4丁目12番1号　1F</t>
  </si>
  <si>
    <t>薬樹薬局　中央林間</t>
  </si>
  <si>
    <t>大和市中央林間4丁目16番20号　中央林間メディカルモール1F</t>
  </si>
  <si>
    <t>ペンギン薬局</t>
  </si>
  <si>
    <t>大和市中央林間4丁目5-5</t>
  </si>
  <si>
    <t>たけ薬局</t>
  </si>
  <si>
    <t>大和市中央林間5-1-4</t>
  </si>
  <si>
    <t>まごころ薬局</t>
  </si>
  <si>
    <t>大和市中央林間5-4-1</t>
  </si>
  <si>
    <t>まごころ薬局下鶴間店</t>
  </si>
  <si>
    <t>大和市中央林間7-1-8</t>
  </si>
  <si>
    <t>セブンス薬局中央林間店</t>
  </si>
  <si>
    <t>大和市中央林間8-25-10</t>
  </si>
  <si>
    <t>ウエルシア薬局大和中央林間店</t>
  </si>
  <si>
    <t>大和市中央林間8丁目25番2号</t>
  </si>
  <si>
    <t>クリエイト薬局　南林間ヒメシャラ通り店</t>
  </si>
  <si>
    <t>大和市中央林間西1-17-3</t>
  </si>
  <si>
    <t>ヤマグチ薬局　鶴間店</t>
  </si>
  <si>
    <t>大和市鶴間1-22-11　小林ビル1階</t>
  </si>
  <si>
    <t>オダギリ薬局　ライラック店</t>
  </si>
  <si>
    <t>大和市鶴間1-31-1</t>
  </si>
  <si>
    <t>大和鶴間薬局</t>
  </si>
  <si>
    <t>大和市鶴間1-3-5　SKビル1F</t>
  </si>
  <si>
    <t>つるまライラック薬局</t>
  </si>
  <si>
    <t>大和市鶴間1-3-7</t>
  </si>
  <si>
    <t>東城薬局</t>
  </si>
  <si>
    <t>大和市鶴間2-10-4</t>
  </si>
  <si>
    <t>オダギリ薬局　鶴間店</t>
  </si>
  <si>
    <t>大和市鶴間2-11-30</t>
  </si>
  <si>
    <t>新成堂ヤマト薬局</t>
  </si>
  <si>
    <t>大和市鶴間2-1-24　エスポルタ1F</t>
  </si>
  <si>
    <t>南林間薬局</t>
  </si>
  <si>
    <t>大和市南林間1ｰ7ｰ9</t>
  </si>
  <si>
    <t>ヴィーナス薬局</t>
  </si>
  <si>
    <t>大和市南林間1-19-14　牧口店舗A</t>
  </si>
  <si>
    <t>有限会社　今木薬局</t>
  </si>
  <si>
    <t>大和市南林間1-5-8</t>
  </si>
  <si>
    <t>今木薬局駅前店</t>
  </si>
  <si>
    <t>大和市南林間2-11-17</t>
  </si>
  <si>
    <t>川上調剤薬局</t>
  </si>
  <si>
    <t>大和市南林間2-5-3</t>
  </si>
  <si>
    <t>六条薬局</t>
  </si>
  <si>
    <t>大和市南林間5-10-6</t>
  </si>
  <si>
    <t>川上薬局</t>
  </si>
  <si>
    <t>大和市南林間7-11-1</t>
  </si>
  <si>
    <t>ヤマグチ薬局南林間店</t>
  </si>
  <si>
    <t>大和市南林間7-18-14-1号</t>
  </si>
  <si>
    <t>大和市南林間9-1-17</t>
  </si>
  <si>
    <t>大和桜ケ丘薬局</t>
  </si>
  <si>
    <t>大和市福田1-10-1</t>
  </si>
  <si>
    <t>桜ヶ丘中央薬局</t>
  </si>
  <si>
    <t>大和市福田1-7-8-102</t>
  </si>
  <si>
    <t>ハックドラッグ桜ヶ丘駅前薬局</t>
  </si>
  <si>
    <t>大和市福田2-3-1</t>
  </si>
  <si>
    <t>まごころ薬局　桜ケ丘店</t>
  </si>
  <si>
    <t>ドリームファーマシー</t>
  </si>
  <si>
    <t>大和市福田5515-1</t>
  </si>
  <si>
    <t>桜ヶ丘東口駅前薬局</t>
  </si>
  <si>
    <t>大和市福田5523-7</t>
  </si>
  <si>
    <t>ドラッグセイムス　大和柳橋薬局</t>
  </si>
  <si>
    <t>大和市柳橋1-5-6</t>
  </si>
  <si>
    <t>シーエス南林間薬局</t>
  </si>
  <si>
    <t>大和市林間1-7-8　ウィングマンションコスゲ1F</t>
  </si>
  <si>
    <t>日本調剤　南林間駅前薬局</t>
  </si>
  <si>
    <t>大和市林間2-1-24-1Ｆ</t>
  </si>
  <si>
    <t>有限会社　林間薬局</t>
  </si>
  <si>
    <t>大和市林間2-21-3</t>
  </si>
  <si>
    <t>調剤薬局ツルハドラッグ　南林間駅前店</t>
  </si>
  <si>
    <t>大和市林間2丁目1番1号　南林間リバゲイン1階</t>
  </si>
  <si>
    <t>薬樹薬局　南林間</t>
  </si>
  <si>
    <t>大和市林間2丁目1番24号　青木ビル1F</t>
  </si>
  <si>
    <t>健ナビ薬樹薬局　南林間</t>
  </si>
  <si>
    <t>大和市林間2丁目1番25号　ルックハイツ南林間1F</t>
  </si>
  <si>
    <t>中央堂北口薬局</t>
  </si>
  <si>
    <t>くじら薬局</t>
  </si>
  <si>
    <t>伊勢原市伊勢原1-21-24</t>
  </si>
  <si>
    <t>クリエイト薬局伊勢原一丁目店</t>
  </si>
  <si>
    <t>伊勢原市伊勢原1-34-17</t>
  </si>
  <si>
    <t>有限会社　快気堂薬局</t>
  </si>
  <si>
    <t>伊勢原市伊勢原1丁目16番4号</t>
  </si>
  <si>
    <t>薬師桃林堂薬局</t>
  </si>
  <si>
    <t>伊勢原市伊勢原1丁目18-3</t>
  </si>
  <si>
    <t>神仙堂調剤薬局駅前店</t>
  </si>
  <si>
    <t>伊勢原市伊勢原2-1-5</t>
  </si>
  <si>
    <t>神仙堂調剤薬局</t>
  </si>
  <si>
    <t>伊勢原市伊勢原2-2-6</t>
  </si>
  <si>
    <t>リブラ薬局　伊勢原店</t>
  </si>
  <si>
    <t>伊勢原市伊勢原2-3-1</t>
  </si>
  <si>
    <t>リブラ薬局　ひまわり店</t>
  </si>
  <si>
    <t>伊勢原市伊勢原2-5-35</t>
  </si>
  <si>
    <t>伊勢原市休日夜間薬局</t>
  </si>
  <si>
    <t>伊勢原市伊勢原2-7-31</t>
  </si>
  <si>
    <t>リブラ薬局　さくら通り店</t>
  </si>
  <si>
    <t>伊勢原市伊勢原3-19-23</t>
  </si>
  <si>
    <t>望星本町薬局</t>
  </si>
  <si>
    <t>伊勢原市伊勢原3-2-4</t>
  </si>
  <si>
    <t>クリエイト薬局伊勢原三丁目店</t>
  </si>
  <si>
    <t>伊勢原市伊勢原3-5-10　2F</t>
  </si>
  <si>
    <t>たから薬局伊勢原店</t>
  </si>
  <si>
    <t>伊勢原市下糟屋3005番5</t>
  </si>
  <si>
    <t>スギ薬局　伊勢原成瀬店</t>
  </si>
  <si>
    <t>伊勢原市下糟屋3022番地の1　ヨークマート伊勢原成瀬店1Ｆ</t>
  </si>
  <si>
    <t>望星薬局</t>
  </si>
  <si>
    <t>伊勢原市下糟屋96-2</t>
  </si>
  <si>
    <t>クリエイト薬局伊勢原下落合店</t>
  </si>
  <si>
    <t>伊勢原市下落合301-1</t>
  </si>
  <si>
    <t>アクタ薬局　高森店</t>
  </si>
  <si>
    <t>伊勢原市高森1296-3</t>
  </si>
  <si>
    <t>なかよし薬局　みらいが丘店</t>
  </si>
  <si>
    <t>伊勢原市高森2-3-2</t>
  </si>
  <si>
    <t>わかば薬局伊勢原店</t>
  </si>
  <si>
    <t>伊勢原市高森3-5-20</t>
  </si>
  <si>
    <t>伊勢原薬局</t>
  </si>
  <si>
    <t>伊勢原市桜台1-10-5　フィフスアベニュー1階</t>
  </si>
  <si>
    <t>やまどり薬局</t>
  </si>
  <si>
    <t>伊勢原市桜台1ｰ19ｰ1</t>
  </si>
  <si>
    <t>もみじ薬局</t>
  </si>
  <si>
    <t>伊勢原市桜台1-15-16　ファミリーハイツ萩原1F</t>
  </si>
  <si>
    <t>調剤薬局日本メディカルシステム　伊勢原店</t>
  </si>
  <si>
    <t>伊勢原市桜台1-2-34　伊勢原大神宮ビル1F</t>
  </si>
  <si>
    <t>薬局マツモトキヨシ　伊勢原桜台店</t>
  </si>
  <si>
    <t>伊勢原市桜台1丁目21-5</t>
  </si>
  <si>
    <t>中央堂伊勢原薬局</t>
  </si>
  <si>
    <t>伊勢原市桜台1丁目2番1号</t>
  </si>
  <si>
    <t>スギ薬局　伊勢原駅前店</t>
  </si>
  <si>
    <t>伊勢原市桜台1丁目3番3号　いせはらcoma2階</t>
  </si>
  <si>
    <t>調剤薬局日本メディカルシステム　伊勢原桜台店</t>
  </si>
  <si>
    <t>伊勢原市桜台2-1-25</t>
  </si>
  <si>
    <t>うりぼう薬局</t>
  </si>
  <si>
    <t>中央堂桜台薬局</t>
  </si>
  <si>
    <t>伊勢原市桜台3-1-14</t>
  </si>
  <si>
    <t>原之宿調剤薬局</t>
  </si>
  <si>
    <t>伊勢原市桜台3-14-27　ビュースフルマンション桜台1F</t>
  </si>
  <si>
    <t>かもめ薬局伊勢原店</t>
  </si>
  <si>
    <t>伊勢原市桜台3-4-14</t>
  </si>
  <si>
    <t>さくら台薬局</t>
  </si>
  <si>
    <t>伊勢原市桜台3-5-23　ディアコート産興101号</t>
  </si>
  <si>
    <t>クリエイト薬局伊勢原桜台店</t>
  </si>
  <si>
    <t>伊勢原市桜台4-23-22</t>
  </si>
  <si>
    <t>中央堂西沼目薬局</t>
  </si>
  <si>
    <t>伊勢原市沼目3-11-19</t>
  </si>
  <si>
    <t>快気堂薬局　上粕屋店</t>
  </si>
  <si>
    <t>伊勢原市上粕屋227-8</t>
  </si>
  <si>
    <t>伊勢原市神戸537</t>
  </si>
  <si>
    <t>なかよし薬局　高森店</t>
  </si>
  <si>
    <t>伊勢原市石田222-4</t>
  </si>
  <si>
    <t>クリエイト薬局伊勢原石田店</t>
  </si>
  <si>
    <t>伊勢原市石田411</t>
  </si>
  <si>
    <t>石田薬局</t>
  </si>
  <si>
    <t>伊勢原市石田667-1</t>
  </si>
  <si>
    <t>クリエイト薬局伊勢原坪ノ内店</t>
  </si>
  <si>
    <t>伊勢原市坪ノ内241-21</t>
  </si>
  <si>
    <t>アイン薬局　伊勢原店</t>
  </si>
  <si>
    <t>伊勢原市田中271-1</t>
  </si>
  <si>
    <t>そうごう薬局　伊勢原店</t>
  </si>
  <si>
    <t>伊勢原市田中292-1</t>
  </si>
  <si>
    <t>ウエルシア薬局伊勢原市役所前店</t>
  </si>
  <si>
    <t>伊勢原市田中311-1</t>
  </si>
  <si>
    <t>グウト薬局</t>
  </si>
  <si>
    <t>なかよし薬局　東大竹店</t>
  </si>
  <si>
    <t>伊勢原市東大竹1545-3</t>
  </si>
  <si>
    <t>つむぎ薬局</t>
  </si>
  <si>
    <t>伊勢原市板戸204-2</t>
  </si>
  <si>
    <t>たかはし薬局</t>
  </si>
  <si>
    <t>伊勢原市板戸891-1</t>
  </si>
  <si>
    <t>ＬＡＫＵ薬局</t>
  </si>
  <si>
    <t>海老名市さつき町1-22-106</t>
  </si>
  <si>
    <t>ガーデン薬局　ViNA GARDENS店</t>
  </si>
  <si>
    <t>海老名市めぐみ町3番1号6F</t>
  </si>
  <si>
    <t>ひとみ薬局　海老名店</t>
  </si>
  <si>
    <t>海老名市下今泉4-2-14</t>
  </si>
  <si>
    <t>ガーデン薬局あつぎ駅前在宅センター店</t>
  </si>
  <si>
    <t>海老名市河原口1-26-1</t>
  </si>
  <si>
    <t>ガーデン薬局河原口店</t>
  </si>
  <si>
    <t>海老名市河原口2-30-27</t>
  </si>
  <si>
    <t>クリエイト薬局海老名河原口店</t>
  </si>
  <si>
    <t>海老名市河原口2-8-30</t>
  </si>
  <si>
    <t>野崎調剤薬局</t>
  </si>
  <si>
    <t>海老名市国分寺台5丁目13番4号</t>
  </si>
  <si>
    <t>ガーデン薬局　中央店</t>
  </si>
  <si>
    <t>海老名市国分南3-7-16</t>
  </si>
  <si>
    <t>さくら薬局　海老名国分南店</t>
  </si>
  <si>
    <t>海老名市国分南3丁目8番11号</t>
  </si>
  <si>
    <t>サガミ薬局</t>
  </si>
  <si>
    <t>海老名市国分北1-38-16</t>
  </si>
  <si>
    <t>なの花薬局海老名国分店</t>
  </si>
  <si>
    <t>海老名市国分北1-4-35</t>
  </si>
  <si>
    <t>ガーデン薬局　在宅センター店</t>
  </si>
  <si>
    <t>海老名市国分北2-15-14-101</t>
  </si>
  <si>
    <t>クリエイトエス・ディー海老名国分北店薬局</t>
  </si>
  <si>
    <t>海老名市国分北2-7-12</t>
  </si>
  <si>
    <t>フジ薬局今里店</t>
  </si>
  <si>
    <t>海老名市今里1-10-15</t>
  </si>
  <si>
    <t>クリエイト薬局　海老名今里店</t>
  </si>
  <si>
    <t>海老名市今里2-15-23</t>
  </si>
  <si>
    <t>ハックドラッグ海老名上今泉薬局</t>
  </si>
  <si>
    <t>海老名市上今泉3-1-1</t>
  </si>
  <si>
    <t>なの花薬局海老名杉久保店</t>
  </si>
  <si>
    <t>海老名市杉久保北4-13-16</t>
  </si>
  <si>
    <t>三愛薬局杉久保店</t>
  </si>
  <si>
    <t>海老名市杉久保北4丁目3番10号</t>
  </si>
  <si>
    <t>シンワ薬局　海老名店</t>
  </si>
  <si>
    <t>海老名市扇町12-28　エースフォレスト1F</t>
  </si>
  <si>
    <t>薬局トモズららぽーと海老名店</t>
  </si>
  <si>
    <t>海老名市扇町13番1号　ららぽーと海老名1F</t>
  </si>
  <si>
    <t>なの花薬局海老名扇町店</t>
  </si>
  <si>
    <t>海老名市扇町3-6　MACセントラルビル1Ｆ</t>
  </si>
  <si>
    <t>ガーデン薬局西口店</t>
  </si>
  <si>
    <t>海老名市扇町5-8-102</t>
  </si>
  <si>
    <t>あい薬局　海老名駅前店</t>
  </si>
  <si>
    <t>海老名市泉1-3-21</t>
  </si>
  <si>
    <t>（有）サンエム　すずね調剤薬局</t>
  </si>
  <si>
    <t>海老名市大谷北4-2-13</t>
  </si>
  <si>
    <t>アイン薬局　海老名店</t>
  </si>
  <si>
    <t>ガーデン薬局</t>
  </si>
  <si>
    <t>海老名市中央1-19-35</t>
  </si>
  <si>
    <t>クオール薬局　マルイファミリー海老名店</t>
  </si>
  <si>
    <t>海老名市中央1-6-1　海老名マルイ3F</t>
  </si>
  <si>
    <t>スギ薬局ビナフロント海老名店</t>
  </si>
  <si>
    <t>海老名市中央1丁目2番2号　ビナフロント1F</t>
  </si>
  <si>
    <t>ヤマグチ薬局　海老名中央店</t>
  </si>
  <si>
    <t>海老名市中央2-4-45　池田ビル1F</t>
  </si>
  <si>
    <t>なの花薬局海老名中央店</t>
  </si>
  <si>
    <t>海老名市中央2-8-33</t>
  </si>
  <si>
    <t>スギ薬局　海老名駅東店</t>
  </si>
  <si>
    <t>海老名市中央2丁目8番29号</t>
  </si>
  <si>
    <t>イオン薬局海老名駅前店</t>
  </si>
  <si>
    <t>海老名市中央3-2-5</t>
  </si>
  <si>
    <t>あい薬局　海老名店</t>
  </si>
  <si>
    <t>海老名市中央3-3-1</t>
  </si>
  <si>
    <t>ゆり薬局</t>
  </si>
  <si>
    <t>海老名市中央3-3-18　中村第一ビル1Ｃ</t>
  </si>
  <si>
    <t>なの花薬局海老名駅前店</t>
  </si>
  <si>
    <t>海老名市中央3-4-3</t>
  </si>
  <si>
    <t>ドラッグくすり箱</t>
  </si>
  <si>
    <t>海老名市中野1-19-35</t>
  </si>
  <si>
    <t>クリエイト薬局新えびな中野店</t>
  </si>
  <si>
    <t>海老名市中野1-6-34</t>
  </si>
  <si>
    <t>ウエルシア薬局海老名東柏ヶ谷店</t>
  </si>
  <si>
    <t>海老名市東柏ケ谷1ｰ29ｰ31</t>
  </si>
  <si>
    <t>田辺漢方さがみ野薬局</t>
  </si>
  <si>
    <t>海老名市東柏ケ谷2-24-4</t>
  </si>
  <si>
    <t>すずらん薬局さがみ野店</t>
  </si>
  <si>
    <t>海老名市東柏ケ谷2-8-28</t>
  </si>
  <si>
    <t>日本調剤　さがみ野調剤薬局</t>
  </si>
  <si>
    <t>海老名市東柏ｹ谷3-13-6</t>
  </si>
  <si>
    <t>東柏ヶ谷薬局</t>
  </si>
  <si>
    <t>海老名市東柏ケ谷3-17-29　ペアさがみ野101号</t>
  </si>
  <si>
    <t>ハックドラッグさがみ野薬局</t>
  </si>
  <si>
    <t>海老名市東柏ケ谷3-3-15</t>
  </si>
  <si>
    <t>なの花薬局さがみ野店</t>
  </si>
  <si>
    <t>海老名市東柏ケ谷3-3-19</t>
  </si>
  <si>
    <t>スギ薬局　在宅調剤センター海老名店</t>
  </si>
  <si>
    <t>海老名市東柏ケ谷4丁目12番36号　ファミリーホスピスさがみ野ハウス1F</t>
  </si>
  <si>
    <t>スギ薬局　海老名東柏ヶ谷店</t>
  </si>
  <si>
    <t>海老名市東柏ケ谷4丁目12番4号</t>
  </si>
  <si>
    <t>薬局マツモトキヨシ　さがみ野店</t>
  </si>
  <si>
    <t>海老名市東柏ケ谷5-14-6</t>
  </si>
  <si>
    <t>あさひ薬局柏ヶ谷店</t>
  </si>
  <si>
    <t>海老名市東柏ケ谷5-18-19</t>
  </si>
  <si>
    <t>ライト薬局　さがみ野店</t>
  </si>
  <si>
    <t>ユニオン薬局</t>
  </si>
  <si>
    <t>海老名市東柏ケ谷6-20-27</t>
  </si>
  <si>
    <t>ポプラ薬局</t>
  </si>
  <si>
    <t>海老名市柏ケ谷1052-2-103</t>
  </si>
  <si>
    <t>みらい薬局　かしわ台店</t>
  </si>
  <si>
    <t>海老名市柏ヶ谷3丁目8-1</t>
  </si>
  <si>
    <t>スギ薬局　海老名中央店</t>
  </si>
  <si>
    <t>海老名市柏ケ谷415番地1</t>
  </si>
  <si>
    <t>クリエイト薬局かしわ台駅前店</t>
  </si>
  <si>
    <t>海老名市柏ケ谷640-2 1Ｆ</t>
  </si>
  <si>
    <t>海老名市柏ケ谷719-10</t>
  </si>
  <si>
    <t>あおば薬局　海老名本郷店</t>
  </si>
  <si>
    <t>海老名市本郷2666-1</t>
  </si>
  <si>
    <t>さくら薬局　座間さがみ野店</t>
  </si>
  <si>
    <t>座間市さがみ野1丁目12-8</t>
  </si>
  <si>
    <t>アイビス薬局　さがみ野店</t>
  </si>
  <si>
    <t>座間市さがみ野2-1-30</t>
  </si>
  <si>
    <t>わかば薬局さがみ野店</t>
  </si>
  <si>
    <t>座間市さがみ野3-1-9</t>
  </si>
  <si>
    <t>タカノ薬局</t>
  </si>
  <si>
    <t>座間市ひばりが丘1-40-2</t>
  </si>
  <si>
    <t>ウエルシア薬局座間ひばりが丘店</t>
  </si>
  <si>
    <t>座間市ひばりが丘4-9-3</t>
  </si>
  <si>
    <t>クリエイト薬局座間ひばりが丘店</t>
  </si>
  <si>
    <t>座間市ひばりが丘5-14-27</t>
  </si>
  <si>
    <t>栗原薬局</t>
  </si>
  <si>
    <t>座間市栗原912-2-3</t>
  </si>
  <si>
    <t>クリエイト薬局座間栗原中央店</t>
  </si>
  <si>
    <t>座間市栗原中央3-29-16</t>
  </si>
  <si>
    <t>イオン薬局イオンスタイル座間</t>
  </si>
  <si>
    <t>座間市広野台2-10-4-2F</t>
  </si>
  <si>
    <t>小俣薬局</t>
  </si>
  <si>
    <t>座間市座間1-3028</t>
  </si>
  <si>
    <t>座間市座間2-236-5</t>
  </si>
  <si>
    <t>相武台ひかり薬局</t>
  </si>
  <si>
    <t>座間市相武台1-26-26</t>
  </si>
  <si>
    <t>薬局マツモトキヨシ　小田急マルシェ相武台店</t>
  </si>
  <si>
    <t>座間市相武台1-33-2</t>
  </si>
  <si>
    <t>トモエ薬局</t>
  </si>
  <si>
    <t>座間市相武台1-35-7</t>
  </si>
  <si>
    <t>はーと薬局</t>
  </si>
  <si>
    <t>座間市相武台1-35-8</t>
  </si>
  <si>
    <t>アイン薬局　相武台店</t>
  </si>
  <si>
    <t>座間市相武台1-9-12</t>
  </si>
  <si>
    <t>座間市相武台3-19-3</t>
  </si>
  <si>
    <t>座間市相武台3-27-61</t>
  </si>
  <si>
    <t>相武台いずみ薬局</t>
  </si>
  <si>
    <t>座間市相武台3-42-55</t>
  </si>
  <si>
    <t>相模が丘薬局</t>
  </si>
  <si>
    <t>座間市相模が丘1-18-27</t>
  </si>
  <si>
    <t>クリエイト薬局小田急相模原店</t>
  </si>
  <si>
    <t>座間市相模が丘1-22-36　1F</t>
  </si>
  <si>
    <t>ヤシの木薬局　小田急相模原店</t>
  </si>
  <si>
    <t>座間市相模が丘1-25-3</t>
  </si>
  <si>
    <t>スギ薬局　相模が丘北店</t>
  </si>
  <si>
    <t>座間市相模が丘1丁目13番54号</t>
  </si>
  <si>
    <t>さくら薬局　座間相模が丘２丁目店</t>
  </si>
  <si>
    <t>座間市相模が丘2-40-3</t>
  </si>
  <si>
    <t>れもん薬局相模が丘</t>
  </si>
  <si>
    <t>座間市相模が丘3-54-1</t>
  </si>
  <si>
    <t>スギ薬局　相模が丘店</t>
  </si>
  <si>
    <t>座間市相模が丘3丁目61番46号</t>
  </si>
  <si>
    <t>ヤマグチ薬局　相模が丘店</t>
  </si>
  <si>
    <t>座間市相模が丘4-21-4</t>
  </si>
  <si>
    <t>こうふく薬局　相模が丘店</t>
  </si>
  <si>
    <t>座間市相模が丘4-74-24　東側2号室</t>
  </si>
  <si>
    <t>かもめ薬局　小田急相模原店</t>
  </si>
  <si>
    <t>座間市相模が丘5-3-17　日神パレステージ小田急相模原フロント102</t>
  </si>
  <si>
    <t>アイセイ薬局　相模が丘店</t>
  </si>
  <si>
    <t>座間市相模が丘5-42-11</t>
  </si>
  <si>
    <t>漢方のスギヤマ薬局　駅前店</t>
  </si>
  <si>
    <t>座間市相模が丘5-5-7　Brillia小田急相模原103</t>
  </si>
  <si>
    <t>中川薬局　相模台店</t>
  </si>
  <si>
    <t>座間市相模が丘6-24-14</t>
  </si>
  <si>
    <t>かもめ薬局　相模が丘店</t>
  </si>
  <si>
    <t>座間市相模が丘6-27-10</t>
  </si>
  <si>
    <t>さくら薬局　座間相模が丘店</t>
  </si>
  <si>
    <t>座間市相模が丘6-28-1</t>
  </si>
  <si>
    <t>コストコホールセール座間倉庫店薬局</t>
  </si>
  <si>
    <t>座間市東原1-13-3</t>
  </si>
  <si>
    <t>あい薬局　座間駅前本店</t>
  </si>
  <si>
    <t>座間市入谷西3-18-1</t>
  </si>
  <si>
    <t>平成薬局</t>
  </si>
  <si>
    <t>座間市入谷西3丁目19番23号</t>
  </si>
  <si>
    <t>ウエルシア薬局座間入谷店</t>
  </si>
  <si>
    <t>座間市入谷西4-6-5</t>
  </si>
  <si>
    <t>クリエイト薬局座間入谷一丁目店</t>
  </si>
  <si>
    <t>座間市入谷西5-2-3</t>
  </si>
  <si>
    <t>やまなみ薬局</t>
  </si>
  <si>
    <t>座間市入谷東2丁目32番9号</t>
  </si>
  <si>
    <t>調剤薬局あさがお入谷店</t>
  </si>
  <si>
    <t>座間市入谷東2丁目7番3号</t>
  </si>
  <si>
    <t>クリエイト薬局小田急マルシェ座間店</t>
  </si>
  <si>
    <t>座間市入谷東3-60-2　小田急マルシェ座間1 ・2階</t>
  </si>
  <si>
    <t>なの花薬局座間店</t>
  </si>
  <si>
    <t>座間市入谷東4-42-18　グリーンコート座間A</t>
  </si>
  <si>
    <t>調剤薬局あさがお立野台店</t>
  </si>
  <si>
    <t>座間市立野台2ｰ8ｰ29</t>
  </si>
  <si>
    <t>調剤薬局あさがお</t>
  </si>
  <si>
    <t>座間市立野台2丁目20番の25号</t>
  </si>
  <si>
    <t>日本調剤　座間薬局</t>
  </si>
  <si>
    <t>あおば薬局　座間店</t>
  </si>
  <si>
    <t>座間市緑ケ丘2-1-16</t>
  </si>
  <si>
    <t>有限会社　緑ヶ丘薬局</t>
  </si>
  <si>
    <t>座間市緑ケ丘5丁目6-33</t>
  </si>
  <si>
    <t>サワ薬局　関本店</t>
  </si>
  <si>
    <t>南足柄市関本1017</t>
  </si>
  <si>
    <t>サワ薬局　本店</t>
  </si>
  <si>
    <t>南足柄市関本565-5</t>
  </si>
  <si>
    <t>クリエイト薬局南足柄大雄山店</t>
  </si>
  <si>
    <t>南足柄市関本569　ヴェルミ２　2F</t>
  </si>
  <si>
    <t>ウエルシア薬局南足柄店</t>
  </si>
  <si>
    <t>南足柄市関本749-1</t>
  </si>
  <si>
    <t>イヌイ薬局</t>
  </si>
  <si>
    <t>南足柄市関本761-1</t>
  </si>
  <si>
    <t>南足柄市関本830-1</t>
  </si>
  <si>
    <t>ひだまり薬局</t>
  </si>
  <si>
    <t>南足柄市岩原330</t>
  </si>
  <si>
    <t>南足柄市沼田118-4</t>
  </si>
  <si>
    <t>りぼん薬局</t>
  </si>
  <si>
    <t>南足柄市沼田97-8　 国見ビル105号</t>
  </si>
  <si>
    <t>南足柄オクツ薬局</t>
  </si>
  <si>
    <t>南足柄市中沼595-3</t>
  </si>
  <si>
    <t>塚原薬局</t>
  </si>
  <si>
    <t>南足柄市塚原1411</t>
  </si>
  <si>
    <t>おおの薬局</t>
  </si>
  <si>
    <t>南足柄市塚原708-4</t>
  </si>
  <si>
    <t>アイビス薬局綾瀬店</t>
  </si>
  <si>
    <t>クラモト薬局</t>
  </si>
  <si>
    <t>綾瀬市小園南1-16-14</t>
  </si>
  <si>
    <t>クリエイト薬局　綾瀬上土棚店</t>
  </si>
  <si>
    <t>綾瀬市上土棚中1-11-22</t>
  </si>
  <si>
    <t>あけぼの薬局　綾瀬店</t>
  </si>
  <si>
    <t>綾瀬市上土棚中1-1-14</t>
  </si>
  <si>
    <t>ドラッグセイムス　綾瀬南薬局</t>
  </si>
  <si>
    <t>綾瀬市上土棚中3-4-11</t>
  </si>
  <si>
    <t>アイビス薬局南綾瀬店</t>
  </si>
  <si>
    <t>綾瀬市上土棚中4丁目1番108号</t>
  </si>
  <si>
    <t>クリエイト薬局南綾瀬店</t>
  </si>
  <si>
    <t>綾瀬市上土棚南2-7-83</t>
  </si>
  <si>
    <t>さくら薬局　綾瀬中央店</t>
  </si>
  <si>
    <t>綾瀬市深谷上1-12-43</t>
  </si>
  <si>
    <t>クリエイト薬局綾瀬深谷上店</t>
  </si>
  <si>
    <t>綾瀬市深谷上6-51-17</t>
  </si>
  <si>
    <t>さくら薬局　綾瀬深谷店</t>
  </si>
  <si>
    <t>綾瀬市深谷中1丁目4番14号</t>
  </si>
  <si>
    <t>南山堂薬局　綾瀬店</t>
  </si>
  <si>
    <t>綾瀬市深谷中1丁目8番1号</t>
  </si>
  <si>
    <t>スギ薬局　綾瀬深谷店</t>
  </si>
  <si>
    <t>綾瀬市深谷中3丁目7番55号</t>
  </si>
  <si>
    <t>調剤薬局ツルハドラッグライズモール綾瀬店</t>
  </si>
  <si>
    <t>綾瀬市深谷中7丁目18-2</t>
  </si>
  <si>
    <t>さくら薬局　ライズモール綾瀬店</t>
  </si>
  <si>
    <t>大信薬局　綾瀬店</t>
  </si>
  <si>
    <t>綾瀬市深谷南1-5-5</t>
  </si>
  <si>
    <t>有限会社　綾瀬保険調剤薬局</t>
  </si>
  <si>
    <t>綾瀬市深谷南3-1-52</t>
  </si>
  <si>
    <t>クローバー薬局早川城山店</t>
  </si>
  <si>
    <t>綾瀬市早川城山1-3-1</t>
  </si>
  <si>
    <t>クリエイト薬局　綾瀬大上店</t>
  </si>
  <si>
    <t>綾瀬市大上1-9-2　2F</t>
  </si>
  <si>
    <t>天仁堂薬局</t>
  </si>
  <si>
    <t>綾瀬市大上3-14-2</t>
  </si>
  <si>
    <t>葉山ひかり薬局二号店</t>
  </si>
  <si>
    <t>三浦郡葉山町一色1717</t>
  </si>
  <si>
    <t>葉山ひかり薬局一号店</t>
  </si>
  <si>
    <t>三浦郡葉山町一色1736-2</t>
  </si>
  <si>
    <t>ハックドラッグ葉山薬局</t>
  </si>
  <si>
    <t>三浦郡葉山町一色2012</t>
  </si>
  <si>
    <t>ハックドラッグ葉山一色薬局</t>
  </si>
  <si>
    <t>三浦郡葉山町一色693-1</t>
  </si>
  <si>
    <t>共創未来　長柄薬局</t>
  </si>
  <si>
    <t>三浦郡葉山町長柄854-1</t>
  </si>
  <si>
    <t>クリエイト薬局葉山長柄店</t>
  </si>
  <si>
    <t>三浦郡葉山町長柄856-1</t>
  </si>
  <si>
    <t>たちばな薬局向原店</t>
  </si>
  <si>
    <t>三浦郡葉山町堀内1818</t>
  </si>
  <si>
    <t>株式会社橘薬局</t>
  </si>
  <si>
    <t>三浦郡葉山町堀内936</t>
  </si>
  <si>
    <t>クリエイト薬局　寒川駅南店</t>
  </si>
  <si>
    <t>高座郡寒川町一之宮1-8-29</t>
  </si>
  <si>
    <t>ふくにし薬局寒川駅前店</t>
  </si>
  <si>
    <t>高座郡寒川町一之宮1-9-3</t>
  </si>
  <si>
    <t>寒川スマイル薬局</t>
  </si>
  <si>
    <t>高座郡寒川町一之宮1丁目3-4</t>
  </si>
  <si>
    <t>ドラッグセイムス寒川駅前薬局</t>
  </si>
  <si>
    <t>高座郡寒川町岡田1-20-3</t>
  </si>
  <si>
    <t>寒川駅前薬局</t>
  </si>
  <si>
    <t>高座郡寒川町岡田1-4-3</t>
  </si>
  <si>
    <t>クリエイト薬局寒川店</t>
  </si>
  <si>
    <t>高座郡寒川町岡田3-15-15</t>
  </si>
  <si>
    <t>高座郡寒川町岡田3-9-59</t>
  </si>
  <si>
    <t>湘南薬局</t>
  </si>
  <si>
    <t>高座郡寒川町岡田5-5-8</t>
  </si>
  <si>
    <t>スギ薬局　寒川店</t>
  </si>
  <si>
    <t>高座郡寒川町岡田5丁目17番3号　アメリア寒川ショッピングセンターＡ棟</t>
  </si>
  <si>
    <t>株式会社アサヒファーマシー　一之宮薬局</t>
  </si>
  <si>
    <t>高座郡寒川町宮山178-3</t>
  </si>
  <si>
    <t>株式会社アサヒファーマシー　寒川薬局</t>
  </si>
  <si>
    <t>高座郡寒川町宮山199-1</t>
  </si>
  <si>
    <t>旭が丘薬局</t>
  </si>
  <si>
    <t>高座郡寒川町宮山3018-6</t>
  </si>
  <si>
    <t>すいせん薬局</t>
  </si>
  <si>
    <t>高座郡寒川町宮山3242-2</t>
  </si>
  <si>
    <t>クリエイト薬局寒川小谷店</t>
  </si>
  <si>
    <t>高座郡寒川町小谷1-1-41</t>
  </si>
  <si>
    <t>ハックドラッグ寒川駅前薬局</t>
  </si>
  <si>
    <t>高座郡寒川町小谷57</t>
  </si>
  <si>
    <t>寒川ひかり薬局</t>
  </si>
  <si>
    <t>高座郡寒川町倉見1744-1</t>
  </si>
  <si>
    <t>クリエイト薬局倉見才戸店</t>
  </si>
  <si>
    <t>高座郡寒川町倉見2072-1</t>
  </si>
  <si>
    <t>クリエイト薬局新寒川倉見店</t>
  </si>
  <si>
    <t>高座郡寒川町倉見679-1</t>
  </si>
  <si>
    <t>ハックドラッグ寒川薬局</t>
  </si>
  <si>
    <t>高座郡寒川町大曲2-5-8</t>
  </si>
  <si>
    <t>ウエルシア薬局寒川大曲店</t>
  </si>
  <si>
    <t>高座郡寒川町大曲3-1-12</t>
  </si>
  <si>
    <t>佐久間薬局</t>
  </si>
  <si>
    <t>高座郡寒川町中瀬19-2</t>
  </si>
  <si>
    <t>シオン薬局　大磯月京店</t>
  </si>
  <si>
    <t>中郡大磯町月京17-20</t>
  </si>
  <si>
    <t>新成堂薬局大磯店</t>
  </si>
  <si>
    <t>中郡大磯町月京30-17</t>
  </si>
  <si>
    <t>望星大磯薬局</t>
  </si>
  <si>
    <t>中郡大磯町月京30-18</t>
  </si>
  <si>
    <t>シオンドラッグ　大磯国府薬局</t>
  </si>
  <si>
    <t>中郡大磯町月京3-25</t>
  </si>
  <si>
    <t>ことのは薬局</t>
  </si>
  <si>
    <t>中郡大磯町高麗2-25-2</t>
  </si>
  <si>
    <t>スギ薬局　平塚西店</t>
  </si>
  <si>
    <t>中郡大磯町高麗3丁目3番8号</t>
  </si>
  <si>
    <t>すみれ調剤薬局　大磯店</t>
  </si>
  <si>
    <t>中郡大磯町国府新宿399-6</t>
  </si>
  <si>
    <t>大磯薬局</t>
  </si>
  <si>
    <t>中郡大磯町国府新宿528</t>
  </si>
  <si>
    <t>栄進　おおいそ薬局</t>
  </si>
  <si>
    <t>中郡大磯町大磯1123</t>
  </si>
  <si>
    <t>すずかぜ薬局</t>
  </si>
  <si>
    <t>中郡大磯町大磯1187－1</t>
  </si>
  <si>
    <t>たるもと薬局</t>
  </si>
  <si>
    <t>中郡大磯町大磯1654-8</t>
  </si>
  <si>
    <t>たるもと薬局　大磯支店</t>
  </si>
  <si>
    <t>中郡大磯町大磯468</t>
  </si>
  <si>
    <t>クリエイト薬局大磯駅前店</t>
  </si>
  <si>
    <t>中郡大磯町大磯870-1</t>
  </si>
  <si>
    <t>出口薬局</t>
  </si>
  <si>
    <t>中郡大磯町大磯952</t>
  </si>
  <si>
    <t>しんわ薬局　大磯店</t>
  </si>
  <si>
    <t>中郡大磯町東小磯10-7</t>
  </si>
  <si>
    <t>クリエイト薬局二宮山西店</t>
  </si>
  <si>
    <t>中郡二宮町山西306-1</t>
  </si>
  <si>
    <t>にこにこ薬局</t>
  </si>
  <si>
    <t>中郡二宮町中里1303-1</t>
  </si>
  <si>
    <t>アミー薬局</t>
  </si>
  <si>
    <t>中郡二宮町中里988-2</t>
  </si>
  <si>
    <t>たまご薬局</t>
  </si>
  <si>
    <t>中郡二宮町二宮1133</t>
  </si>
  <si>
    <t>有限会社　中栄堂薬局　二宮店</t>
  </si>
  <si>
    <t>中郡二宮町二宮1284-4</t>
  </si>
  <si>
    <t>くすのき薬局　二宮店</t>
  </si>
  <si>
    <t>中郡二宮町二宮1301</t>
  </si>
  <si>
    <t>有限会社あかね調剤薬局　あすなろ薬局</t>
  </si>
  <si>
    <t>中郡二宮町二宮147-2</t>
  </si>
  <si>
    <t>おはな薬局</t>
  </si>
  <si>
    <t>中郡二宮町二宮208</t>
  </si>
  <si>
    <t>三愛薬局</t>
  </si>
  <si>
    <t>中郡二宮町二宮821-10</t>
  </si>
  <si>
    <t>さいとう薬局</t>
  </si>
  <si>
    <t>中郡二宮町二宮823</t>
  </si>
  <si>
    <t>中郡二宮町百合が丘1-1-2</t>
  </si>
  <si>
    <t>百合が丘調剤薬局</t>
  </si>
  <si>
    <t>中郡二宮町百合が丘2-2-1</t>
  </si>
  <si>
    <t>ファイン薬局</t>
  </si>
  <si>
    <t>中郡二宮町百合が丘2丁目3番1号</t>
  </si>
  <si>
    <t>二宮調剤・サンワ薬局</t>
  </si>
  <si>
    <t>中郡二宮町百合が丘3-1-6</t>
  </si>
  <si>
    <t>クリエイト薬局ライズモール中井町店</t>
  </si>
  <si>
    <t>足柄上郡中井町井ノ口1848-1</t>
  </si>
  <si>
    <t>なかいまち薬局</t>
  </si>
  <si>
    <t>足柄上郡中井町井ノ口1876-1</t>
  </si>
  <si>
    <t>ゆめ薬局</t>
  </si>
  <si>
    <t>足柄上郡中井町比奈窪93-1</t>
  </si>
  <si>
    <t>藤井薬局</t>
  </si>
  <si>
    <t>足柄上郡中井町北田523-6</t>
  </si>
  <si>
    <t>ファーマシー未来堂</t>
  </si>
  <si>
    <t>足柄上郡大井町金子1376-1</t>
  </si>
  <si>
    <t>ほしぞら薬局</t>
  </si>
  <si>
    <t>足柄上郡大井町金子1643-1</t>
  </si>
  <si>
    <t>さわやか薬局</t>
  </si>
  <si>
    <t>足柄上郡大井町金子1924-2</t>
  </si>
  <si>
    <t>ヤマグチ薬局　大井町店</t>
  </si>
  <si>
    <t>足柄上郡大井町金子2601-8</t>
  </si>
  <si>
    <t>おおい薬局</t>
  </si>
  <si>
    <t>足柄上郡大井町金子43</t>
  </si>
  <si>
    <t>クリエイト薬局足柄上大井店</t>
  </si>
  <si>
    <t>足柄上郡大井町上大井127-1</t>
  </si>
  <si>
    <t>大井町調剤薬局</t>
  </si>
  <si>
    <t>足柄上郡大井町上大井410ｰ5</t>
  </si>
  <si>
    <t>足柄上郡松田町松田庶子1533-2</t>
  </si>
  <si>
    <t>足柄上郡松田町松田惣領1030-1</t>
  </si>
  <si>
    <t>ファーマシーくすりばこ</t>
  </si>
  <si>
    <t>足柄上郡松田町松田惣領1375-1</t>
  </si>
  <si>
    <t>なでしこ薬局</t>
  </si>
  <si>
    <t>足柄上郡松田町松田惣領2044</t>
  </si>
  <si>
    <t>イヌイ薬局新松田支店</t>
  </si>
  <si>
    <t>足柄上郡松田町松田惣領895-2</t>
  </si>
  <si>
    <t>太陽薬局</t>
  </si>
  <si>
    <t>足柄上郡山北町向原150</t>
  </si>
  <si>
    <t>あおば薬局　山北店</t>
  </si>
  <si>
    <t>足柄上郡山北町山北320-1</t>
  </si>
  <si>
    <t>コスモス薬局</t>
  </si>
  <si>
    <t>足柄上郡山北町山北711-38</t>
  </si>
  <si>
    <t>やまぶき薬局</t>
  </si>
  <si>
    <t>足柄上郡山北町谷ケ1018-20</t>
  </si>
  <si>
    <t>足柄上郡開成町みなみ1-22-13</t>
  </si>
  <si>
    <t>ウエルシア薬局開成牛島店</t>
  </si>
  <si>
    <t>足柄上郡開成町みなみ1-5-8</t>
  </si>
  <si>
    <t>ルナ薬局　開成店</t>
  </si>
  <si>
    <t>足柄上郡開成町みなみ4丁目5番18</t>
  </si>
  <si>
    <t>きずな薬局</t>
  </si>
  <si>
    <t>足柄上郡開成町みなみ5-4-17</t>
  </si>
  <si>
    <t>クリエイト薬局開成町店</t>
  </si>
  <si>
    <t>足柄上郡開成町円通寺35-1</t>
  </si>
  <si>
    <t>アイアイ薬局</t>
  </si>
  <si>
    <t>足柄上郡開成町延沢863-1-102</t>
  </si>
  <si>
    <t>足柄上郡開成町吉田島2818-2</t>
  </si>
  <si>
    <t>吉田島薬局</t>
  </si>
  <si>
    <t>足柄上郡開成町吉田島370</t>
  </si>
  <si>
    <t>ウイン薬局開成店</t>
  </si>
  <si>
    <t>足柄上郡開成町吉田島4320-1</t>
  </si>
  <si>
    <t>足柄上郡開成町吉田島4352-3</t>
  </si>
  <si>
    <t>開成駅前オクツ薬局</t>
  </si>
  <si>
    <t>足柄上郡開成町吉田島4364ｰ4</t>
  </si>
  <si>
    <t>イエロー・グリーン薬局　かいせい店</t>
  </si>
  <si>
    <t>足柄上郡開成町牛島276-1</t>
  </si>
  <si>
    <t>有限会社　あかね調剤薬局</t>
  </si>
  <si>
    <t>足柄下郡箱根町宮城野625-1</t>
  </si>
  <si>
    <t>森の薬局</t>
  </si>
  <si>
    <t>足柄下郡箱根町仙石原977-25</t>
  </si>
  <si>
    <t>旧街道櫻木薬局</t>
  </si>
  <si>
    <t>足柄下郡箱根町湯本497の1</t>
  </si>
  <si>
    <t>桜木薬局</t>
  </si>
  <si>
    <t>足柄下郡箱根町湯本692</t>
  </si>
  <si>
    <t>セイジョー薬局　真鶴店</t>
  </si>
  <si>
    <t>足柄下郡真鶴町岩246-2</t>
  </si>
  <si>
    <t>有限会社　吉田薬局</t>
  </si>
  <si>
    <t>足柄下郡真鶴町真鶴714</t>
  </si>
  <si>
    <t>クリエイト薬局真鶴駅前店</t>
  </si>
  <si>
    <t>足柄下郡真鶴町真鶴字深渕383-9</t>
  </si>
  <si>
    <t>有限会社トキワ薬局　宮上店</t>
  </si>
  <si>
    <t>足柄下郡湯河原町宮上50-7</t>
  </si>
  <si>
    <t>有限会社　トキワ薬局</t>
  </si>
  <si>
    <t>足柄下郡湯河原町中央1-25-13</t>
  </si>
  <si>
    <t>ポプラ薬局湯河原中央店</t>
  </si>
  <si>
    <t>足柄下郡湯河原町中央2丁目6-9</t>
  </si>
  <si>
    <t>アイン薬局　湯河原店</t>
  </si>
  <si>
    <t>足柄下郡湯河原町中央2丁目7-15</t>
  </si>
  <si>
    <t>クオール薬局　湯河原店</t>
  </si>
  <si>
    <t>足柄下郡湯河原町土肥1-14-13</t>
  </si>
  <si>
    <t>さくら薬局　湯河原駅前店</t>
  </si>
  <si>
    <t>まごころ薬局　ゆがわら店</t>
  </si>
  <si>
    <t>足柄下郡湯河原町土肥2-5-14</t>
  </si>
  <si>
    <t>湯河原中央調剤薬局</t>
  </si>
  <si>
    <t>足柄下郡湯河原町土肥4-1-13</t>
  </si>
  <si>
    <t>ウエルシア薬局湯河原店</t>
  </si>
  <si>
    <t>足柄下郡湯河原町土肥5-8-2</t>
  </si>
  <si>
    <t>つばめ薬局</t>
  </si>
  <si>
    <t>足柄下郡湯河原町門川441-1</t>
  </si>
  <si>
    <t>なかよし薬局　愛川店</t>
  </si>
  <si>
    <t>いしばし薬局　愛川角田店</t>
  </si>
  <si>
    <t>愛甲郡愛川町角田158-3</t>
  </si>
  <si>
    <t>なかよし薬局　局前店</t>
  </si>
  <si>
    <t>みのわ薬局</t>
  </si>
  <si>
    <t>愛甲郡愛川町角田274-3</t>
  </si>
  <si>
    <t>愛川薬局</t>
  </si>
  <si>
    <t>愛甲郡愛川町角田289ｰ1</t>
  </si>
  <si>
    <t>クリエイト薬局　愛川角田店</t>
  </si>
  <si>
    <t>愛甲郡愛川町角田490-2</t>
  </si>
  <si>
    <t>クリエイト薬局愛川春日台店</t>
  </si>
  <si>
    <t>愛甲郡愛川町中津1597-1</t>
  </si>
  <si>
    <t>ヤマグチ薬局　中津店</t>
  </si>
  <si>
    <t>愛甲郡愛川町中津1718-10</t>
  </si>
  <si>
    <t>オガタ薬局　春日台店</t>
  </si>
  <si>
    <t>愛甲郡愛川町中津1814-2</t>
  </si>
  <si>
    <t>なかよし薬局　中津店</t>
  </si>
  <si>
    <t>愛甲郡愛川町中津2037-7</t>
  </si>
  <si>
    <t>アイ薬局中津店</t>
  </si>
  <si>
    <t>愛甲郡愛川町中津3400-1　ゴトープラザ3号</t>
  </si>
  <si>
    <t>クリエイト薬局愛川中津南店</t>
  </si>
  <si>
    <t>愛甲郡愛川町中津3545-5</t>
  </si>
  <si>
    <t>株式会社いとう薬局</t>
  </si>
  <si>
    <t>愛甲郡愛川町中津7478-10</t>
  </si>
  <si>
    <t>セブンス薬局　愛川店</t>
  </si>
  <si>
    <t>愛甲郡愛川町中津754ｰ1</t>
  </si>
  <si>
    <t>共創未来　あいかわ薬局</t>
  </si>
  <si>
    <t>愛甲郡愛川町中津973-２</t>
  </si>
  <si>
    <t>ひなた薬局半原店</t>
  </si>
  <si>
    <t>愛甲郡愛川町半原2274</t>
  </si>
  <si>
    <t>しんわ薬局　半原店</t>
  </si>
  <si>
    <t>愛甲郡愛川町半原2725-2</t>
  </si>
  <si>
    <t>クリエイト薬局愛川半原店</t>
  </si>
  <si>
    <t>愛甲郡愛川町半原3877-1</t>
  </si>
  <si>
    <t>平塚市紅谷町17番1号興栄ビル3F</t>
    <phoneticPr fontId="3"/>
  </si>
  <si>
    <t>医療法人　鷗友会　白鷗医院</t>
    <rPh sb="5" eb="6">
      <t>カモメ</t>
    </rPh>
    <rPh sb="10" eb="11">
      <t>カモメ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yyyy&quot;年&quot;m&quot;月&quot;d&quot;日&quot;;@"/>
  </numFmts>
  <fonts count="20" x14ac:knownFonts="1">
    <font>
      <sz val="11"/>
      <color theme="1"/>
      <name val="游ゴシック"/>
      <family val="2"/>
      <charset val="128"/>
      <scheme val="minor"/>
    </font>
    <font>
      <sz val="12"/>
      <color theme="1"/>
      <name val="ＭＳ 明朝"/>
      <family val="2"/>
      <charset val="128"/>
    </font>
    <font>
      <sz val="12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name val="ＭＳ 明朝"/>
      <family val="1"/>
      <charset val="128"/>
    </font>
    <font>
      <sz val="10"/>
      <name val="游ゴシック"/>
      <family val="3"/>
      <charset val="128"/>
      <scheme val="minor"/>
    </font>
    <font>
      <sz val="12"/>
      <name val="ＭＳ 明朝"/>
      <family val="2"/>
      <charset val="128"/>
    </font>
    <font>
      <b/>
      <sz val="12"/>
      <name val="ＭＳ Ｐゴシック"/>
      <family val="3"/>
      <charset val="128"/>
    </font>
    <font>
      <sz val="6"/>
      <name val="ＭＳ 明朝"/>
      <family val="2"/>
      <charset val="128"/>
    </font>
    <font>
      <b/>
      <sz val="12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sz val="12"/>
      <name val="ＭＳ ゴシック"/>
      <family val="3"/>
      <charset val="128"/>
    </font>
    <font>
      <sz val="12"/>
      <color rgb="FF0070C0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0"/>
      <name val="ＭＳ 明朝"/>
      <family val="1"/>
      <charset val="128"/>
    </font>
    <font>
      <sz val="12"/>
      <color theme="1"/>
      <name val="游ゴシック"/>
      <family val="3"/>
      <charset val="128"/>
      <scheme val="minor"/>
    </font>
    <font>
      <b/>
      <sz val="12"/>
      <color theme="1"/>
      <name val="ＭＳ 明朝"/>
      <family val="2"/>
      <charset val="128"/>
    </font>
    <font>
      <b/>
      <sz val="10"/>
      <name val="游ゴシック"/>
      <family val="3"/>
      <charset val="128"/>
      <scheme val="minor"/>
    </font>
    <font>
      <b/>
      <sz val="10"/>
      <color theme="1"/>
      <name val="游ゴシック"/>
      <family val="3"/>
      <charset val="128"/>
      <scheme val="minor"/>
    </font>
    <font>
      <b/>
      <sz val="1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1" fillId="0" borderId="0">
      <alignment vertical="center"/>
    </xf>
    <xf numFmtId="0" fontId="1" fillId="0" borderId="0">
      <alignment vertical="center"/>
    </xf>
  </cellStyleXfs>
  <cellXfs count="55">
    <xf numFmtId="0" fontId="0" fillId="0" borderId="0" xfId="0">
      <alignment vertical="center"/>
    </xf>
    <xf numFmtId="0" fontId="2" fillId="0" borderId="0" xfId="1" applyFont="1" applyAlignment="1">
      <alignment vertical="center" shrinkToFit="1"/>
    </xf>
    <xf numFmtId="0" fontId="2" fillId="0" borderId="0" xfId="1" applyFont="1" applyAlignment="1">
      <alignment horizontal="right" vertical="center" shrinkToFit="1"/>
    </xf>
    <xf numFmtId="176" fontId="4" fillId="0" borderId="0" xfId="1" applyNumberFormat="1" applyFont="1" applyAlignment="1">
      <alignment horizontal="center" vertical="center"/>
    </xf>
    <xf numFmtId="0" fontId="5" fillId="0" borderId="0" xfId="1" applyFont="1" applyAlignment="1">
      <alignment horizontal="left" vertical="center" shrinkToFit="1"/>
    </xf>
    <xf numFmtId="0" fontId="6" fillId="0" borderId="0" xfId="1" applyFont="1">
      <alignment vertical="center"/>
    </xf>
    <xf numFmtId="0" fontId="7" fillId="2" borderId="1" xfId="1" applyFont="1" applyFill="1" applyBorder="1" applyAlignment="1">
      <alignment horizontal="center" vertical="center" wrapText="1" shrinkToFit="1"/>
    </xf>
    <xf numFmtId="0" fontId="7" fillId="2" borderId="1" xfId="1" applyFont="1" applyFill="1" applyBorder="1" applyAlignment="1">
      <alignment horizontal="center" vertical="center" wrapText="1"/>
    </xf>
    <xf numFmtId="176" fontId="7" fillId="2" borderId="1" xfId="1" applyNumberFormat="1" applyFont="1" applyFill="1" applyBorder="1" applyAlignment="1">
      <alignment horizontal="center" vertical="center" wrapText="1"/>
    </xf>
    <xf numFmtId="0" fontId="9" fillId="0" borderId="1" xfId="1" applyFont="1" applyBorder="1" applyAlignment="1">
      <alignment horizontal="left" vertical="center" wrapText="1" shrinkToFit="1"/>
    </xf>
    <xf numFmtId="0" fontId="10" fillId="0" borderId="1" xfId="1" applyFont="1" applyBorder="1" applyAlignment="1">
      <alignment horizontal="right" vertical="center"/>
    </xf>
    <xf numFmtId="176" fontId="10" fillId="0" borderId="1" xfId="1" applyNumberFormat="1" applyFont="1" applyBorder="1">
      <alignment vertical="center"/>
    </xf>
    <xf numFmtId="0" fontId="1" fillId="0" borderId="0" xfId="1">
      <alignment vertical="center"/>
    </xf>
    <xf numFmtId="0" fontId="9" fillId="0" borderId="1" xfId="1" applyFont="1" applyBorder="1" applyAlignment="1">
      <alignment horizontal="left" vertical="center" wrapText="1"/>
    </xf>
    <xf numFmtId="0" fontId="9" fillId="0" borderId="1" xfId="2" applyFont="1" applyBorder="1" applyAlignment="1">
      <alignment horizontal="left" vertical="center" wrapText="1" shrinkToFit="1"/>
    </xf>
    <xf numFmtId="0" fontId="9" fillId="0" borderId="1" xfId="1" applyFont="1" applyBorder="1" applyAlignment="1">
      <alignment vertical="center" wrapText="1"/>
    </xf>
    <xf numFmtId="0" fontId="10" fillId="0" borderId="1" xfId="1" applyFont="1" applyBorder="1" applyAlignment="1">
      <alignment vertical="center" wrapText="1"/>
    </xf>
    <xf numFmtId="0" fontId="9" fillId="0" borderId="1" xfId="3" applyFont="1" applyBorder="1" applyAlignment="1">
      <alignment horizontal="left" vertical="center" wrapText="1" shrinkToFit="1"/>
    </xf>
    <xf numFmtId="0" fontId="9" fillId="0" borderId="1" xfId="1" applyFont="1" applyBorder="1" applyAlignment="1">
      <alignment horizontal="right" vertical="center" wrapText="1"/>
    </xf>
    <xf numFmtId="0" fontId="9" fillId="0" borderId="1" xfId="3" applyFont="1" applyBorder="1" applyAlignment="1">
      <alignment horizontal="left" vertical="center" wrapText="1"/>
    </xf>
    <xf numFmtId="0" fontId="9" fillId="0" borderId="1" xfId="3" applyFont="1" applyBorder="1" applyAlignment="1">
      <alignment horizontal="right" vertical="center" wrapText="1"/>
    </xf>
    <xf numFmtId="0" fontId="9" fillId="0" borderId="1" xfId="1" applyFont="1" applyBorder="1" applyAlignment="1">
      <alignment horizontal="right" vertical="center"/>
    </xf>
    <xf numFmtId="0" fontId="10" fillId="0" borderId="1" xfId="1" applyFont="1" applyBorder="1">
      <alignment vertical="center"/>
    </xf>
    <xf numFmtId="0" fontId="9" fillId="0" borderId="1" xfId="1" applyFont="1" applyBorder="1" applyAlignment="1">
      <alignment horizontal="right" vertical="center" wrapText="1" shrinkToFit="1"/>
    </xf>
    <xf numFmtId="0" fontId="4" fillId="0" borderId="0" xfId="1" applyFont="1">
      <alignment vertical="center"/>
    </xf>
    <xf numFmtId="0" fontId="12" fillId="0" borderId="0" xfId="1" applyFont="1">
      <alignment vertical="center"/>
    </xf>
    <xf numFmtId="0" fontId="10" fillId="0" borderId="1" xfId="1" applyFont="1" applyBorder="1" applyAlignment="1">
      <alignment horizontal="right" vertical="center" wrapText="1"/>
    </xf>
    <xf numFmtId="176" fontId="10" fillId="0" borderId="1" xfId="1" applyNumberFormat="1" applyFont="1" applyBorder="1" applyAlignment="1">
      <alignment vertical="center" wrapText="1"/>
    </xf>
    <xf numFmtId="0" fontId="13" fillId="0" borderId="0" xfId="1" applyFont="1">
      <alignment vertical="center"/>
    </xf>
    <xf numFmtId="0" fontId="9" fillId="0" borderId="1" xfId="1" applyFont="1" applyBorder="1">
      <alignment vertical="center"/>
    </xf>
    <xf numFmtId="0" fontId="9" fillId="3" borderId="1" xfId="1" applyFont="1" applyFill="1" applyBorder="1" applyAlignment="1">
      <alignment horizontal="left" vertical="center" wrapText="1"/>
    </xf>
    <xf numFmtId="0" fontId="9" fillId="3" borderId="1" xfId="1" applyFont="1" applyFill="1" applyBorder="1" applyAlignment="1">
      <alignment horizontal="right" vertical="center" wrapText="1"/>
    </xf>
    <xf numFmtId="176" fontId="9" fillId="0" borderId="1" xfId="1" applyNumberFormat="1" applyFont="1" applyBorder="1">
      <alignment vertical="center"/>
    </xf>
    <xf numFmtId="176" fontId="9" fillId="0" borderId="1" xfId="1" applyNumberFormat="1" applyFont="1" applyBorder="1" applyAlignment="1">
      <alignment horizontal="right" vertical="center" wrapText="1"/>
    </xf>
    <xf numFmtId="0" fontId="10" fillId="0" borderId="1" xfId="1" applyFont="1" applyBorder="1" applyAlignment="1">
      <alignment horizontal="left" vertical="center" wrapText="1"/>
    </xf>
    <xf numFmtId="0" fontId="14" fillId="0" borderId="0" xfId="1" applyFont="1" applyAlignment="1">
      <alignment horizontal="left" vertical="center"/>
    </xf>
    <xf numFmtId="0" fontId="9" fillId="0" borderId="2" xfId="1" applyFont="1" applyBorder="1" applyAlignment="1">
      <alignment horizontal="left" vertical="center" wrapText="1" shrinkToFit="1"/>
    </xf>
    <xf numFmtId="0" fontId="9" fillId="0" borderId="2" xfId="1" applyFont="1" applyBorder="1" applyAlignment="1">
      <alignment horizontal="right" vertical="center" wrapText="1"/>
    </xf>
    <xf numFmtId="0" fontId="9" fillId="0" borderId="3" xfId="1" applyFont="1" applyBorder="1" applyAlignment="1">
      <alignment horizontal="left" vertical="center" wrapText="1"/>
    </xf>
    <xf numFmtId="0" fontId="9" fillId="0" borderId="3" xfId="1" applyFont="1" applyBorder="1" applyAlignment="1">
      <alignment vertical="center" wrapText="1"/>
    </xf>
    <xf numFmtId="0" fontId="9" fillId="0" borderId="3" xfId="1" applyFont="1" applyBorder="1" applyAlignment="1">
      <alignment horizontal="left" vertical="center" wrapText="1" shrinkToFit="1"/>
    </xf>
    <xf numFmtId="0" fontId="15" fillId="0" borderId="0" xfId="1" applyFont="1">
      <alignment vertical="center"/>
    </xf>
    <xf numFmtId="0" fontId="15" fillId="0" borderId="0" xfId="1" applyFont="1" applyAlignment="1">
      <alignment horizontal="right" vertical="center"/>
    </xf>
    <xf numFmtId="176" fontId="15" fillId="0" borderId="0" xfId="1" applyNumberFormat="1" applyFont="1">
      <alignment vertical="center"/>
    </xf>
    <xf numFmtId="0" fontId="10" fillId="0" borderId="2" xfId="1" applyFont="1" applyBorder="1">
      <alignment vertical="center"/>
    </xf>
    <xf numFmtId="0" fontId="10" fillId="0" borderId="2" xfId="1" applyFont="1" applyBorder="1" applyAlignment="1">
      <alignment horizontal="right" vertical="center"/>
    </xf>
    <xf numFmtId="176" fontId="10" fillId="0" borderId="2" xfId="1" applyNumberFormat="1" applyFont="1" applyBorder="1">
      <alignment vertical="center"/>
    </xf>
    <xf numFmtId="0" fontId="16" fillId="0" borderId="1" xfId="1" applyFont="1" applyBorder="1">
      <alignment vertical="center"/>
    </xf>
    <xf numFmtId="0" fontId="17" fillId="0" borderId="1" xfId="1" applyFont="1" applyBorder="1" applyAlignment="1">
      <alignment vertical="center" wrapText="1"/>
    </xf>
    <xf numFmtId="0" fontId="17" fillId="0" borderId="1" xfId="1" applyFont="1" applyBorder="1" applyAlignment="1">
      <alignment horizontal="left" vertical="center" wrapText="1" shrinkToFit="1"/>
    </xf>
    <xf numFmtId="0" fontId="18" fillId="0" borderId="1" xfId="1" applyFont="1" applyBorder="1">
      <alignment vertical="center"/>
    </xf>
    <xf numFmtId="0" fontId="17" fillId="0" borderId="0" xfId="1" applyFont="1" applyAlignment="1">
      <alignment horizontal="left" vertical="center" wrapText="1" shrinkToFit="1"/>
    </xf>
    <xf numFmtId="0" fontId="18" fillId="0" borderId="1" xfId="1" applyFont="1" applyBorder="1" applyAlignment="1">
      <alignment vertical="center" wrapText="1"/>
    </xf>
    <xf numFmtId="0" fontId="17" fillId="0" borderId="1" xfId="1" applyFont="1" applyBorder="1" applyAlignment="1">
      <alignment horizontal="left" vertical="center" wrapText="1"/>
    </xf>
    <xf numFmtId="0" fontId="19" fillId="0" borderId="1" xfId="1" applyFont="1" applyBorder="1" applyAlignment="1">
      <alignment horizontal="left" vertical="center" wrapText="1" shrinkToFit="1"/>
    </xf>
  </cellXfs>
  <cellStyles count="4">
    <cellStyle name="標準" xfId="0" builtinId="0"/>
    <cellStyle name="標準 2 2" xfId="2" xr:uid="{18FC35D1-78A3-41C1-9AC4-DCE39A92E8A3}"/>
    <cellStyle name="標準 4 3 3 3" xfId="3" xr:uid="{9A3E4FA9-3C0B-4951-9344-A4990AB8106F}"/>
    <cellStyle name="標準 5 3" xfId="1" xr:uid="{56D40924-8F61-41FB-9057-400DD0024A08}"/>
  </cellStyles>
  <dxfs count="26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9636</xdr:colOff>
      <xdr:row>0</xdr:row>
      <xdr:rowOff>95249</xdr:rowOff>
    </xdr:from>
    <xdr:to>
      <xdr:col>5</xdr:col>
      <xdr:colOff>888786</xdr:colOff>
      <xdr:row>0</xdr:row>
      <xdr:rowOff>1211034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8920431C-9E81-4710-B8EA-A1E325C52A1F}"/>
            </a:ext>
          </a:extLst>
        </xdr:cNvPr>
        <xdr:cNvSpPr txBox="1"/>
      </xdr:nvSpPr>
      <xdr:spPr>
        <a:xfrm>
          <a:off x="69636" y="95249"/>
          <a:ext cx="15906750" cy="1115785"/>
        </a:xfrm>
        <a:prstGeom prst="rect">
          <a:avLst/>
        </a:prstGeom>
        <a:solidFill>
          <a:schemeClr val="accent5">
            <a:lumMod val="20000"/>
            <a:lumOff val="8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2000">
              <a:latin typeface="HG創英角ｺﾞｼｯｸUB" pitchFamily="49" charset="-128"/>
              <a:ea typeface="HG創英角ｺﾞｼｯｸUB" pitchFamily="49" charset="-128"/>
            </a:rPr>
            <a:t>神奈川県　指定難病医療費助成制度にかかる指定医療機関（</a:t>
          </a:r>
          <a:r>
            <a:rPr kumimoji="1" lang="ja-JP" altLang="en-US" sz="2000">
              <a:solidFill>
                <a:srgbClr val="00B050"/>
              </a:solidFill>
              <a:latin typeface="HG創英角ｺﾞｼｯｸUB" pitchFamily="49" charset="-128"/>
              <a:ea typeface="HG創英角ｺﾞｼｯｸUB" pitchFamily="49" charset="-128"/>
            </a:rPr>
            <a:t>病院、薬局、訪問看護ステーション</a:t>
          </a:r>
          <a:r>
            <a:rPr kumimoji="1" lang="ja-JP" altLang="en-US" sz="2000">
              <a:latin typeface="HG創英角ｺﾞｼｯｸUB" pitchFamily="49" charset="-128"/>
              <a:ea typeface="HG創英角ｺﾞｼｯｸUB" pitchFamily="49" charset="-128"/>
            </a:rPr>
            <a:t>）一覧</a:t>
          </a:r>
          <a:r>
            <a:rPr kumimoji="1" lang="ja-JP" altLang="en-US" sz="1800">
              <a:latin typeface="HG創英角ｺﾞｼｯｸUB" pitchFamily="49" charset="-128"/>
              <a:ea typeface="HG創英角ｺﾞｼｯｸUB" pitchFamily="49" charset="-128"/>
            </a:rPr>
            <a:t>（令和８年７月６日</a:t>
          </a:r>
          <a:r>
            <a:rPr kumimoji="1" lang="ja-JP" altLang="en-US" sz="1800" baseline="0">
              <a:latin typeface="HG創英角ｺﾞｼｯｸUB" pitchFamily="49" charset="-128"/>
              <a:ea typeface="HG創英角ｺﾞｼｯｸUB" pitchFamily="49" charset="-128"/>
            </a:rPr>
            <a:t>）</a:t>
          </a:r>
          <a:endParaRPr kumimoji="1" lang="en-US" altLang="ja-JP" sz="1800" baseline="0">
            <a:latin typeface="HG創英角ｺﾞｼｯｸUB" pitchFamily="49" charset="-128"/>
            <a:ea typeface="HG創英角ｺﾞｼｯｸUB" pitchFamily="49" charset="-128"/>
          </a:endParaRPr>
        </a:p>
        <a:p>
          <a:r>
            <a:rPr kumimoji="1" lang="ja-JP" altLang="en-US" sz="1600" b="1"/>
            <a:t>　★検索方法１　キーボードの　「</a:t>
          </a:r>
          <a:r>
            <a:rPr kumimoji="1" lang="en-US" altLang="ja-JP" sz="1600" b="1"/>
            <a:t>Ctrl</a:t>
          </a:r>
          <a:r>
            <a:rPr kumimoji="1" lang="ja-JP" altLang="en-US" sz="1600" b="1"/>
            <a:t>」と「</a:t>
          </a:r>
          <a:r>
            <a:rPr kumimoji="1" lang="en-US" altLang="ja-JP" sz="1600" b="1"/>
            <a:t>F</a:t>
          </a:r>
          <a:r>
            <a:rPr kumimoji="1" lang="ja-JP" altLang="en-US" sz="1600" b="1"/>
            <a:t>」を同時に押して、お探しの医療機関の名前（一部でも可）を入れて探す</a:t>
          </a:r>
          <a:r>
            <a:rPr kumimoji="1" lang="en-US" altLang="ja-JP" sz="1200" b="1"/>
            <a:t>(</a:t>
          </a:r>
          <a:r>
            <a:rPr kumimoji="1" lang="ja-JP" altLang="en-US" sz="1200" b="1"/>
            <a:t>大文字小文字、ひらがなカタカナ、スペースは区別されます。</a:t>
          </a:r>
          <a:r>
            <a:rPr kumimoji="1" lang="en-US" altLang="ja-JP" sz="1200" b="1"/>
            <a:t>)</a:t>
          </a:r>
        </a:p>
        <a:p>
          <a:r>
            <a:rPr kumimoji="1" lang="ja-JP" altLang="en-US" sz="1600" b="1"/>
            <a:t>　</a:t>
          </a:r>
          <a:r>
            <a:rPr kumimoji="1" lang="ja-JP" altLang="ja-JP" sz="1600" b="1">
              <a:solidFill>
                <a:schemeClr val="dk1"/>
              </a:solidFill>
              <a:latin typeface="+mn-lt"/>
              <a:ea typeface="+mn-ea"/>
              <a:cs typeface="+mn-cs"/>
            </a:rPr>
            <a:t>★検索方法</a:t>
          </a:r>
          <a:r>
            <a:rPr kumimoji="1" lang="ja-JP" altLang="en-US" sz="1600" b="1">
              <a:solidFill>
                <a:schemeClr val="dk1"/>
              </a:solidFill>
              <a:latin typeface="+mn-lt"/>
              <a:ea typeface="+mn-ea"/>
              <a:cs typeface="+mn-cs"/>
            </a:rPr>
            <a:t>２</a:t>
          </a:r>
          <a:r>
            <a:rPr kumimoji="1" lang="ja-JP" altLang="ja-JP" sz="1600" b="1">
              <a:solidFill>
                <a:schemeClr val="dk1"/>
              </a:solidFill>
              <a:latin typeface="+mn-lt"/>
              <a:ea typeface="+mn-ea"/>
              <a:cs typeface="+mn-cs"/>
            </a:rPr>
            <a:t>　</a:t>
          </a:r>
          <a:r>
            <a:rPr kumimoji="1" lang="ja-JP" altLang="en-US" sz="1600" b="1">
              <a:solidFill>
                <a:schemeClr val="dk1"/>
              </a:solidFill>
              <a:latin typeface="+mn-lt"/>
              <a:ea typeface="+mn-ea"/>
              <a:cs typeface="+mn-cs"/>
            </a:rPr>
            <a:t>所在地や市町村のプルダウンのボタンを押して</a:t>
          </a:r>
          <a:r>
            <a:rPr kumimoji="1" lang="ja-JP" altLang="ja-JP" sz="1600" b="1">
              <a:solidFill>
                <a:schemeClr val="dk1"/>
              </a:solidFill>
              <a:latin typeface="+mn-lt"/>
              <a:ea typeface="+mn-ea"/>
              <a:cs typeface="+mn-cs"/>
            </a:rPr>
            <a:t>、お探しの所在地で絞り込んで探す</a:t>
          </a:r>
          <a:endParaRPr kumimoji="1" lang="ja-JP" altLang="en-US" sz="1600" b="1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8D1B6F-09FC-47F8-9A39-FF33811D2DCC}">
  <sheetPr codeName="Sheet1">
    <pageSetUpPr fitToPage="1"/>
  </sheetPr>
  <dimension ref="A1:AI3439"/>
  <sheetViews>
    <sheetView tabSelected="1" view="pageBreakPreview" zoomScale="85" zoomScaleNormal="70" zoomScaleSheetLayoutView="85" workbookViewId="0">
      <selection activeCell="J11" sqref="J11"/>
    </sheetView>
  </sheetViews>
  <sheetFormatPr defaultRowHeight="19.5" x14ac:dyDescent="0.4"/>
  <cols>
    <col min="1" max="1" width="25.5" style="41" customWidth="1"/>
    <col min="2" max="2" width="74.5" style="41" customWidth="1"/>
    <col min="3" max="3" width="58.75" style="41" customWidth="1"/>
    <col min="4" max="4" width="18.75" style="42" customWidth="1"/>
    <col min="5" max="5" width="20.5" style="43" customWidth="1"/>
    <col min="6" max="6" width="12.625" style="41" customWidth="1"/>
    <col min="7" max="16384" width="9" style="12"/>
  </cols>
  <sheetData>
    <row r="1" spans="1:35" s="5" customFormat="1" ht="104.25" customHeight="1" x14ac:dyDescent="0.4">
      <c r="A1" s="1"/>
      <c r="B1" s="1"/>
      <c r="C1" s="1"/>
      <c r="D1" s="2"/>
      <c r="E1" s="3"/>
      <c r="F1" s="4"/>
    </row>
    <row r="2" spans="1:35" s="5" customFormat="1" ht="52.5" customHeight="1" x14ac:dyDescent="0.4">
      <c r="A2" s="6" t="s">
        <v>0</v>
      </c>
      <c r="B2" s="6" t="s">
        <v>1</v>
      </c>
      <c r="C2" s="6" t="s">
        <v>2</v>
      </c>
      <c r="D2" s="7" t="s">
        <v>3</v>
      </c>
      <c r="E2" s="8" t="s">
        <v>4</v>
      </c>
      <c r="F2" s="6" t="s">
        <v>5</v>
      </c>
    </row>
    <row r="3" spans="1:35" s="5" customFormat="1" ht="27.75" customHeight="1" x14ac:dyDescent="0.4">
      <c r="A3" s="9" t="s">
        <v>6</v>
      </c>
      <c r="B3" s="9" t="s">
        <v>7</v>
      </c>
      <c r="C3" s="9" t="s">
        <v>8</v>
      </c>
      <c r="D3" s="10">
        <v>1431945831</v>
      </c>
      <c r="E3" s="11">
        <v>47026</v>
      </c>
      <c r="F3" s="9" t="s">
        <v>9</v>
      </c>
      <c r="G3" s="12">
        <v>1</v>
      </c>
      <c r="H3" s="12">
        <f>LEN(C3)</f>
        <v>13</v>
      </c>
      <c r="I3" s="12">
        <f>LEN(B3)</f>
        <v>4</v>
      </c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12"/>
      <c r="X3" s="12"/>
      <c r="Y3" s="12"/>
      <c r="Z3" s="12"/>
      <c r="AA3" s="12"/>
      <c r="AB3" s="12"/>
      <c r="AC3" s="12"/>
      <c r="AD3" s="12"/>
      <c r="AE3" s="12"/>
      <c r="AF3" s="12"/>
      <c r="AG3" s="12"/>
      <c r="AH3" s="12"/>
      <c r="AI3" s="12"/>
    </row>
    <row r="4" spans="1:35" s="5" customFormat="1" ht="27.75" customHeight="1" x14ac:dyDescent="0.4">
      <c r="A4" s="9" t="s">
        <v>6</v>
      </c>
      <c r="B4" s="9" t="s">
        <v>10</v>
      </c>
      <c r="C4" s="9" t="s">
        <v>11</v>
      </c>
      <c r="D4" s="10">
        <v>1431945666</v>
      </c>
      <c r="E4" s="11">
        <v>46387</v>
      </c>
      <c r="F4" s="9" t="s">
        <v>9</v>
      </c>
      <c r="G4" s="5">
        <v>2</v>
      </c>
      <c r="H4" s="12">
        <f t="shared" ref="H4:H67" si="0">LEN(C4)</f>
        <v>12</v>
      </c>
      <c r="I4" s="12">
        <f t="shared" ref="I4:I67" si="1">LEN(B4)</f>
        <v>14</v>
      </c>
    </row>
    <row r="5" spans="1:35" s="5" customFormat="1" ht="27.75" customHeight="1" x14ac:dyDescent="0.4">
      <c r="A5" s="9" t="s">
        <v>6</v>
      </c>
      <c r="B5" s="9" t="s">
        <v>12</v>
      </c>
      <c r="C5" s="9" t="s">
        <v>13</v>
      </c>
      <c r="D5" s="10">
        <v>1431945203</v>
      </c>
      <c r="E5" s="11">
        <v>46630</v>
      </c>
      <c r="F5" s="9" t="s">
        <v>9</v>
      </c>
      <c r="G5" s="12">
        <v>3</v>
      </c>
      <c r="H5" s="12">
        <f t="shared" si="0"/>
        <v>23</v>
      </c>
      <c r="I5" s="12">
        <f t="shared" si="1"/>
        <v>11</v>
      </c>
    </row>
    <row r="6" spans="1:35" s="5" customFormat="1" ht="27.75" customHeight="1" x14ac:dyDescent="0.4">
      <c r="A6" s="9" t="s">
        <v>6</v>
      </c>
      <c r="B6" s="9" t="s">
        <v>14</v>
      </c>
      <c r="C6" s="9" t="s">
        <v>15</v>
      </c>
      <c r="D6" s="10">
        <v>1431930627</v>
      </c>
      <c r="E6" s="11">
        <v>46812</v>
      </c>
      <c r="F6" s="9" t="s">
        <v>9</v>
      </c>
      <c r="G6" s="5">
        <v>4</v>
      </c>
      <c r="H6" s="12">
        <f t="shared" si="0"/>
        <v>11</v>
      </c>
      <c r="I6" s="12">
        <f t="shared" si="1"/>
        <v>15</v>
      </c>
    </row>
    <row r="7" spans="1:35" s="5" customFormat="1" ht="27.75" customHeight="1" x14ac:dyDescent="0.4">
      <c r="A7" s="9" t="s">
        <v>6</v>
      </c>
      <c r="B7" s="9" t="s">
        <v>16</v>
      </c>
      <c r="C7" s="9" t="s">
        <v>17</v>
      </c>
      <c r="D7" s="10">
        <v>1431930684</v>
      </c>
      <c r="E7" s="11">
        <v>47514</v>
      </c>
      <c r="F7" s="9" t="s">
        <v>9</v>
      </c>
      <c r="G7" s="12">
        <v>5</v>
      </c>
      <c r="H7" s="12">
        <f t="shared" si="0"/>
        <v>17</v>
      </c>
      <c r="I7" s="12">
        <f t="shared" si="1"/>
        <v>14</v>
      </c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2"/>
      <c r="AA7" s="12"/>
      <c r="AB7" s="12"/>
      <c r="AC7" s="12"/>
      <c r="AD7" s="12"/>
      <c r="AE7" s="12"/>
      <c r="AF7" s="12"/>
      <c r="AG7" s="12"/>
      <c r="AH7" s="12"/>
      <c r="AI7" s="12"/>
    </row>
    <row r="8" spans="1:35" s="5" customFormat="1" ht="27.75" customHeight="1" x14ac:dyDescent="0.4">
      <c r="A8" s="9" t="s">
        <v>6</v>
      </c>
      <c r="B8" s="9" t="s">
        <v>18</v>
      </c>
      <c r="C8" s="9" t="s">
        <v>19</v>
      </c>
      <c r="D8" s="10">
        <v>1432030336</v>
      </c>
      <c r="E8" s="11">
        <v>46599</v>
      </c>
      <c r="F8" s="9" t="s">
        <v>20</v>
      </c>
      <c r="G8" s="5">
        <v>6</v>
      </c>
      <c r="H8" s="12">
        <f t="shared" si="0"/>
        <v>23</v>
      </c>
      <c r="I8" s="12">
        <f t="shared" si="1"/>
        <v>11</v>
      </c>
    </row>
    <row r="9" spans="1:35" s="5" customFormat="1" ht="27.75" customHeight="1" x14ac:dyDescent="0.4">
      <c r="A9" s="9" t="s">
        <v>6</v>
      </c>
      <c r="B9" s="13" t="s">
        <v>21</v>
      </c>
      <c r="C9" s="9" t="s">
        <v>22</v>
      </c>
      <c r="D9" s="10">
        <v>1432130276</v>
      </c>
      <c r="E9" s="11">
        <v>47269</v>
      </c>
      <c r="F9" s="9" t="s">
        <v>23</v>
      </c>
      <c r="G9" s="12">
        <v>7</v>
      </c>
      <c r="H9" s="12">
        <f t="shared" si="0"/>
        <v>12</v>
      </c>
      <c r="I9" s="12">
        <f t="shared" si="1"/>
        <v>21</v>
      </c>
    </row>
    <row r="10" spans="1:35" s="5" customFormat="1" ht="27.75" customHeight="1" x14ac:dyDescent="0.4">
      <c r="A10" s="9" t="s">
        <v>6</v>
      </c>
      <c r="B10" s="14" t="s">
        <v>24</v>
      </c>
      <c r="C10" s="9" t="s">
        <v>25</v>
      </c>
      <c r="D10" s="10">
        <v>1432130086</v>
      </c>
      <c r="E10" s="11">
        <v>46234</v>
      </c>
      <c r="F10" s="9" t="s">
        <v>23</v>
      </c>
      <c r="G10" s="5">
        <v>8</v>
      </c>
      <c r="H10" s="12">
        <f t="shared" si="0"/>
        <v>15</v>
      </c>
      <c r="I10" s="12">
        <f t="shared" si="1"/>
        <v>16</v>
      </c>
    </row>
    <row r="11" spans="1:35" s="5" customFormat="1" ht="27.75" customHeight="1" x14ac:dyDescent="0.4">
      <c r="A11" s="9" t="s">
        <v>6</v>
      </c>
      <c r="B11" s="9" t="s">
        <v>26</v>
      </c>
      <c r="C11" s="9" t="s">
        <v>27</v>
      </c>
      <c r="D11" s="10">
        <v>1432102283</v>
      </c>
      <c r="E11" s="11">
        <v>47907</v>
      </c>
      <c r="F11" s="9" t="s">
        <v>23</v>
      </c>
      <c r="G11" s="12">
        <v>9</v>
      </c>
      <c r="H11" s="12">
        <f t="shared" si="0"/>
        <v>13</v>
      </c>
      <c r="I11" s="12">
        <f t="shared" si="1"/>
        <v>4</v>
      </c>
    </row>
    <row r="12" spans="1:35" s="5" customFormat="1" ht="27.75" customHeight="1" x14ac:dyDescent="0.4">
      <c r="A12" s="9" t="s">
        <v>6</v>
      </c>
      <c r="B12" s="9" t="s">
        <v>28</v>
      </c>
      <c r="C12" s="9" t="s">
        <v>29</v>
      </c>
      <c r="D12" s="10">
        <v>1432130433</v>
      </c>
      <c r="E12" s="11">
        <v>47026</v>
      </c>
      <c r="F12" s="9" t="s">
        <v>23</v>
      </c>
      <c r="G12" s="5">
        <v>10</v>
      </c>
      <c r="H12" s="12">
        <f t="shared" si="0"/>
        <v>11</v>
      </c>
      <c r="I12" s="12">
        <f t="shared" si="1"/>
        <v>13</v>
      </c>
    </row>
    <row r="13" spans="1:35" s="5" customFormat="1" ht="27.75" customHeight="1" x14ac:dyDescent="0.4">
      <c r="A13" s="9" t="s">
        <v>6</v>
      </c>
      <c r="B13" s="15" t="s">
        <v>30</v>
      </c>
      <c r="C13" s="16" t="s">
        <v>31</v>
      </c>
      <c r="D13" s="10">
        <v>1432130391</v>
      </c>
      <c r="E13" s="11">
        <v>47907</v>
      </c>
      <c r="F13" s="9" t="s">
        <v>23</v>
      </c>
      <c r="G13" s="12">
        <v>11</v>
      </c>
      <c r="H13" s="12">
        <f t="shared" si="0"/>
        <v>12</v>
      </c>
      <c r="I13" s="12">
        <f t="shared" si="1"/>
        <v>17</v>
      </c>
    </row>
    <row r="14" spans="1:35" s="5" customFormat="1" ht="27.75" customHeight="1" x14ac:dyDescent="0.4">
      <c r="A14" s="9" t="s">
        <v>6</v>
      </c>
      <c r="B14" s="9" t="s">
        <v>32</v>
      </c>
      <c r="C14" s="9" t="s">
        <v>33</v>
      </c>
      <c r="D14" s="10">
        <v>1432130516</v>
      </c>
      <c r="E14" s="11">
        <v>47542</v>
      </c>
      <c r="F14" s="9" t="s">
        <v>23</v>
      </c>
      <c r="G14" s="5">
        <v>12</v>
      </c>
      <c r="H14" s="12">
        <f t="shared" si="0"/>
        <v>19</v>
      </c>
      <c r="I14" s="12">
        <f t="shared" si="1"/>
        <v>15</v>
      </c>
    </row>
    <row r="15" spans="1:35" s="5" customFormat="1" ht="27.75" customHeight="1" x14ac:dyDescent="0.4">
      <c r="A15" s="9" t="s">
        <v>6</v>
      </c>
      <c r="B15" s="9" t="s">
        <v>34</v>
      </c>
      <c r="C15" s="9" t="s">
        <v>35</v>
      </c>
      <c r="D15" s="10">
        <v>1432130698</v>
      </c>
      <c r="E15" s="11">
        <v>47999</v>
      </c>
      <c r="F15" s="9" t="s">
        <v>23</v>
      </c>
      <c r="G15" s="12">
        <v>13</v>
      </c>
      <c r="H15" s="12">
        <f t="shared" si="0"/>
        <v>23</v>
      </c>
      <c r="I15" s="12">
        <f t="shared" si="1"/>
        <v>6</v>
      </c>
      <c r="J15" s="12"/>
      <c r="K15" s="12"/>
      <c r="L15" s="12"/>
      <c r="M15" s="12"/>
      <c r="N15" s="12"/>
      <c r="O15" s="12"/>
      <c r="P15" s="12"/>
      <c r="Q15" s="12"/>
      <c r="R15" s="12"/>
      <c r="S15" s="12"/>
      <c r="T15" s="12"/>
      <c r="U15" s="12"/>
      <c r="V15" s="12"/>
      <c r="W15" s="12"/>
      <c r="X15" s="12"/>
      <c r="Y15" s="12"/>
      <c r="Z15" s="12"/>
      <c r="AA15" s="12"/>
      <c r="AB15" s="12"/>
      <c r="AC15" s="12"/>
      <c r="AD15" s="12"/>
      <c r="AE15" s="12"/>
      <c r="AF15" s="12"/>
      <c r="AG15" s="12"/>
      <c r="AH15" s="12"/>
      <c r="AI15" s="12"/>
    </row>
    <row r="16" spans="1:35" s="5" customFormat="1" ht="27.75" customHeight="1" x14ac:dyDescent="0.4">
      <c r="A16" s="9" t="s">
        <v>6</v>
      </c>
      <c r="B16" s="9" t="s">
        <v>36</v>
      </c>
      <c r="C16" s="9" t="s">
        <v>37</v>
      </c>
      <c r="D16" s="10">
        <v>1432130094</v>
      </c>
      <c r="E16" s="11">
        <v>46630</v>
      </c>
      <c r="F16" s="9" t="s">
        <v>23</v>
      </c>
      <c r="G16" s="5">
        <v>14</v>
      </c>
      <c r="H16" s="12">
        <f t="shared" si="0"/>
        <v>12</v>
      </c>
      <c r="I16" s="12">
        <f t="shared" si="1"/>
        <v>6</v>
      </c>
    </row>
    <row r="17" spans="1:35" s="5" customFormat="1" ht="27.75" customHeight="1" x14ac:dyDescent="0.4">
      <c r="A17" s="9" t="s">
        <v>6</v>
      </c>
      <c r="B17" s="15" t="s">
        <v>38</v>
      </c>
      <c r="C17" s="16" t="s">
        <v>39</v>
      </c>
      <c r="D17" s="10">
        <v>1432231348</v>
      </c>
      <c r="E17" s="11">
        <v>47452</v>
      </c>
      <c r="F17" s="9" t="s">
        <v>40</v>
      </c>
      <c r="G17" s="12">
        <v>15</v>
      </c>
      <c r="H17" s="12">
        <f t="shared" si="0"/>
        <v>12</v>
      </c>
      <c r="I17" s="12">
        <f t="shared" si="1"/>
        <v>8</v>
      </c>
    </row>
    <row r="18" spans="1:35" s="5" customFormat="1" ht="27.75" customHeight="1" x14ac:dyDescent="0.4">
      <c r="A18" s="9" t="s">
        <v>6</v>
      </c>
      <c r="B18" s="13" t="s">
        <v>41</v>
      </c>
      <c r="C18" s="13" t="s">
        <v>42</v>
      </c>
      <c r="D18" s="10">
        <v>1432244358</v>
      </c>
      <c r="E18" s="11">
        <v>46873</v>
      </c>
      <c r="F18" s="9" t="s">
        <v>40</v>
      </c>
      <c r="G18" s="5">
        <v>16</v>
      </c>
      <c r="H18" s="12">
        <f t="shared" si="0"/>
        <v>13</v>
      </c>
      <c r="I18" s="12">
        <f t="shared" si="1"/>
        <v>8</v>
      </c>
      <c r="J18" s="12"/>
      <c r="K18" s="12"/>
      <c r="L18" s="12"/>
      <c r="M18" s="12"/>
      <c r="N18" s="12"/>
      <c r="O18" s="12"/>
      <c r="P18" s="12"/>
      <c r="Q18" s="12"/>
      <c r="R18" s="12"/>
      <c r="S18" s="12"/>
      <c r="T18" s="12"/>
      <c r="U18" s="12"/>
      <c r="V18" s="12"/>
      <c r="W18" s="12"/>
      <c r="X18" s="12"/>
      <c r="Y18" s="12"/>
      <c r="Z18" s="12"/>
      <c r="AA18" s="12"/>
      <c r="AB18" s="12"/>
      <c r="AC18" s="12"/>
      <c r="AD18" s="12"/>
      <c r="AE18" s="12"/>
      <c r="AF18" s="12"/>
      <c r="AG18" s="12"/>
      <c r="AH18" s="12"/>
      <c r="AI18" s="12"/>
    </row>
    <row r="19" spans="1:35" s="5" customFormat="1" ht="27.75" customHeight="1" x14ac:dyDescent="0.4">
      <c r="A19" s="9" t="s">
        <v>6</v>
      </c>
      <c r="B19" s="9" t="s">
        <v>43</v>
      </c>
      <c r="C19" s="9" t="s">
        <v>44</v>
      </c>
      <c r="D19" s="10">
        <v>1432244283</v>
      </c>
      <c r="E19" s="11">
        <v>46843</v>
      </c>
      <c r="F19" s="9" t="s">
        <v>40</v>
      </c>
      <c r="G19" s="12">
        <v>17</v>
      </c>
      <c r="H19" s="12">
        <f t="shared" si="0"/>
        <v>26</v>
      </c>
      <c r="I19" s="12">
        <f t="shared" si="1"/>
        <v>10</v>
      </c>
    </row>
    <row r="20" spans="1:35" s="5" customFormat="1" ht="27.75" customHeight="1" x14ac:dyDescent="0.4">
      <c r="A20" s="17" t="s">
        <v>6</v>
      </c>
      <c r="B20" s="15" t="s">
        <v>45</v>
      </c>
      <c r="C20" s="48" t="s">
        <v>46</v>
      </c>
      <c r="D20" s="10">
        <v>1432230001</v>
      </c>
      <c r="E20" s="11">
        <v>46387</v>
      </c>
      <c r="F20" s="9" t="s">
        <v>40</v>
      </c>
      <c r="G20" s="5">
        <v>18</v>
      </c>
      <c r="H20" s="12">
        <f t="shared" si="0"/>
        <v>32</v>
      </c>
      <c r="I20" s="12">
        <f t="shared" si="1"/>
        <v>18</v>
      </c>
      <c r="J20" s="12"/>
      <c r="K20" s="12"/>
      <c r="L20" s="12"/>
      <c r="M20" s="12"/>
      <c r="N20" s="12"/>
      <c r="O20" s="12"/>
      <c r="P20" s="12"/>
      <c r="Q20" s="12"/>
      <c r="R20" s="12"/>
      <c r="S20" s="12"/>
      <c r="T20" s="12"/>
      <c r="U20" s="12"/>
      <c r="V20" s="12"/>
      <c r="W20" s="12"/>
      <c r="X20" s="12"/>
      <c r="Y20" s="12"/>
      <c r="Z20" s="12"/>
      <c r="AA20" s="12"/>
      <c r="AB20" s="12"/>
      <c r="AC20" s="12"/>
      <c r="AD20" s="12"/>
      <c r="AE20" s="12"/>
      <c r="AF20" s="12"/>
      <c r="AG20" s="12"/>
      <c r="AH20" s="12"/>
      <c r="AI20" s="12"/>
    </row>
    <row r="21" spans="1:35" s="5" customFormat="1" ht="27.75" customHeight="1" x14ac:dyDescent="0.4">
      <c r="A21" s="9" t="s">
        <v>6</v>
      </c>
      <c r="B21" s="9" t="s">
        <v>47</v>
      </c>
      <c r="C21" s="9" t="s">
        <v>48</v>
      </c>
      <c r="D21" s="10">
        <v>1432245629</v>
      </c>
      <c r="E21" s="11">
        <v>47026</v>
      </c>
      <c r="F21" s="9" t="s">
        <v>40</v>
      </c>
      <c r="G21" s="12">
        <v>19</v>
      </c>
      <c r="H21" s="12">
        <f t="shared" si="0"/>
        <v>11</v>
      </c>
      <c r="I21" s="12">
        <f t="shared" si="1"/>
        <v>7</v>
      </c>
      <c r="J21" s="12"/>
      <c r="K21" s="12"/>
      <c r="L21" s="12"/>
      <c r="M21" s="12"/>
      <c r="N21" s="12"/>
      <c r="O21" s="12"/>
      <c r="P21" s="12"/>
      <c r="Q21" s="12"/>
      <c r="R21" s="12"/>
      <c r="S21" s="12"/>
      <c r="T21" s="12"/>
      <c r="U21" s="12"/>
      <c r="V21" s="12"/>
      <c r="W21" s="12"/>
      <c r="X21" s="12"/>
      <c r="Y21" s="12"/>
      <c r="Z21" s="12"/>
      <c r="AA21" s="12"/>
      <c r="AB21" s="12"/>
      <c r="AC21" s="12"/>
      <c r="AD21" s="12"/>
      <c r="AE21" s="12"/>
      <c r="AF21" s="12"/>
      <c r="AG21" s="12"/>
      <c r="AH21" s="12"/>
      <c r="AI21" s="12"/>
    </row>
    <row r="22" spans="1:35" s="5" customFormat="1" ht="27.75" customHeight="1" x14ac:dyDescent="0.4">
      <c r="A22" s="9" t="s">
        <v>6</v>
      </c>
      <c r="B22" s="9" t="s">
        <v>49</v>
      </c>
      <c r="C22" s="9" t="s">
        <v>50</v>
      </c>
      <c r="D22" s="10">
        <v>1432230886</v>
      </c>
      <c r="E22" s="11">
        <v>46934</v>
      </c>
      <c r="F22" s="9" t="s">
        <v>40</v>
      </c>
      <c r="G22" s="5">
        <v>20</v>
      </c>
      <c r="H22" s="12">
        <f t="shared" si="0"/>
        <v>15</v>
      </c>
      <c r="I22" s="12">
        <f t="shared" si="1"/>
        <v>6</v>
      </c>
    </row>
    <row r="23" spans="1:35" s="5" customFormat="1" ht="27.75" customHeight="1" x14ac:dyDescent="0.4">
      <c r="A23" s="13" t="s">
        <v>6</v>
      </c>
      <c r="B23" s="9" t="s">
        <v>51</v>
      </c>
      <c r="C23" s="9" t="s">
        <v>52</v>
      </c>
      <c r="D23" s="10">
        <v>1432230506</v>
      </c>
      <c r="E23" s="11">
        <v>47057</v>
      </c>
      <c r="F23" s="9" t="s">
        <v>40</v>
      </c>
      <c r="G23" s="12">
        <v>21</v>
      </c>
      <c r="H23" s="12">
        <f t="shared" si="0"/>
        <v>24</v>
      </c>
      <c r="I23" s="12">
        <f t="shared" si="1"/>
        <v>9</v>
      </c>
    </row>
    <row r="24" spans="1:35" s="5" customFormat="1" ht="27.75" customHeight="1" x14ac:dyDescent="0.4">
      <c r="A24" s="9" t="s">
        <v>6</v>
      </c>
      <c r="B24" s="16" t="s">
        <v>53</v>
      </c>
      <c r="C24" s="16" t="s">
        <v>54</v>
      </c>
      <c r="D24" s="10">
        <v>1432230746</v>
      </c>
      <c r="E24" s="11">
        <v>47787</v>
      </c>
      <c r="F24" s="9" t="s">
        <v>40</v>
      </c>
      <c r="G24" s="5">
        <v>22</v>
      </c>
      <c r="H24" s="12">
        <f t="shared" si="0"/>
        <v>20</v>
      </c>
      <c r="I24" s="12">
        <f t="shared" si="1"/>
        <v>12</v>
      </c>
    </row>
    <row r="25" spans="1:35" s="5" customFormat="1" ht="27.75" customHeight="1" x14ac:dyDescent="0.4">
      <c r="A25" s="13" t="s">
        <v>6</v>
      </c>
      <c r="B25" s="9" t="s">
        <v>55</v>
      </c>
      <c r="C25" s="9" t="s">
        <v>56</v>
      </c>
      <c r="D25" s="10">
        <v>1432202968</v>
      </c>
      <c r="E25" s="11">
        <v>46387</v>
      </c>
      <c r="F25" s="9" t="s">
        <v>40</v>
      </c>
      <c r="G25" s="12">
        <v>23</v>
      </c>
      <c r="H25" s="12">
        <f t="shared" si="0"/>
        <v>15</v>
      </c>
      <c r="I25" s="12">
        <f t="shared" si="1"/>
        <v>11</v>
      </c>
    </row>
    <row r="26" spans="1:35" s="5" customFormat="1" ht="27.75" customHeight="1" x14ac:dyDescent="0.4">
      <c r="A26" s="9" t="s">
        <v>6</v>
      </c>
      <c r="B26" s="9" t="s">
        <v>57</v>
      </c>
      <c r="C26" s="9" t="s">
        <v>58</v>
      </c>
      <c r="D26" s="10">
        <v>1432230480</v>
      </c>
      <c r="E26" s="11">
        <v>47422</v>
      </c>
      <c r="F26" s="9" t="s">
        <v>40</v>
      </c>
      <c r="G26" s="5">
        <v>24</v>
      </c>
      <c r="H26" s="12">
        <f t="shared" si="0"/>
        <v>18</v>
      </c>
      <c r="I26" s="12">
        <f t="shared" si="1"/>
        <v>9</v>
      </c>
    </row>
    <row r="27" spans="1:35" s="5" customFormat="1" ht="27.75" customHeight="1" x14ac:dyDescent="0.4">
      <c r="A27" s="9" t="s">
        <v>6</v>
      </c>
      <c r="B27" s="9" t="s">
        <v>59</v>
      </c>
      <c r="C27" s="9" t="s">
        <v>60</v>
      </c>
      <c r="D27" s="10">
        <v>1432230845</v>
      </c>
      <c r="E27" s="11">
        <v>46752</v>
      </c>
      <c r="F27" s="9" t="s">
        <v>40</v>
      </c>
      <c r="G27" s="12">
        <v>25</v>
      </c>
      <c r="H27" s="12">
        <f t="shared" si="0"/>
        <v>15</v>
      </c>
      <c r="I27" s="12">
        <f t="shared" si="1"/>
        <v>9</v>
      </c>
    </row>
    <row r="28" spans="1:35" s="5" customFormat="1" ht="27.75" customHeight="1" x14ac:dyDescent="0.4">
      <c r="A28" s="9" t="s">
        <v>6</v>
      </c>
      <c r="B28" s="9" t="s">
        <v>61</v>
      </c>
      <c r="C28" s="9" t="s">
        <v>62</v>
      </c>
      <c r="D28" s="10">
        <v>1432330454</v>
      </c>
      <c r="E28" s="11">
        <v>47269</v>
      </c>
      <c r="F28" s="9" t="s">
        <v>63</v>
      </c>
      <c r="G28" s="5">
        <v>26</v>
      </c>
      <c r="H28" s="12">
        <f t="shared" si="0"/>
        <v>22</v>
      </c>
      <c r="I28" s="12">
        <f t="shared" si="1"/>
        <v>24</v>
      </c>
    </row>
    <row r="29" spans="1:35" s="5" customFormat="1" ht="27.75" customHeight="1" x14ac:dyDescent="0.4">
      <c r="A29" s="9" t="s">
        <v>6</v>
      </c>
      <c r="B29" s="9" t="s">
        <v>64</v>
      </c>
      <c r="C29" s="9" t="s">
        <v>65</v>
      </c>
      <c r="D29" s="10">
        <v>1432301158</v>
      </c>
      <c r="E29" s="11">
        <v>48244</v>
      </c>
      <c r="F29" s="9" t="s">
        <v>63</v>
      </c>
      <c r="G29" s="12">
        <v>27</v>
      </c>
      <c r="H29" s="12">
        <f t="shared" si="0"/>
        <v>15</v>
      </c>
      <c r="I29" s="12">
        <f t="shared" si="1"/>
        <v>6</v>
      </c>
    </row>
    <row r="30" spans="1:35" s="5" customFormat="1" ht="27.75" customHeight="1" x14ac:dyDescent="0.4">
      <c r="A30" s="9" t="s">
        <v>6</v>
      </c>
      <c r="B30" s="9" t="s">
        <v>66</v>
      </c>
      <c r="C30" s="9" t="s">
        <v>67</v>
      </c>
      <c r="D30" s="10">
        <v>1432360113</v>
      </c>
      <c r="E30" s="11">
        <v>46387</v>
      </c>
      <c r="F30" s="9" t="s">
        <v>63</v>
      </c>
      <c r="G30" s="5">
        <v>28</v>
      </c>
      <c r="H30" s="12">
        <f t="shared" si="0"/>
        <v>14</v>
      </c>
      <c r="I30" s="12">
        <f t="shared" si="1"/>
        <v>13</v>
      </c>
    </row>
    <row r="31" spans="1:35" s="5" customFormat="1" ht="27.75" customHeight="1" x14ac:dyDescent="0.4">
      <c r="A31" s="9" t="s">
        <v>6</v>
      </c>
      <c r="B31" s="14" t="s">
        <v>68</v>
      </c>
      <c r="C31" s="9" t="s">
        <v>69</v>
      </c>
      <c r="D31" s="10">
        <v>1432430015</v>
      </c>
      <c r="E31" s="11">
        <v>46387</v>
      </c>
      <c r="F31" s="9" t="s">
        <v>70</v>
      </c>
      <c r="G31" s="12">
        <v>29</v>
      </c>
      <c r="H31" s="12">
        <f t="shared" si="0"/>
        <v>23</v>
      </c>
      <c r="I31" s="12">
        <f t="shared" si="1"/>
        <v>5</v>
      </c>
    </row>
    <row r="32" spans="1:35" s="5" customFormat="1" ht="27.75" customHeight="1" x14ac:dyDescent="0.4">
      <c r="A32" s="9" t="s">
        <v>6</v>
      </c>
      <c r="B32" s="9" t="s">
        <v>71</v>
      </c>
      <c r="C32" s="9" t="s">
        <v>72</v>
      </c>
      <c r="D32" s="10">
        <v>1432442077</v>
      </c>
      <c r="E32" s="11">
        <v>48244</v>
      </c>
      <c r="F32" s="9" t="s">
        <v>70</v>
      </c>
      <c r="G32" s="5">
        <v>30</v>
      </c>
      <c r="H32" s="12">
        <f t="shared" si="0"/>
        <v>13</v>
      </c>
      <c r="I32" s="12">
        <f t="shared" si="1"/>
        <v>7</v>
      </c>
    </row>
    <row r="33" spans="1:9" s="5" customFormat="1" ht="27.75" customHeight="1" x14ac:dyDescent="0.4">
      <c r="A33" s="9" t="s">
        <v>6</v>
      </c>
      <c r="B33" s="9" t="s">
        <v>73</v>
      </c>
      <c r="C33" s="9" t="s">
        <v>74</v>
      </c>
      <c r="D33" s="10">
        <v>1432441806</v>
      </c>
      <c r="E33" s="11">
        <v>46843</v>
      </c>
      <c r="F33" s="9" t="s">
        <v>70</v>
      </c>
      <c r="G33" s="12">
        <v>31</v>
      </c>
      <c r="H33" s="12">
        <f t="shared" si="0"/>
        <v>27</v>
      </c>
      <c r="I33" s="12">
        <f t="shared" si="1"/>
        <v>13</v>
      </c>
    </row>
    <row r="34" spans="1:9" s="5" customFormat="1" ht="27.75" customHeight="1" x14ac:dyDescent="0.4">
      <c r="A34" s="9" t="s">
        <v>6</v>
      </c>
      <c r="B34" s="9" t="s">
        <v>75</v>
      </c>
      <c r="C34" s="9" t="s">
        <v>76</v>
      </c>
      <c r="D34" s="10">
        <v>1432430536</v>
      </c>
      <c r="E34" s="11">
        <v>47787</v>
      </c>
      <c r="F34" s="9" t="s">
        <v>70</v>
      </c>
      <c r="G34" s="5">
        <v>32</v>
      </c>
      <c r="H34" s="12">
        <f t="shared" si="0"/>
        <v>10</v>
      </c>
      <c r="I34" s="12">
        <f t="shared" si="1"/>
        <v>9</v>
      </c>
    </row>
    <row r="35" spans="1:9" s="5" customFormat="1" ht="27.75" customHeight="1" x14ac:dyDescent="0.4">
      <c r="A35" s="9" t="s">
        <v>6</v>
      </c>
      <c r="B35" s="9" t="s">
        <v>77</v>
      </c>
      <c r="C35" s="9" t="s">
        <v>78</v>
      </c>
      <c r="D35" s="10">
        <v>1432430361</v>
      </c>
      <c r="E35" s="11">
        <v>48395</v>
      </c>
      <c r="F35" s="9" t="s">
        <v>70</v>
      </c>
      <c r="G35" s="12">
        <v>33</v>
      </c>
      <c r="H35" s="12">
        <f t="shared" si="0"/>
        <v>14</v>
      </c>
      <c r="I35" s="12">
        <f t="shared" si="1"/>
        <v>7</v>
      </c>
    </row>
    <row r="36" spans="1:9" s="5" customFormat="1" ht="27.75" customHeight="1" x14ac:dyDescent="0.4">
      <c r="A36" s="9" t="s">
        <v>6</v>
      </c>
      <c r="B36" s="9" t="s">
        <v>79</v>
      </c>
      <c r="C36" s="9" t="s">
        <v>80</v>
      </c>
      <c r="D36" s="10">
        <v>1432430403</v>
      </c>
      <c r="E36" s="11">
        <v>46568</v>
      </c>
      <c r="F36" s="9" t="s">
        <v>70</v>
      </c>
      <c r="G36" s="5">
        <v>34</v>
      </c>
      <c r="H36" s="12">
        <f t="shared" si="0"/>
        <v>11</v>
      </c>
      <c r="I36" s="12">
        <f t="shared" si="1"/>
        <v>13</v>
      </c>
    </row>
    <row r="37" spans="1:9" s="5" customFormat="1" ht="27.75" customHeight="1" x14ac:dyDescent="0.4">
      <c r="A37" s="9" t="s">
        <v>6</v>
      </c>
      <c r="B37" s="9" t="s">
        <v>81</v>
      </c>
      <c r="C37" s="9" t="s">
        <v>82</v>
      </c>
      <c r="D37" s="10">
        <v>1432530020</v>
      </c>
      <c r="E37" s="11">
        <v>47269</v>
      </c>
      <c r="F37" s="9" t="s">
        <v>83</v>
      </c>
      <c r="G37" s="12">
        <v>35</v>
      </c>
      <c r="H37" s="12">
        <f t="shared" si="0"/>
        <v>20</v>
      </c>
      <c r="I37" s="12">
        <f t="shared" si="1"/>
        <v>26</v>
      </c>
    </row>
    <row r="38" spans="1:9" s="5" customFormat="1" ht="27.75" customHeight="1" x14ac:dyDescent="0.4">
      <c r="A38" s="9" t="s">
        <v>6</v>
      </c>
      <c r="B38" s="9" t="s">
        <v>84</v>
      </c>
      <c r="C38" s="9" t="s">
        <v>85</v>
      </c>
      <c r="D38" s="10">
        <v>1432800803</v>
      </c>
      <c r="E38" s="11">
        <v>46387</v>
      </c>
      <c r="F38" s="9" t="s">
        <v>86</v>
      </c>
      <c r="G38" s="5">
        <v>36</v>
      </c>
      <c r="H38" s="12">
        <f t="shared" si="0"/>
        <v>24</v>
      </c>
      <c r="I38" s="12">
        <f t="shared" si="1"/>
        <v>14</v>
      </c>
    </row>
    <row r="39" spans="1:9" s="5" customFormat="1" ht="27.75" customHeight="1" x14ac:dyDescent="0.4">
      <c r="A39" s="9" t="s">
        <v>6</v>
      </c>
      <c r="B39" s="9" t="s">
        <v>87</v>
      </c>
      <c r="C39" s="9" t="s">
        <v>88</v>
      </c>
      <c r="D39" s="18">
        <v>1432841567</v>
      </c>
      <c r="E39" s="11">
        <v>47938</v>
      </c>
      <c r="F39" s="9" t="s">
        <v>86</v>
      </c>
      <c r="G39" s="12">
        <v>37</v>
      </c>
      <c r="H39" s="12">
        <f t="shared" si="0"/>
        <v>13</v>
      </c>
      <c r="I39" s="12">
        <f t="shared" si="1"/>
        <v>6</v>
      </c>
    </row>
    <row r="40" spans="1:9" s="5" customFormat="1" ht="27.75" customHeight="1" x14ac:dyDescent="0.4">
      <c r="A40" s="9" t="s">
        <v>6</v>
      </c>
      <c r="B40" s="9" t="s">
        <v>89</v>
      </c>
      <c r="C40" s="9" t="s">
        <v>90</v>
      </c>
      <c r="D40" s="18">
        <v>1432830156</v>
      </c>
      <c r="E40" s="11">
        <v>47299</v>
      </c>
      <c r="F40" s="9" t="s">
        <v>86</v>
      </c>
      <c r="G40" s="5">
        <v>38</v>
      </c>
      <c r="H40" s="12">
        <f t="shared" si="0"/>
        <v>11</v>
      </c>
      <c r="I40" s="12">
        <f t="shared" si="1"/>
        <v>12</v>
      </c>
    </row>
    <row r="41" spans="1:9" s="5" customFormat="1" ht="27.75" customHeight="1" x14ac:dyDescent="0.4">
      <c r="A41" s="9" t="s">
        <v>6</v>
      </c>
      <c r="B41" s="9" t="s">
        <v>91</v>
      </c>
      <c r="C41" s="9" t="s">
        <v>92</v>
      </c>
      <c r="D41" s="18">
        <v>1432901338</v>
      </c>
      <c r="E41" s="11">
        <v>46387</v>
      </c>
      <c r="F41" s="9" t="s">
        <v>93</v>
      </c>
      <c r="G41" s="12">
        <v>39</v>
      </c>
      <c r="H41" s="12">
        <f t="shared" si="0"/>
        <v>24</v>
      </c>
      <c r="I41" s="12">
        <f t="shared" si="1"/>
        <v>6</v>
      </c>
    </row>
    <row r="42" spans="1:9" s="5" customFormat="1" ht="27.75" customHeight="1" x14ac:dyDescent="0.4">
      <c r="A42" s="9" t="s">
        <v>6</v>
      </c>
      <c r="B42" s="13" t="s">
        <v>94</v>
      </c>
      <c r="C42" s="13" t="s">
        <v>95</v>
      </c>
      <c r="D42" s="18">
        <v>1432900991</v>
      </c>
      <c r="E42" s="11">
        <v>46387</v>
      </c>
      <c r="F42" s="9" t="s">
        <v>93</v>
      </c>
      <c r="G42" s="5">
        <v>40</v>
      </c>
      <c r="H42" s="12">
        <f t="shared" si="0"/>
        <v>24</v>
      </c>
      <c r="I42" s="12">
        <f t="shared" si="1"/>
        <v>15</v>
      </c>
    </row>
    <row r="43" spans="1:9" s="5" customFormat="1" ht="27.75" customHeight="1" x14ac:dyDescent="0.4">
      <c r="A43" s="9" t="s">
        <v>6</v>
      </c>
      <c r="B43" s="9" t="s">
        <v>96</v>
      </c>
      <c r="C43" s="9" t="s">
        <v>97</v>
      </c>
      <c r="D43" s="18">
        <v>1433042447</v>
      </c>
      <c r="E43" s="11">
        <v>46843</v>
      </c>
      <c r="F43" s="9" t="s">
        <v>98</v>
      </c>
      <c r="G43" s="12">
        <v>41</v>
      </c>
      <c r="H43" s="12">
        <f t="shared" si="0"/>
        <v>22</v>
      </c>
      <c r="I43" s="12">
        <f t="shared" si="1"/>
        <v>12</v>
      </c>
    </row>
    <row r="44" spans="1:9" s="5" customFormat="1" ht="27.75" customHeight="1" x14ac:dyDescent="0.4">
      <c r="A44" s="9" t="s">
        <v>6</v>
      </c>
      <c r="B44" s="13" t="s">
        <v>99</v>
      </c>
      <c r="C44" s="9" t="s">
        <v>100</v>
      </c>
      <c r="D44" s="18">
        <v>1433042835</v>
      </c>
      <c r="E44" s="11">
        <v>47817</v>
      </c>
      <c r="F44" s="9" t="s">
        <v>98</v>
      </c>
      <c r="G44" s="5">
        <v>42</v>
      </c>
      <c r="H44" s="12">
        <f t="shared" si="0"/>
        <v>22</v>
      </c>
      <c r="I44" s="12">
        <f t="shared" si="1"/>
        <v>12</v>
      </c>
    </row>
    <row r="45" spans="1:9" s="5" customFormat="1" ht="27.75" customHeight="1" x14ac:dyDescent="0.4">
      <c r="A45" s="9" t="s">
        <v>6</v>
      </c>
      <c r="B45" s="9" t="s">
        <v>101</v>
      </c>
      <c r="C45" s="9" t="s">
        <v>102</v>
      </c>
      <c r="D45" s="18">
        <v>1433030699</v>
      </c>
      <c r="E45" s="11">
        <v>47361</v>
      </c>
      <c r="F45" s="9" t="s">
        <v>98</v>
      </c>
      <c r="G45" s="12">
        <v>43</v>
      </c>
      <c r="H45" s="12">
        <f t="shared" si="0"/>
        <v>12</v>
      </c>
      <c r="I45" s="12">
        <f t="shared" si="1"/>
        <v>15</v>
      </c>
    </row>
    <row r="46" spans="1:9" s="5" customFormat="1" ht="27.75" customHeight="1" x14ac:dyDescent="0.4">
      <c r="A46" s="9" t="s">
        <v>6</v>
      </c>
      <c r="B46" s="9" t="s">
        <v>103</v>
      </c>
      <c r="C46" s="9" t="s">
        <v>104</v>
      </c>
      <c r="D46" s="18">
        <v>1433042926</v>
      </c>
      <c r="E46" s="11">
        <v>47514</v>
      </c>
      <c r="F46" s="9" t="s">
        <v>98</v>
      </c>
      <c r="G46" s="5">
        <v>44</v>
      </c>
      <c r="H46" s="12">
        <f t="shared" si="0"/>
        <v>25</v>
      </c>
      <c r="I46" s="12">
        <f t="shared" si="1"/>
        <v>11</v>
      </c>
    </row>
    <row r="47" spans="1:9" s="5" customFormat="1" ht="27.75" customHeight="1" x14ac:dyDescent="0.4">
      <c r="A47" s="17" t="s">
        <v>6</v>
      </c>
      <c r="B47" s="9" t="s">
        <v>105</v>
      </c>
      <c r="C47" s="9" t="s">
        <v>106</v>
      </c>
      <c r="D47" s="18">
        <v>1433000114</v>
      </c>
      <c r="E47" s="11">
        <v>46387</v>
      </c>
      <c r="F47" s="9" t="s">
        <v>98</v>
      </c>
      <c r="G47" s="12">
        <v>45</v>
      </c>
      <c r="H47" s="12">
        <f t="shared" si="0"/>
        <v>12</v>
      </c>
      <c r="I47" s="12">
        <f t="shared" si="1"/>
        <v>6</v>
      </c>
    </row>
    <row r="48" spans="1:9" s="5" customFormat="1" ht="27.75" customHeight="1" x14ac:dyDescent="0.4">
      <c r="A48" s="9" t="s">
        <v>6</v>
      </c>
      <c r="B48" s="9" t="s">
        <v>107</v>
      </c>
      <c r="C48" s="9" t="s">
        <v>108</v>
      </c>
      <c r="D48" s="18">
        <v>1433030681</v>
      </c>
      <c r="E48" s="11">
        <v>47177</v>
      </c>
      <c r="F48" s="9" t="s">
        <v>98</v>
      </c>
      <c r="G48" s="5">
        <v>46</v>
      </c>
      <c r="H48" s="12">
        <f t="shared" si="0"/>
        <v>22</v>
      </c>
      <c r="I48" s="12">
        <f t="shared" si="1"/>
        <v>13</v>
      </c>
    </row>
    <row r="49" spans="1:9" s="5" customFormat="1" ht="27.75" customHeight="1" x14ac:dyDescent="0.4">
      <c r="A49" s="9" t="s">
        <v>6</v>
      </c>
      <c r="B49" s="9" t="s">
        <v>109</v>
      </c>
      <c r="C49" s="9" t="s">
        <v>110</v>
      </c>
      <c r="D49" s="18">
        <v>1433942801</v>
      </c>
      <c r="E49" s="11">
        <v>47879</v>
      </c>
      <c r="F49" s="9" t="s">
        <v>98</v>
      </c>
      <c r="G49" s="12">
        <v>47</v>
      </c>
      <c r="H49" s="12">
        <f t="shared" si="0"/>
        <v>21</v>
      </c>
      <c r="I49" s="12">
        <f t="shared" si="1"/>
        <v>7</v>
      </c>
    </row>
    <row r="50" spans="1:9" s="5" customFormat="1" ht="27.75" customHeight="1" x14ac:dyDescent="0.4">
      <c r="A50" s="9" t="s">
        <v>6</v>
      </c>
      <c r="B50" s="14" t="s">
        <v>111</v>
      </c>
      <c r="C50" s="9" t="s">
        <v>112</v>
      </c>
      <c r="D50" s="18">
        <v>1433030236</v>
      </c>
      <c r="E50" s="11">
        <v>46387</v>
      </c>
      <c r="F50" s="9" t="s">
        <v>98</v>
      </c>
      <c r="G50" s="5">
        <v>48</v>
      </c>
      <c r="H50" s="12">
        <f t="shared" si="0"/>
        <v>24</v>
      </c>
      <c r="I50" s="12">
        <f t="shared" si="1"/>
        <v>14</v>
      </c>
    </row>
    <row r="51" spans="1:9" s="5" customFormat="1" ht="27.75" customHeight="1" x14ac:dyDescent="0.4">
      <c r="A51" s="9" t="s">
        <v>6</v>
      </c>
      <c r="B51" s="9" t="s">
        <v>113</v>
      </c>
      <c r="C51" s="9" t="s">
        <v>114</v>
      </c>
      <c r="D51" s="18">
        <v>1433042538</v>
      </c>
      <c r="E51" s="11">
        <v>48213</v>
      </c>
      <c r="F51" s="9" t="s">
        <v>98</v>
      </c>
      <c r="G51" s="12">
        <v>49</v>
      </c>
      <c r="H51" s="12">
        <f t="shared" si="0"/>
        <v>10</v>
      </c>
      <c r="I51" s="12">
        <f t="shared" si="1"/>
        <v>18</v>
      </c>
    </row>
    <row r="52" spans="1:9" s="5" customFormat="1" ht="27.75" customHeight="1" x14ac:dyDescent="0.4">
      <c r="A52" s="9" t="s">
        <v>6</v>
      </c>
      <c r="B52" s="9" t="s">
        <v>115</v>
      </c>
      <c r="C52" s="9" t="s">
        <v>116</v>
      </c>
      <c r="D52" s="18">
        <v>1434230264</v>
      </c>
      <c r="E52" s="11">
        <v>47695</v>
      </c>
      <c r="F52" s="9" t="s">
        <v>117</v>
      </c>
      <c r="G52" s="5">
        <v>50</v>
      </c>
      <c r="H52" s="12">
        <f t="shared" si="0"/>
        <v>21</v>
      </c>
      <c r="I52" s="12">
        <f t="shared" si="1"/>
        <v>20</v>
      </c>
    </row>
    <row r="53" spans="1:9" s="5" customFormat="1" ht="27.75" customHeight="1" x14ac:dyDescent="0.4">
      <c r="A53" s="17" t="s">
        <v>6</v>
      </c>
      <c r="B53" s="19" t="s">
        <v>118</v>
      </c>
      <c r="C53" s="19" t="s">
        <v>119</v>
      </c>
      <c r="D53" s="20">
        <v>1434241055</v>
      </c>
      <c r="E53" s="11">
        <v>46387</v>
      </c>
      <c r="F53" s="9" t="s">
        <v>117</v>
      </c>
      <c r="G53" s="12">
        <v>51</v>
      </c>
      <c r="H53" s="12">
        <f t="shared" si="0"/>
        <v>26</v>
      </c>
      <c r="I53" s="12">
        <f t="shared" si="1"/>
        <v>15</v>
      </c>
    </row>
    <row r="54" spans="1:9" s="5" customFormat="1" ht="27.75" customHeight="1" x14ac:dyDescent="0.4">
      <c r="A54" s="9" t="s">
        <v>6</v>
      </c>
      <c r="B54" s="9" t="s">
        <v>120</v>
      </c>
      <c r="C54" s="9" t="s">
        <v>121</v>
      </c>
      <c r="D54" s="18">
        <v>1434100236</v>
      </c>
      <c r="E54" s="11">
        <v>46356</v>
      </c>
      <c r="F54" s="9" t="s">
        <v>122</v>
      </c>
      <c r="G54" s="5">
        <v>52</v>
      </c>
      <c r="H54" s="12">
        <f t="shared" si="0"/>
        <v>13</v>
      </c>
      <c r="I54" s="12">
        <f t="shared" si="1"/>
        <v>6</v>
      </c>
    </row>
    <row r="55" spans="1:9" s="5" customFormat="1" ht="27.75" customHeight="1" x14ac:dyDescent="0.4">
      <c r="A55" s="9" t="s">
        <v>6</v>
      </c>
      <c r="B55" s="9" t="s">
        <v>123</v>
      </c>
      <c r="C55" s="9" t="s">
        <v>124</v>
      </c>
      <c r="D55" s="18">
        <v>1434140950</v>
      </c>
      <c r="E55" s="11">
        <v>46783</v>
      </c>
      <c r="F55" s="9" t="s">
        <v>122</v>
      </c>
      <c r="G55" s="12">
        <v>53</v>
      </c>
      <c r="H55" s="12">
        <f t="shared" si="0"/>
        <v>13</v>
      </c>
      <c r="I55" s="12">
        <f t="shared" si="1"/>
        <v>14</v>
      </c>
    </row>
    <row r="56" spans="1:9" s="5" customFormat="1" ht="27.75" customHeight="1" x14ac:dyDescent="0.4">
      <c r="A56" s="9" t="s">
        <v>6</v>
      </c>
      <c r="B56" s="9" t="s">
        <v>125</v>
      </c>
      <c r="C56" s="9" t="s">
        <v>126</v>
      </c>
      <c r="D56" s="18">
        <v>1434340337</v>
      </c>
      <c r="E56" s="11">
        <v>48060</v>
      </c>
      <c r="F56" s="9" t="s">
        <v>127</v>
      </c>
      <c r="G56" s="5">
        <v>54</v>
      </c>
      <c r="H56" s="12">
        <f t="shared" si="0"/>
        <v>12</v>
      </c>
      <c r="I56" s="12">
        <f t="shared" si="1"/>
        <v>11</v>
      </c>
    </row>
    <row r="57" spans="1:9" s="5" customFormat="1" ht="27.75" customHeight="1" x14ac:dyDescent="0.4">
      <c r="A57" s="9" t="s">
        <v>6</v>
      </c>
      <c r="B57" s="9" t="s">
        <v>128</v>
      </c>
      <c r="C57" s="9" t="s">
        <v>129</v>
      </c>
      <c r="D57" s="18">
        <v>1434430088</v>
      </c>
      <c r="E57" s="11">
        <v>46752</v>
      </c>
      <c r="F57" s="9" t="s">
        <v>130</v>
      </c>
      <c r="G57" s="12">
        <v>55</v>
      </c>
      <c r="H57" s="12">
        <f t="shared" si="0"/>
        <v>14</v>
      </c>
      <c r="I57" s="12">
        <f t="shared" si="1"/>
        <v>11</v>
      </c>
    </row>
    <row r="58" spans="1:9" s="5" customFormat="1" ht="27.75" customHeight="1" x14ac:dyDescent="0.4">
      <c r="A58" s="17" t="s">
        <v>6</v>
      </c>
      <c r="B58" s="9" t="s">
        <v>131</v>
      </c>
      <c r="C58" s="9" t="s">
        <v>132</v>
      </c>
      <c r="D58" s="18">
        <v>1431330083</v>
      </c>
      <c r="E58" s="11">
        <v>47177</v>
      </c>
      <c r="F58" s="9" t="s">
        <v>133</v>
      </c>
      <c r="G58" s="5">
        <v>56</v>
      </c>
      <c r="H58" s="12">
        <f t="shared" si="0"/>
        <v>11</v>
      </c>
      <c r="I58" s="12">
        <f t="shared" si="1"/>
        <v>14</v>
      </c>
    </row>
    <row r="59" spans="1:9" s="5" customFormat="1" ht="27.75" customHeight="1" x14ac:dyDescent="0.4">
      <c r="A59" s="9" t="s">
        <v>6</v>
      </c>
      <c r="B59" s="9" t="s">
        <v>134</v>
      </c>
      <c r="C59" s="9" t="s">
        <v>135</v>
      </c>
      <c r="D59" s="18">
        <v>1431530039</v>
      </c>
      <c r="E59" s="11">
        <v>47817</v>
      </c>
      <c r="F59" s="9" t="s">
        <v>136</v>
      </c>
      <c r="G59" s="12">
        <v>57</v>
      </c>
      <c r="H59" s="12">
        <f t="shared" si="0"/>
        <v>17</v>
      </c>
      <c r="I59" s="12">
        <f t="shared" si="1"/>
        <v>21</v>
      </c>
    </row>
    <row r="60" spans="1:9" s="5" customFormat="1" ht="27.75" customHeight="1" x14ac:dyDescent="0.4">
      <c r="A60" s="9" t="s">
        <v>137</v>
      </c>
      <c r="B60" s="13" t="s">
        <v>138</v>
      </c>
      <c r="C60" s="9" t="s">
        <v>139</v>
      </c>
      <c r="D60" s="18">
        <v>1411905876</v>
      </c>
      <c r="E60" s="11">
        <v>46599</v>
      </c>
      <c r="F60" s="9" t="s">
        <v>9</v>
      </c>
      <c r="G60" s="5">
        <v>58</v>
      </c>
      <c r="H60" s="12">
        <f t="shared" si="0"/>
        <v>14</v>
      </c>
      <c r="I60" s="12">
        <f t="shared" si="1"/>
        <v>7</v>
      </c>
    </row>
    <row r="61" spans="1:9" s="5" customFormat="1" ht="27.75" customHeight="1" x14ac:dyDescent="0.4">
      <c r="A61" s="9" t="s">
        <v>137</v>
      </c>
      <c r="B61" s="9" t="s">
        <v>140</v>
      </c>
      <c r="C61" s="9" t="s">
        <v>141</v>
      </c>
      <c r="D61" s="18">
        <v>1411904572</v>
      </c>
      <c r="E61" s="11">
        <v>46843</v>
      </c>
      <c r="F61" s="9" t="s">
        <v>9</v>
      </c>
      <c r="G61" s="12">
        <v>59</v>
      </c>
      <c r="H61" s="12">
        <f t="shared" si="0"/>
        <v>11</v>
      </c>
      <c r="I61" s="12">
        <f t="shared" si="1"/>
        <v>11</v>
      </c>
    </row>
    <row r="62" spans="1:9" s="5" customFormat="1" ht="27.75" customHeight="1" x14ac:dyDescent="0.4">
      <c r="A62" s="9" t="s">
        <v>137</v>
      </c>
      <c r="B62" s="9" t="s">
        <v>142</v>
      </c>
      <c r="C62" s="9" t="s">
        <v>143</v>
      </c>
      <c r="D62" s="18">
        <v>1411910819</v>
      </c>
      <c r="E62" s="11">
        <v>48487</v>
      </c>
      <c r="F62" s="9" t="s">
        <v>9</v>
      </c>
      <c r="G62" s="5">
        <v>60</v>
      </c>
      <c r="H62" s="12">
        <f t="shared" si="0"/>
        <v>11</v>
      </c>
      <c r="I62" s="12">
        <f t="shared" si="1"/>
        <v>5</v>
      </c>
    </row>
    <row r="63" spans="1:9" s="5" customFormat="1" ht="27.75" customHeight="1" x14ac:dyDescent="0.4">
      <c r="A63" s="9" t="s">
        <v>137</v>
      </c>
      <c r="B63" s="9" t="s">
        <v>144</v>
      </c>
      <c r="C63" s="9" t="s">
        <v>145</v>
      </c>
      <c r="D63" s="18">
        <v>1411905587</v>
      </c>
      <c r="E63" s="11">
        <v>46387</v>
      </c>
      <c r="F63" s="9" t="s">
        <v>9</v>
      </c>
      <c r="G63" s="12">
        <v>61</v>
      </c>
      <c r="H63" s="12">
        <f t="shared" si="0"/>
        <v>11</v>
      </c>
      <c r="I63" s="12">
        <f t="shared" si="1"/>
        <v>12</v>
      </c>
    </row>
    <row r="64" spans="1:9" s="5" customFormat="1" ht="27.75" customHeight="1" x14ac:dyDescent="0.4">
      <c r="A64" s="9" t="s">
        <v>137</v>
      </c>
      <c r="B64" s="9" t="s">
        <v>146</v>
      </c>
      <c r="C64" s="9" t="s">
        <v>147</v>
      </c>
      <c r="D64" s="18">
        <v>1411907385</v>
      </c>
      <c r="E64" s="11">
        <v>46387</v>
      </c>
      <c r="F64" s="9" t="s">
        <v>9</v>
      </c>
      <c r="G64" s="5">
        <v>62</v>
      </c>
      <c r="H64" s="12">
        <f t="shared" si="0"/>
        <v>14</v>
      </c>
      <c r="I64" s="12">
        <f t="shared" si="1"/>
        <v>12</v>
      </c>
    </row>
    <row r="65" spans="1:9" s="5" customFormat="1" ht="27.75" customHeight="1" x14ac:dyDescent="0.4">
      <c r="A65" s="9" t="s">
        <v>137</v>
      </c>
      <c r="B65" s="9" t="s">
        <v>148</v>
      </c>
      <c r="C65" s="9" t="s">
        <v>149</v>
      </c>
      <c r="D65" s="18">
        <v>1411903293</v>
      </c>
      <c r="E65" s="11">
        <v>46387</v>
      </c>
      <c r="F65" s="9" t="s">
        <v>9</v>
      </c>
      <c r="G65" s="12">
        <v>63</v>
      </c>
      <c r="H65" s="12">
        <f t="shared" si="0"/>
        <v>10</v>
      </c>
      <c r="I65" s="12">
        <f t="shared" si="1"/>
        <v>4</v>
      </c>
    </row>
    <row r="66" spans="1:9" s="5" customFormat="1" ht="27.75" customHeight="1" x14ac:dyDescent="0.4">
      <c r="A66" s="9" t="s">
        <v>137</v>
      </c>
      <c r="B66" s="9" t="s">
        <v>150</v>
      </c>
      <c r="C66" s="9" t="s">
        <v>151</v>
      </c>
      <c r="D66" s="18">
        <v>1411906759</v>
      </c>
      <c r="E66" s="11">
        <v>46387</v>
      </c>
      <c r="F66" s="9" t="s">
        <v>9</v>
      </c>
      <c r="G66" s="5">
        <v>64</v>
      </c>
      <c r="H66" s="12">
        <f t="shared" si="0"/>
        <v>20</v>
      </c>
      <c r="I66" s="12">
        <f t="shared" si="1"/>
        <v>9</v>
      </c>
    </row>
    <row r="67" spans="1:9" s="5" customFormat="1" ht="27.75" customHeight="1" x14ac:dyDescent="0.4">
      <c r="A67" s="9" t="s">
        <v>137</v>
      </c>
      <c r="B67" s="9" t="s">
        <v>152</v>
      </c>
      <c r="C67" s="9" t="s">
        <v>153</v>
      </c>
      <c r="D67" s="18">
        <v>1411907161</v>
      </c>
      <c r="E67" s="11">
        <v>46387</v>
      </c>
      <c r="F67" s="9" t="s">
        <v>9</v>
      </c>
      <c r="G67" s="12">
        <v>65</v>
      </c>
      <c r="H67" s="12">
        <f t="shared" si="0"/>
        <v>24</v>
      </c>
      <c r="I67" s="12">
        <f t="shared" si="1"/>
        <v>20</v>
      </c>
    </row>
    <row r="68" spans="1:9" s="5" customFormat="1" ht="27.75" customHeight="1" x14ac:dyDescent="0.4">
      <c r="A68" s="9" t="s">
        <v>137</v>
      </c>
      <c r="B68" s="9" t="s">
        <v>154</v>
      </c>
      <c r="C68" s="9" t="s">
        <v>155</v>
      </c>
      <c r="D68" s="18">
        <v>1411910926</v>
      </c>
      <c r="E68" s="11">
        <v>46477</v>
      </c>
      <c r="F68" s="9" t="s">
        <v>9</v>
      </c>
      <c r="G68" s="5">
        <v>66</v>
      </c>
      <c r="H68" s="12">
        <f t="shared" ref="H68:H131" si="2">LEN(C68)</f>
        <v>26</v>
      </c>
      <c r="I68" s="12">
        <f t="shared" ref="I68:I131" si="3">LEN(B68)</f>
        <v>10</v>
      </c>
    </row>
    <row r="69" spans="1:9" s="5" customFormat="1" ht="27.75" customHeight="1" x14ac:dyDescent="0.4">
      <c r="A69" s="9" t="s">
        <v>137</v>
      </c>
      <c r="B69" s="9" t="s">
        <v>156</v>
      </c>
      <c r="C69" s="9" t="s">
        <v>157</v>
      </c>
      <c r="D69" s="18">
        <v>1411906692</v>
      </c>
      <c r="E69" s="11">
        <v>46387</v>
      </c>
      <c r="F69" s="9" t="s">
        <v>9</v>
      </c>
      <c r="G69" s="12">
        <v>67</v>
      </c>
      <c r="H69" s="12">
        <f t="shared" si="2"/>
        <v>23</v>
      </c>
      <c r="I69" s="12">
        <f t="shared" si="3"/>
        <v>9</v>
      </c>
    </row>
    <row r="70" spans="1:9" s="5" customFormat="1" ht="27.75" customHeight="1" x14ac:dyDescent="0.4">
      <c r="A70" s="17" t="s">
        <v>137</v>
      </c>
      <c r="B70" s="19" t="s">
        <v>158</v>
      </c>
      <c r="C70" s="19" t="s">
        <v>159</v>
      </c>
      <c r="D70" s="20">
        <v>1411911189</v>
      </c>
      <c r="E70" s="11">
        <v>47118</v>
      </c>
      <c r="F70" s="9" t="s">
        <v>9</v>
      </c>
      <c r="G70" s="5">
        <v>68</v>
      </c>
      <c r="H70" s="12">
        <f t="shared" si="2"/>
        <v>12</v>
      </c>
      <c r="I70" s="12">
        <f t="shared" si="3"/>
        <v>11</v>
      </c>
    </row>
    <row r="71" spans="1:9" s="5" customFormat="1" ht="27.75" customHeight="1" x14ac:dyDescent="0.4">
      <c r="A71" s="9" t="s">
        <v>137</v>
      </c>
      <c r="B71" s="16" t="s">
        <v>160</v>
      </c>
      <c r="C71" s="16" t="s">
        <v>161</v>
      </c>
      <c r="D71" s="10">
        <v>1411910827</v>
      </c>
      <c r="E71" s="11">
        <v>48304</v>
      </c>
      <c r="F71" s="9" t="s">
        <v>9</v>
      </c>
      <c r="G71" s="12">
        <v>69</v>
      </c>
      <c r="H71" s="12">
        <f t="shared" si="2"/>
        <v>24</v>
      </c>
      <c r="I71" s="12">
        <f t="shared" si="3"/>
        <v>12</v>
      </c>
    </row>
    <row r="72" spans="1:9" s="5" customFormat="1" ht="27.75" customHeight="1" x14ac:dyDescent="0.4">
      <c r="A72" s="9" t="s">
        <v>137</v>
      </c>
      <c r="B72" s="16" t="s">
        <v>162</v>
      </c>
      <c r="C72" s="16" t="s">
        <v>163</v>
      </c>
      <c r="D72" s="10">
        <v>1411911254</v>
      </c>
      <c r="E72" s="11">
        <v>47422</v>
      </c>
      <c r="F72" s="9" t="s">
        <v>9</v>
      </c>
      <c r="G72" s="5">
        <v>70</v>
      </c>
      <c r="H72" s="12">
        <f t="shared" si="2"/>
        <v>20</v>
      </c>
      <c r="I72" s="12">
        <f t="shared" si="3"/>
        <v>22</v>
      </c>
    </row>
    <row r="73" spans="1:9" s="5" customFormat="1" ht="27.75" customHeight="1" x14ac:dyDescent="0.4">
      <c r="A73" s="9" t="s">
        <v>137</v>
      </c>
      <c r="B73" s="9" t="s">
        <v>164</v>
      </c>
      <c r="C73" s="9" t="s">
        <v>165</v>
      </c>
      <c r="D73" s="18">
        <v>1411907062</v>
      </c>
      <c r="E73" s="11">
        <v>46387</v>
      </c>
      <c r="F73" s="9" t="s">
        <v>9</v>
      </c>
      <c r="G73" s="12">
        <v>71</v>
      </c>
      <c r="H73" s="12">
        <f t="shared" si="2"/>
        <v>21</v>
      </c>
      <c r="I73" s="12">
        <f t="shared" si="3"/>
        <v>13</v>
      </c>
    </row>
    <row r="74" spans="1:9" s="5" customFormat="1" ht="27.75" customHeight="1" x14ac:dyDescent="0.4">
      <c r="A74" s="9" t="s">
        <v>137</v>
      </c>
      <c r="B74" s="15" t="s">
        <v>166</v>
      </c>
      <c r="C74" s="16" t="s">
        <v>167</v>
      </c>
      <c r="D74" s="10">
        <v>1411910058</v>
      </c>
      <c r="E74" s="11">
        <v>46387</v>
      </c>
      <c r="F74" s="9" t="s">
        <v>9</v>
      </c>
      <c r="G74" s="5">
        <v>72</v>
      </c>
      <c r="H74" s="12">
        <f t="shared" si="2"/>
        <v>12</v>
      </c>
      <c r="I74" s="12">
        <f t="shared" si="3"/>
        <v>13</v>
      </c>
    </row>
    <row r="75" spans="1:9" s="5" customFormat="1" ht="27.75" customHeight="1" x14ac:dyDescent="0.4">
      <c r="A75" s="9" t="s">
        <v>137</v>
      </c>
      <c r="B75" s="9" t="s">
        <v>168</v>
      </c>
      <c r="C75" s="9" t="s">
        <v>169</v>
      </c>
      <c r="D75" s="18">
        <v>1411910256</v>
      </c>
      <c r="E75" s="11">
        <v>47299</v>
      </c>
      <c r="F75" s="9" t="s">
        <v>9</v>
      </c>
      <c r="G75" s="12">
        <v>73</v>
      </c>
      <c r="H75" s="12">
        <f t="shared" si="2"/>
        <v>11</v>
      </c>
      <c r="I75" s="12">
        <f t="shared" si="3"/>
        <v>14</v>
      </c>
    </row>
    <row r="76" spans="1:9" s="5" customFormat="1" ht="27.75" customHeight="1" x14ac:dyDescent="0.4">
      <c r="A76" s="9" t="s">
        <v>137</v>
      </c>
      <c r="B76" s="9" t="s">
        <v>170</v>
      </c>
      <c r="C76" s="9" t="s">
        <v>171</v>
      </c>
      <c r="D76" s="18">
        <v>1411904457</v>
      </c>
      <c r="E76" s="11">
        <v>46387</v>
      </c>
      <c r="F76" s="9" t="s">
        <v>9</v>
      </c>
      <c r="G76" s="5">
        <v>74</v>
      </c>
      <c r="H76" s="12">
        <f t="shared" si="2"/>
        <v>14</v>
      </c>
      <c r="I76" s="12">
        <f t="shared" si="3"/>
        <v>11</v>
      </c>
    </row>
    <row r="77" spans="1:9" s="5" customFormat="1" ht="27.75" customHeight="1" x14ac:dyDescent="0.4">
      <c r="A77" s="9" t="s">
        <v>137</v>
      </c>
      <c r="B77" s="9" t="s">
        <v>172</v>
      </c>
      <c r="C77" s="9" t="s">
        <v>173</v>
      </c>
      <c r="D77" s="18">
        <v>1411907112</v>
      </c>
      <c r="E77" s="11">
        <v>46387</v>
      </c>
      <c r="F77" s="9" t="s">
        <v>9</v>
      </c>
      <c r="G77" s="12">
        <v>75</v>
      </c>
      <c r="H77" s="12">
        <f t="shared" si="2"/>
        <v>16</v>
      </c>
      <c r="I77" s="12">
        <f t="shared" si="3"/>
        <v>12</v>
      </c>
    </row>
    <row r="78" spans="1:9" s="5" customFormat="1" ht="27.75" customHeight="1" x14ac:dyDescent="0.4">
      <c r="A78" s="9" t="s">
        <v>137</v>
      </c>
      <c r="B78" s="9" t="s">
        <v>174</v>
      </c>
      <c r="C78" s="9" t="s">
        <v>175</v>
      </c>
      <c r="D78" s="18">
        <v>1411911452</v>
      </c>
      <c r="E78" s="11">
        <v>48244</v>
      </c>
      <c r="F78" s="9" t="s">
        <v>9</v>
      </c>
      <c r="G78" s="5">
        <v>76</v>
      </c>
      <c r="H78" s="12">
        <f t="shared" si="2"/>
        <v>11</v>
      </c>
      <c r="I78" s="12">
        <f t="shared" si="3"/>
        <v>22</v>
      </c>
    </row>
    <row r="79" spans="1:9" s="5" customFormat="1" ht="27.75" customHeight="1" x14ac:dyDescent="0.4">
      <c r="A79" s="9" t="s">
        <v>137</v>
      </c>
      <c r="B79" s="9" t="s">
        <v>176</v>
      </c>
      <c r="C79" s="9" t="s">
        <v>177</v>
      </c>
      <c r="D79" s="18">
        <v>1411910033</v>
      </c>
      <c r="E79" s="11">
        <v>46387</v>
      </c>
      <c r="F79" s="9" t="s">
        <v>9</v>
      </c>
      <c r="G79" s="12">
        <v>77</v>
      </c>
      <c r="H79" s="12">
        <f t="shared" si="2"/>
        <v>13</v>
      </c>
      <c r="I79" s="12">
        <f t="shared" si="3"/>
        <v>7</v>
      </c>
    </row>
    <row r="80" spans="1:9" s="5" customFormat="1" ht="27.75" customHeight="1" x14ac:dyDescent="0.4">
      <c r="A80" s="9" t="s">
        <v>137</v>
      </c>
      <c r="B80" s="9" t="s">
        <v>178</v>
      </c>
      <c r="C80" s="9" t="s">
        <v>179</v>
      </c>
      <c r="D80" s="18">
        <v>1411904580</v>
      </c>
      <c r="E80" s="11">
        <v>46387</v>
      </c>
      <c r="F80" s="9" t="s">
        <v>9</v>
      </c>
      <c r="G80" s="5">
        <v>78</v>
      </c>
      <c r="H80" s="12">
        <f t="shared" si="2"/>
        <v>12</v>
      </c>
      <c r="I80" s="12">
        <f t="shared" si="3"/>
        <v>5</v>
      </c>
    </row>
    <row r="81" spans="1:9" s="5" customFormat="1" ht="27.75" customHeight="1" x14ac:dyDescent="0.4">
      <c r="A81" s="9" t="s">
        <v>137</v>
      </c>
      <c r="B81" s="9" t="s">
        <v>180</v>
      </c>
      <c r="C81" s="9" t="s">
        <v>181</v>
      </c>
      <c r="D81" s="18">
        <v>1411905405</v>
      </c>
      <c r="E81" s="11">
        <v>46387</v>
      </c>
      <c r="F81" s="9" t="s">
        <v>9</v>
      </c>
      <c r="G81" s="12">
        <v>79</v>
      </c>
      <c r="H81" s="12">
        <f t="shared" si="2"/>
        <v>12</v>
      </c>
      <c r="I81" s="12">
        <f t="shared" si="3"/>
        <v>6</v>
      </c>
    </row>
    <row r="82" spans="1:9" s="5" customFormat="1" ht="27.75" customHeight="1" x14ac:dyDescent="0.4">
      <c r="A82" s="9" t="s">
        <v>137</v>
      </c>
      <c r="B82" s="9" t="s">
        <v>182</v>
      </c>
      <c r="C82" s="9" t="s">
        <v>183</v>
      </c>
      <c r="D82" s="18">
        <v>1411907229</v>
      </c>
      <c r="E82" s="11">
        <v>46568</v>
      </c>
      <c r="F82" s="9" t="s">
        <v>9</v>
      </c>
      <c r="G82" s="5">
        <v>80</v>
      </c>
      <c r="H82" s="12">
        <f t="shared" si="2"/>
        <v>11</v>
      </c>
      <c r="I82" s="12">
        <f t="shared" si="3"/>
        <v>11</v>
      </c>
    </row>
    <row r="83" spans="1:9" s="5" customFormat="1" ht="27.75" customHeight="1" x14ac:dyDescent="0.4">
      <c r="A83" s="9" t="s">
        <v>137</v>
      </c>
      <c r="B83" s="9" t="s">
        <v>184</v>
      </c>
      <c r="C83" s="9" t="s">
        <v>185</v>
      </c>
      <c r="D83" s="18">
        <v>1411906916</v>
      </c>
      <c r="E83" s="11">
        <v>46387</v>
      </c>
      <c r="F83" s="9" t="s">
        <v>9</v>
      </c>
      <c r="G83" s="12">
        <v>81</v>
      </c>
      <c r="H83" s="12">
        <f t="shared" si="2"/>
        <v>11</v>
      </c>
      <c r="I83" s="12">
        <f t="shared" si="3"/>
        <v>12</v>
      </c>
    </row>
    <row r="84" spans="1:9" s="5" customFormat="1" ht="27.75" customHeight="1" x14ac:dyDescent="0.4">
      <c r="A84" s="9" t="s">
        <v>137</v>
      </c>
      <c r="B84" s="9" t="s">
        <v>186</v>
      </c>
      <c r="C84" s="9" t="s">
        <v>187</v>
      </c>
      <c r="D84" s="18">
        <v>1411907831</v>
      </c>
      <c r="E84" s="11">
        <v>46812</v>
      </c>
      <c r="F84" s="9" t="s">
        <v>9</v>
      </c>
      <c r="G84" s="5">
        <v>82</v>
      </c>
      <c r="H84" s="12">
        <f t="shared" si="2"/>
        <v>25</v>
      </c>
      <c r="I84" s="12">
        <f t="shared" si="3"/>
        <v>9</v>
      </c>
    </row>
    <row r="85" spans="1:9" s="5" customFormat="1" ht="27.75" customHeight="1" x14ac:dyDescent="0.4">
      <c r="A85" s="9" t="s">
        <v>137</v>
      </c>
      <c r="B85" s="14" t="s">
        <v>188</v>
      </c>
      <c r="C85" s="9" t="s">
        <v>189</v>
      </c>
      <c r="D85" s="18">
        <v>1411910728</v>
      </c>
      <c r="E85" s="11">
        <v>47817</v>
      </c>
      <c r="F85" s="9" t="s">
        <v>9</v>
      </c>
      <c r="G85" s="12">
        <v>83</v>
      </c>
      <c r="H85" s="12">
        <f t="shared" si="2"/>
        <v>13</v>
      </c>
      <c r="I85" s="12">
        <f t="shared" si="3"/>
        <v>10</v>
      </c>
    </row>
    <row r="86" spans="1:9" s="5" customFormat="1" ht="27.75" customHeight="1" x14ac:dyDescent="0.4">
      <c r="A86" s="9" t="s">
        <v>137</v>
      </c>
      <c r="B86" s="9" t="s">
        <v>190</v>
      </c>
      <c r="C86" s="9" t="s">
        <v>191</v>
      </c>
      <c r="D86" s="18">
        <v>1411907302</v>
      </c>
      <c r="E86" s="11">
        <v>47087</v>
      </c>
      <c r="F86" s="9" t="s">
        <v>9</v>
      </c>
      <c r="G86" s="5">
        <v>84</v>
      </c>
      <c r="H86" s="12">
        <f t="shared" si="2"/>
        <v>13</v>
      </c>
      <c r="I86" s="12">
        <f t="shared" si="3"/>
        <v>10</v>
      </c>
    </row>
    <row r="87" spans="1:9" s="5" customFormat="1" ht="27.75" customHeight="1" x14ac:dyDescent="0.4">
      <c r="A87" s="9" t="s">
        <v>137</v>
      </c>
      <c r="B87" s="9" t="s">
        <v>192</v>
      </c>
      <c r="C87" s="9" t="s">
        <v>193</v>
      </c>
      <c r="D87" s="18">
        <v>1411905322</v>
      </c>
      <c r="E87" s="11">
        <v>46387</v>
      </c>
      <c r="F87" s="9" t="s">
        <v>9</v>
      </c>
      <c r="G87" s="12">
        <v>85</v>
      </c>
      <c r="H87" s="12">
        <f t="shared" si="2"/>
        <v>22</v>
      </c>
      <c r="I87" s="12">
        <f t="shared" si="3"/>
        <v>8</v>
      </c>
    </row>
    <row r="88" spans="1:9" s="5" customFormat="1" ht="27.75" customHeight="1" x14ac:dyDescent="0.4">
      <c r="A88" s="9" t="s">
        <v>137</v>
      </c>
      <c r="B88" s="9" t="s">
        <v>194</v>
      </c>
      <c r="C88" s="9" t="s">
        <v>195</v>
      </c>
      <c r="D88" s="18">
        <v>1411910090</v>
      </c>
      <c r="E88" s="11">
        <v>46387</v>
      </c>
      <c r="F88" s="9" t="s">
        <v>9</v>
      </c>
      <c r="G88" s="5">
        <v>86</v>
      </c>
      <c r="H88" s="12">
        <f t="shared" si="2"/>
        <v>16</v>
      </c>
      <c r="I88" s="12">
        <f t="shared" si="3"/>
        <v>9</v>
      </c>
    </row>
    <row r="89" spans="1:9" s="5" customFormat="1" ht="27.75" customHeight="1" x14ac:dyDescent="0.4">
      <c r="A89" s="9" t="s">
        <v>137</v>
      </c>
      <c r="B89" s="9" t="s">
        <v>196</v>
      </c>
      <c r="C89" s="9" t="s">
        <v>197</v>
      </c>
      <c r="D89" s="18">
        <v>1411906429</v>
      </c>
      <c r="E89" s="11">
        <v>46387</v>
      </c>
      <c r="F89" s="9" t="s">
        <v>9</v>
      </c>
      <c r="G89" s="12">
        <v>87</v>
      </c>
      <c r="H89" s="12">
        <f t="shared" si="2"/>
        <v>17</v>
      </c>
      <c r="I89" s="12">
        <f t="shared" si="3"/>
        <v>11</v>
      </c>
    </row>
    <row r="90" spans="1:9" s="5" customFormat="1" ht="27.75" customHeight="1" x14ac:dyDescent="0.4">
      <c r="A90" s="9" t="s">
        <v>137</v>
      </c>
      <c r="B90" s="13" t="s">
        <v>198</v>
      </c>
      <c r="C90" s="13" t="s">
        <v>199</v>
      </c>
      <c r="D90" s="18">
        <v>1411910116</v>
      </c>
      <c r="E90" s="11">
        <v>46387</v>
      </c>
      <c r="F90" s="9" t="s">
        <v>9</v>
      </c>
      <c r="G90" s="5">
        <v>88</v>
      </c>
      <c r="H90" s="12">
        <f t="shared" si="2"/>
        <v>14</v>
      </c>
      <c r="I90" s="12">
        <f t="shared" si="3"/>
        <v>6</v>
      </c>
    </row>
    <row r="91" spans="1:9" s="5" customFormat="1" ht="27.75" customHeight="1" x14ac:dyDescent="0.4">
      <c r="A91" s="9" t="s">
        <v>137</v>
      </c>
      <c r="B91" s="9" t="s">
        <v>200</v>
      </c>
      <c r="C91" s="9" t="s">
        <v>201</v>
      </c>
      <c r="D91" s="18">
        <v>1411907666</v>
      </c>
      <c r="E91" s="11">
        <v>46387</v>
      </c>
      <c r="F91" s="9" t="s">
        <v>9</v>
      </c>
      <c r="G91" s="12">
        <v>89</v>
      </c>
      <c r="H91" s="12">
        <f t="shared" si="2"/>
        <v>20</v>
      </c>
      <c r="I91" s="12">
        <f t="shared" si="3"/>
        <v>12</v>
      </c>
    </row>
    <row r="92" spans="1:9" s="5" customFormat="1" ht="27.75" customHeight="1" x14ac:dyDescent="0.4">
      <c r="A92" s="9" t="s">
        <v>137</v>
      </c>
      <c r="B92" s="9" t="s">
        <v>202</v>
      </c>
      <c r="C92" s="9" t="s">
        <v>203</v>
      </c>
      <c r="D92" s="18">
        <v>1411906247</v>
      </c>
      <c r="E92" s="11">
        <v>46387</v>
      </c>
      <c r="F92" s="9" t="s">
        <v>9</v>
      </c>
      <c r="G92" s="5">
        <v>90</v>
      </c>
      <c r="H92" s="12">
        <f t="shared" si="2"/>
        <v>12</v>
      </c>
      <c r="I92" s="12">
        <f t="shared" si="3"/>
        <v>17</v>
      </c>
    </row>
    <row r="93" spans="1:9" s="5" customFormat="1" ht="27.75" customHeight="1" x14ac:dyDescent="0.4">
      <c r="A93" s="9" t="s">
        <v>137</v>
      </c>
      <c r="B93" s="9" t="s">
        <v>204</v>
      </c>
      <c r="C93" s="9" t="s">
        <v>205</v>
      </c>
      <c r="D93" s="18">
        <v>1411905124</v>
      </c>
      <c r="E93" s="11">
        <v>46387</v>
      </c>
      <c r="F93" s="9" t="s">
        <v>9</v>
      </c>
      <c r="G93" s="12">
        <v>91</v>
      </c>
      <c r="H93" s="12">
        <f t="shared" si="2"/>
        <v>13</v>
      </c>
      <c r="I93" s="12">
        <f t="shared" si="3"/>
        <v>12</v>
      </c>
    </row>
    <row r="94" spans="1:9" s="5" customFormat="1" ht="27.75" customHeight="1" x14ac:dyDescent="0.4">
      <c r="A94" s="9" t="s">
        <v>137</v>
      </c>
      <c r="B94" s="9" t="s">
        <v>206</v>
      </c>
      <c r="C94" s="9" t="s">
        <v>207</v>
      </c>
      <c r="D94" s="18">
        <v>1411911205</v>
      </c>
      <c r="E94" s="11">
        <v>47238</v>
      </c>
      <c r="F94" s="9" t="s">
        <v>9</v>
      </c>
      <c r="G94" s="5">
        <v>92</v>
      </c>
      <c r="H94" s="12">
        <f t="shared" si="2"/>
        <v>26</v>
      </c>
      <c r="I94" s="12">
        <f t="shared" si="3"/>
        <v>15</v>
      </c>
    </row>
    <row r="95" spans="1:9" s="5" customFormat="1" ht="27.75" customHeight="1" x14ac:dyDescent="0.4">
      <c r="A95" s="9" t="s">
        <v>137</v>
      </c>
      <c r="B95" s="9" t="s">
        <v>208</v>
      </c>
      <c r="C95" s="9" t="s">
        <v>209</v>
      </c>
      <c r="D95" s="18">
        <v>1411907757</v>
      </c>
      <c r="E95" s="11">
        <v>46387</v>
      </c>
      <c r="F95" s="9" t="s">
        <v>9</v>
      </c>
      <c r="G95" s="12">
        <v>93</v>
      </c>
      <c r="H95" s="12">
        <f t="shared" si="2"/>
        <v>14</v>
      </c>
      <c r="I95" s="12">
        <f t="shared" si="3"/>
        <v>9</v>
      </c>
    </row>
    <row r="96" spans="1:9" s="5" customFormat="1" ht="27.75" customHeight="1" x14ac:dyDescent="0.4">
      <c r="A96" s="9" t="s">
        <v>137</v>
      </c>
      <c r="B96" s="13" t="s">
        <v>210</v>
      </c>
      <c r="C96" s="13" t="s">
        <v>211</v>
      </c>
      <c r="D96" s="18">
        <v>1411911361</v>
      </c>
      <c r="E96" s="11">
        <v>47907</v>
      </c>
      <c r="F96" s="9" t="s">
        <v>9</v>
      </c>
      <c r="G96" s="5">
        <v>94</v>
      </c>
      <c r="H96" s="12">
        <f t="shared" si="2"/>
        <v>26</v>
      </c>
      <c r="I96" s="12">
        <f t="shared" si="3"/>
        <v>8</v>
      </c>
    </row>
    <row r="97" spans="1:35" s="5" customFormat="1" ht="27.75" customHeight="1" x14ac:dyDescent="0.4">
      <c r="A97" s="9" t="s">
        <v>137</v>
      </c>
      <c r="B97" s="9" t="s">
        <v>212</v>
      </c>
      <c r="C97" s="9" t="s">
        <v>213</v>
      </c>
      <c r="D97" s="18">
        <v>1411910777</v>
      </c>
      <c r="E97" s="11">
        <v>47968</v>
      </c>
      <c r="F97" s="9" t="s">
        <v>9</v>
      </c>
      <c r="G97" s="12">
        <v>95</v>
      </c>
      <c r="H97" s="12">
        <f t="shared" si="2"/>
        <v>16</v>
      </c>
      <c r="I97" s="12">
        <f t="shared" si="3"/>
        <v>19</v>
      </c>
    </row>
    <row r="98" spans="1:35" s="5" customFormat="1" ht="27.75" customHeight="1" x14ac:dyDescent="0.4">
      <c r="A98" s="9" t="s">
        <v>137</v>
      </c>
      <c r="B98" s="15" t="s">
        <v>214</v>
      </c>
      <c r="C98" s="15" t="s">
        <v>215</v>
      </c>
      <c r="D98" s="21">
        <v>1411911395</v>
      </c>
      <c r="E98" s="11">
        <v>47999</v>
      </c>
      <c r="F98" s="9" t="s">
        <v>9</v>
      </c>
      <c r="G98" s="5">
        <v>96</v>
      </c>
      <c r="H98" s="12">
        <f t="shared" si="2"/>
        <v>16</v>
      </c>
      <c r="I98" s="12">
        <f t="shared" si="3"/>
        <v>10</v>
      </c>
    </row>
    <row r="99" spans="1:35" s="5" customFormat="1" ht="27.75" customHeight="1" x14ac:dyDescent="0.4">
      <c r="A99" s="13" t="s">
        <v>137</v>
      </c>
      <c r="B99" s="9" t="s">
        <v>216</v>
      </c>
      <c r="C99" s="9" t="s">
        <v>217</v>
      </c>
      <c r="D99" s="18">
        <v>1411911163</v>
      </c>
      <c r="E99" s="11">
        <v>47118</v>
      </c>
      <c r="F99" s="9" t="s">
        <v>9</v>
      </c>
      <c r="G99" s="12">
        <v>97</v>
      </c>
      <c r="H99" s="12">
        <f t="shared" si="2"/>
        <v>22</v>
      </c>
      <c r="I99" s="12">
        <f t="shared" si="3"/>
        <v>15</v>
      </c>
    </row>
    <row r="100" spans="1:35" s="5" customFormat="1" ht="27.75" customHeight="1" x14ac:dyDescent="0.4">
      <c r="A100" s="9" t="s">
        <v>137</v>
      </c>
      <c r="B100" s="9" t="s">
        <v>218</v>
      </c>
      <c r="C100" s="9" t="s">
        <v>219</v>
      </c>
      <c r="D100" s="18">
        <v>1411905223</v>
      </c>
      <c r="E100" s="11">
        <v>46387</v>
      </c>
      <c r="F100" s="9" t="s">
        <v>9</v>
      </c>
      <c r="G100" s="5">
        <v>98</v>
      </c>
      <c r="H100" s="12">
        <f t="shared" si="2"/>
        <v>12</v>
      </c>
      <c r="I100" s="12">
        <f t="shared" si="3"/>
        <v>14</v>
      </c>
    </row>
    <row r="101" spans="1:35" s="5" customFormat="1" ht="27.75" customHeight="1" x14ac:dyDescent="0.4">
      <c r="A101" s="15" t="s">
        <v>137</v>
      </c>
      <c r="B101" s="16" t="s">
        <v>220</v>
      </c>
      <c r="C101" s="22" t="s">
        <v>221</v>
      </c>
      <c r="D101" s="10">
        <v>1411904689</v>
      </c>
      <c r="E101" s="11">
        <v>46387</v>
      </c>
      <c r="F101" s="9" t="s">
        <v>9</v>
      </c>
      <c r="G101" s="12">
        <v>99</v>
      </c>
      <c r="H101" s="12">
        <f t="shared" si="2"/>
        <v>13</v>
      </c>
      <c r="I101" s="12">
        <f t="shared" si="3"/>
        <v>6</v>
      </c>
      <c r="J101" s="12"/>
      <c r="K101" s="12"/>
      <c r="L101" s="12"/>
      <c r="M101" s="12"/>
      <c r="N101" s="12"/>
      <c r="O101" s="12"/>
      <c r="P101" s="12"/>
      <c r="Q101" s="12"/>
      <c r="R101" s="12"/>
      <c r="S101" s="12"/>
      <c r="T101" s="12"/>
      <c r="U101" s="12"/>
      <c r="V101" s="12"/>
      <c r="W101" s="12"/>
      <c r="X101" s="12"/>
      <c r="Y101" s="12"/>
      <c r="Z101" s="12"/>
      <c r="AA101" s="12"/>
      <c r="AB101" s="12"/>
      <c r="AC101" s="12"/>
      <c r="AD101" s="12"/>
      <c r="AE101" s="12"/>
      <c r="AF101" s="12"/>
      <c r="AG101" s="12"/>
      <c r="AH101" s="12"/>
      <c r="AI101" s="12"/>
    </row>
    <row r="102" spans="1:35" s="5" customFormat="1" ht="27.75" customHeight="1" x14ac:dyDescent="0.4">
      <c r="A102" s="17" t="s">
        <v>137</v>
      </c>
      <c r="B102" s="13" t="s">
        <v>222</v>
      </c>
      <c r="C102" s="13" t="s">
        <v>223</v>
      </c>
      <c r="D102" s="18">
        <v>1411903954</v>
      </c>
      <c r="E102" s="11">
        <v>46387</v>
      </c>
      <c r="F102" s="9" t="s">
        <v>9</v>
      </c>
      <c r="G102" s="5">
        <v>100</v>
      </c>
      <c r="H102" s="12">
        <f t="shared" si="2"/>
        <v>14</v>
      </c>
      <c r="I102" s="12">
        <f t="shared" si="3"/>
        <v>6</v>
      </c>
      <c r="J102" s="12"/>
      <c r="K102" s="12"/>
      <c r="L102" s="12"/>
      <c r="M102" s="12"/>
      <c r="N102" s="12"/>
      <c r="O102" s="12"/>
      <c r="P102" s="12"/>
      <c r="Q102" s="12"/>
      <c r="R102" s="12"/>
      <c r="S102" s="12"/>
      <c r="T102" s="12"/>
      <c r="U102" s="12"/>
      <c r="V102" s="12"/>
      <c r="W102" s="12"/>
      <c r="X102" s="12"/>
      <c r="Y102" s="12"/>
      <c r="Z102" s="12"/>
      <c r="AA102" s="12"/>
      <c r="AB102" s="12"/>
      <c r="AC102" s="12"/>
      <c r="AD102" s="12"/>
      <c r="AE102" s="12"/>
      <c r="AF102" s="12"/>
      <c r="AG102" s="12"/>
      <c r="AH102" s="12"/>
      <c r="AI102" s="12"/>
    </row>
    <row r="103" spans="1:35" s="5" customFormat="1" ht="27.75" customHeight="1" x14ac:dyDescent="0.4">
      <c r="A103" s="9" t="s">
        <v>137</v>
      </c>
      <c r="B103" s="9" t="s">
        <v>224</v>
      </c>
      <c r="C103" s="9" t="s">
        <v>225</v>
      </c>
      <c r="D103" s="18">
        <v>1411907476</v>
      </c>
      <c r="E103" s="11">
        <v>46387</v>
      </c>
      <c r="F103" s="9" t="s">
        <v>9</v>
      </c>
      <c r="G103" s="12">
        <v>101</v>
      </c>
      <c r="H103" s="12">
        <f t="shared" si="2"/>
        <v>13</v>
      </c>
      <c r="I103" s="12">
        <f t="shared" si="3"/>
        <v>10</v>
      </c>
    </row>
    <row r="104" spans="1:35" s="5" customFormat="1" ht="27.75" customHeight="1" x14ac:dyDescent="0.4">
      <c r="A104" s="9" t="s">
        <v>137</v>
      </c>
      <c r="B104" s="13" t="s">
        <v>226</v>
      </c>
      <c r="C104" s="13" t="s">
        <v>227</v>
      </c>
      <c r="D104" s="18">
        <v>1411910025</v>
      </c>
      <c r="E104" s="11">
        <v>46387</v>
      </c>
      <c r="F104" s="9" t="s">
        <v>9</v>
      </c>
      <c r="G104" s="5">
        <v>102</v>
      </c>
      <c r="H104" s="12">
        <f t="shared" si="2"/>
        <v>15</v>
      </c>
      <c r="I104" s="12">
        <f t="shared" si="3"/>
        <v>8</v>
      </c>
    </row>
    <row r="105" spans="1:35" s="5" customFormat="1" ht="27.75" customHeight="1" x14ac:dyDescent="0.4">
      <c r="A105" s="9" t="s">
        <v>137</v>
      </c>
      <c r="B105" s="9" t="s">
        <v>228</v>
      </c>
      <c r="C105" s="9" t="s">
        <v>229</v>
      </c>
      <c r="D105" s="18">
        <v>1411907310</v>
      </c>
      <c r="E105" s="11">
        <v>46387</v>
      </c>
      <c r="F105" s="9" t="s">
        <v>9</v>
      </c>
      <c r="G105" s="12">
        <v>103</v>
      </c>
      <c r="H105" s="12">
        <f t="shared" si="2"/>
        <v>25</v>
      </c>
      <c r="I105" s="12">
        <f t="shared" si="3"/>
        <v>6</v>
      </c>
    </row>
    <row r="106" spans="1:35" s="5" customFormat="1" ht="27.75" customHeight="1" x14ac:dyDescent="0.4">
      <c r="A106" s="9" t="s">
        <v>137</v>
      </c>
      <c r="B106" s="13" t="s">
        <v>230</v>
      </c>
      <c r="C106" s="13" t="s">
        <v>231</v>
      </c>
      <c r="D106" s="18">
        <v>1411911007</v>
      </c>
      <c r="E106" s="11">
        <v>46630</v>
      </c>
      <c r="F106" s="9" t="s">
        <v>9</v>
      </c>
      <c r="G106" s="5">
        <v>104</v>
      </c>
      <c r="H106" s="12">
        <f t="shared" si="2"/>
        <v>17</v>
      </c>
      <c r="I106" s="12">
        <f t="shared" si="3"/>
        <v>9</v>
      </c>
    </row>
    <row r="107" spans="1:35" s="5" customFormat="1" ht="27.75" customHeight="1" x14ac:dyDescent="0.4">
      <c r="A107" s="9" t="s">
        <v>137</v>
      </c>
      <c r="B107" s="9" t="s">
        <v>232</v>
      </c>
      <c r="C107" s="9" t="s">
        <v>233</v>
      </c>
      <c r="D107" s="18">
        <v>1411905306</v>
      </c>
      <c r="E107" s="11">
        <v>46387</v>
      </c>
      <c r="F107" s="9" t="s">
        <v>9</v>
      </c>
      <c r="G107" s="12">
        <v>105</v>
      </c>
      <c r="H107" s="12">
        <f t="shared" si="2"/>
        <v>23</v>
      </c>
      <c r="I107" s="12">
        <f t="shared" si="3"/>
        <v>7</v>
      </c>
    </row>
    <row r="108" spans="1:35" s="5" customFormat="1" ht="27.75" customHeight="1" x14ac:dyDescent="0.4">
      <c r="A108" s="9" t="s">
        <v>137</v>
      </c>
      <c r="B108" s="9" t="s">
        <v>234</v>
      </c>
      <c r="C108" s="9" t="s">
        <v>235</v>
      </c>
      <c r="D108" s="18">
        <v>1411910389</v>
      </c>
      <c r="E108" s="11">
        <v>46387</v>
      </c>
      <c r="F108" s="9" t="s">
        <v>9</v>
      </c>
      <c r="G108" s="5">
        <v>106</v>
      </c>
      <c r="H108" s="12">
        <f t="shared" si="2"/>
        <v>27</v>
      </c>
      <c r="I108" s="12">
        <f t="shared" si="3"/>
        <v>17</v>
      </c>
    </row>
    <row r="109" spans="1:35" s="5" customFormat="1" ht="27.75" customHeight="1" x14ac:dyDescent="0.4">
      <c r="A109" s="9" t="s">
        <v>137</v>
      </c>
      <c r="B109" s="9" t="s">
        <v>236</v>
      </c>
      <c r="C109" s="9" t="s">
        <v>237</v>
      </c>
      <c r="D109" s="18">
        <v>1411905934</v>
      </c>
      <c r="E109" s="11">
        <v>46387</v>
      </c>
      <c r="F109" s="9" t="s">
        <v>9</v>
      </c>
      <c r="G109" s="12">
        <v>107</v>
      </c>
      <c r="H109" s="12">
        <f t="shared" si="2"/>
        <v>16</v>
      </c>
      <c r="I109" s="12">
        <f t="shared" si="3"/>
        <v>4</v>
      </c>
    </row>
    <row r="110" spans="1:35" s="5" customFormat="1" ht="27.75" customHeight="1" x14ac:dyDescent="0.4">
      <c r="A110" s="9" t="s">
        <v>137</v>
      </c>
      <c r="B110" s="14" t="s">
        <v>238</v>
      </c>
      <c r="C110" s="9" t="s">
        <v>239</v>
      </c>
      <c r="D110" s="18">
        <v>1411910884</v>
      </c>
      <c r="E110" s="11">
        <v>48426</v>
      </c>
      <c r="F110" s="9" t="s">
        <v>9</v>
      </c>
      <c r="G110" s="5">
        <v>108</v>
      </c>
      <c r="H110" s="12">
        <f t="shared" si="2"/>
        <v>13</v>
      </c>
      <c r="I110" s="12">
        <f t="shared" si="3"/>
        <v>21</v>
      </c>
    </row>
    <row r="111" spans="1:35" s="5" customFormat="1" ht="27.75" customHeight="1" x14ac:dyDescent="0.4">
      <c r="A111" s="9" t="s">
        <v>137</v>
      </c>
      <c r="B111" s="9" t="s">
        <v>240</v>
      </c>
      <c r="C111" s="9" t="s">
        <v>241</v>
      </c>
      <c r="D111" s="18">
        <v>1411910298</v>
      </c>
      <c r="E111" s="11">
        <v>46387</v>
      </c>
      <c r="F111" s="9" t="s">
        <v>9</v>
      </c>
      <c r="G111" s="12">
        <v>109</v>
      </c>
      <c r="H111" s="12">
        <f t="shared" si="2"/>
        <v>28</v>
      </c>
      <c r="I111" s="12">
        <f t="shared" si="3"/>
        <v>6</v>
      </c>
    </row>
    <row r="112" spans="1:35" s="5" customFormat="1" ht="27.75" customHeight="1" x14ac:dyDescent="0.4">
      <c r="A112" s="9" t="s">
        <v>137</v>
      </c>
      <c r="B112" s="9" t="s">
        <v>242</v>
      </c>
      <c r="C112" s="9" t="s">
        <v>243</v>
      </c>
      <c r="D112" s="18">
        <v>1411910074</v>
      </c>
      <c r="E112" s="11">
        <v>46387</v>
      </c>
      <c r="F112" s="9" t="s">
        <v>9</v>
      </c>
      <c r="G112" s="5">
        <v>110</v>
      </c>
      <c r="H112" s="12">
        <f t="shared" si="2"/>
        <v>11</v>
      </c>
      <c r="I112" s="12">
        <f t="shared" si="3"/>
        <v>8</v>
      </c>
    </row>
    <row r="113" spans="1:35" s="5" customFormat="1" ht="27.75" customHeight="1" x14ac:dyDescent="0.4">
      <c r="A113" s="9" t="s">
        <v>137</v>
      </c>
      <c r="B113" s="9" t="s">
        <v>244</v>
      </c>
      <c r="C113" s="9" t="s">
        <v>245</v>
      </c>
      <c r="D113" s="18">
        <v>1411911130</v>
      </c>
      <c r="E113" s="11">
        <v>46965</v>
      </c>
      <c r="F113" s="9" t="s">
        <v>9</v>
      </c>
      <c r="G113" s="12">
        <v>111</v>
      </c>
      <c r="H113" s="12">
        <f t="shared" si="2"/>
        <v>23</v>
      </c>
      <c r="I113" s="12">
        <f t="shared" si="3"/>
        <v>10</v>
      </c>
    </row>
    <row r="114" spans="1:35" s="5" customFormat="1" ht="27.75" customHeight="1" x14ac:dyDescent="0.4">
      <c r="A114" s="9" t="s">
        <v>137</v>
      </c>
      <c r="B114" s="16" t="s">
        <v>246</v>
      </c>
      <c r="C114" s="16" t="s">
        <v>247</v>
      </c>
      <c r="D114" s="10">
        <v>1411910876</v>
      </c>
      <c r="E114" s="11">
        <v>48395</v>
      </c>
      <c r="F114" s="9" t="s">
        <v>9</v>
      </c>
      <c r="G114" s="5">
        <v>112</v>
      </c>
      <c r="H114" s="12">
        <f t="shared" si="2"/>
        <v>10</v>
      </c>
      <c r="I114" s="12">
        <f t="shared" si="3"/>
        <v>13</v>
      </c>
    </row>
    <row r="115" spans="1:35" s="5" customFormat="1" ht="27.75" customHeight="1" x14ac:dyDescent="0.4">
      <c r="A115" s="9" t="s">
        <v>137</v>
      </c>
      <c r="B115" s="9" t="s">
        <v>248</v>
      </c>
      <c r="C115" s="9" t="s">
        <v>249</v>
      </c>
      <c r="D115" s="18">
        <v>1411911148</v>
      </c>
      <c r="E115" s="11">
        <v>47087</v>
      </c>
      <c r="F115" s="9" t="s">
        <v>9</v>
      </c>
      <c r="G115" s="12">
        <v>113</v>
      </c>
      <c r="H115" s="12">
        <f t="shared" si="2"/>
        <v>13</v>
      </c>
      <c r="I115" s="12">
        <f t="shared" si="3"/>
        <v>10</v>
      </c>
    </row>
    <row r="116" spans="1:35" s="5" customFormat="1" ht="27.75" customHeight="1" x14ac:dyDescent="0.4">
      <c r="A116" s="17" t="s">
        <v>137</v>
      </c>
      <c r="B116" s="9" t="s">
        <v>250</v>
      </c>
      <c r="C116" s="9" t="s">
        <v>251</v>
      </c>
      <c r="D116" s="18">
        <v>1411911031</v>
      </c>
      <c r="E116" s="11">
        <v>46721</v>
      </c>
      <c r="F116" s="9" t="s">
        <v>9</v>
      </c>
      <c r="G116" s="5">
        <v>114</v>
      </c>
      <c r="H116" s="12">
        <f t="shared" si="2"/>
        <v>16</v>
      </c>
      <c r="I116" s="12">
        <f t="shared" si="3"/>
        <v>8</v>
      </c>
    </row>
    <row r="117" spans="1:35" s="5" customFormat="1" ht="27.75" customHeight="1" x14ac:dyDescent="0.4">
      <c r="A117" s="9" t="s">
        <v>137</v>
      </c>
      <c r="B117" s="9" t="s">
        <v>252</v>
      </c>
      <c r="C117" s="9" t="s">
        <v>253</v>
      </c>
      <c r="D117" s="18">
        <v>1411907591</v>
      </c>
      <c r="E117" s="11">
        <v>46387</v>
      </c>
      <c r="F117" s="9" t="s">
        <v>9</v>
      </c>
      <c r="G117" s="12">
        <v>115</v>
      </c>
      <c r="H117" s="12">
        <f t="shared" si="2"/>
        <v>23</v>
      </c>
      <c r="I117" s="12">
        <f t="shared" si="3"/>
        <v>9</v>
      </c>
      <c r="J117" s="12"/>
      <c r="K117" s="12"/>
      <c r="L117" s="12"/>
      <c r="M117" s="12"/>
      <c r="N117" s="12"/>
      <c r="O117" s="12"/>
      <c r="P117" s="12"/>
      <c r="Q117" s="12"/>
      <c r="R117" s="12"/>
      <c r="S117" s="12"/>
      <c r="T117" s="12"/>
      <c r="U117" s="12"/>
      <c r="V117" s="12"/>
      <c r="W117" s="12"/>
      <c r="X117" s="12"/>
      <c r="Y117" s="12"/>
      <c r="Z117" s="12"/>
      <c r="AA117" s="12"/>
      <c r="AB117" s="12"/>
      <c r="AC117" s="12"/>
      <c r="AD117" s="12"/>
      <c r="AE117" s="12"/>
      <c r="AF117" s="12"/>
      <c r="AG117" s="12"/>
      <c r="AH117" s="12"/>
      <c r="AI117" s="12"/>
    </row>
    <row r="118" spans="1:35" s="5" customFormat="1" ht="27.75" customHeight="1" x14ac:dyDescent="0.4">
      <c r="A118" s="17" t="s">
        <v>137</v>
      </c>
      <c r="B118" s="9" t="s">
        <v>254</v>
      </c>
      <c r="C118" s="9" t="s">
        <v>255</v>
      </c>
      <c r="D118" s="18">
        <v>1411901180</v>
      </c>
      <c r="E118" s="11">
        <v>46446</v>
      </c>
      <c r="F118" s="9" t="s">
        <v>9</v>
      </c>
      <c r="G118" s="5">
        <v>116</v>
      </c>
      <c r="H118" s="12">
        <f t="shared" si="2"/>
        <v>11</v>
      </c>
      <c r="I118" s="12">
        <f t="shared" si="3"/>
        <v>13</v>
      </c>
    </row>
    <row r="119" spans="1:35" s="5" customFormat="1" ht="27.75" customHeight="1" x14ac:dyDescent="0.4">
      <c r="A119" s="17" t="s">
        <v>137</v>
      </c>
      <c r="B119" s="9" t="s">
        <v>256</v>
      </c>
      <c r="C119" s="9" t="s">
        <v>257</v>
      </c>
      <c r="D119" s="18">
        <v>1411906254</v>
      </c>
      <c r="E119" s="11">
        <v>46387</v>
      </c>
      <c r="F119" s="9" t="s">
        <v>9</v>
      </c>
      <c r="G119" s="12">
        <v>117</v>
      </c>
      <c r="H119" s="12">
        <f t="shared" si="2"/>
        <v>22</v>
      </c>
      <c r="I119" s="12">
        <f t="shared" si="3"/>
        <v>11</v>
      </c>
    </row>
    <row r="120" spans="1:35" s="5" customFormat="1" ht="27.75" customHeight="1" x14ac:dyDescent="0.4">
      <c r="A120" s="9" t="s">
        <v>137</v>
      </c>
      <c r="B120" s="9" t="s">
        <v>258</v>
      </c>
      <c r="C120" s="9" t="s">
        <v>259</v>
      </c>
      <c r="D120" s="18">
        <v>1411910942</v>
      </c>
      <c r="E120" s="11">
        <v>46477</v>
      </c>
      <c r="F120" s="9" t="s">
        <v>9</v>
      </c>
      <c r="G120" s="5">
        <v>118</v>
      </c>
      <c r="H120" s="12">
        <f t="shared" si="2"/>
        <v>21</v>
      </c>
      <c r="I120" s="12">
        <f t="shared" si="3"/>
        <v>9</v>
      </c>
    </row>
    <row r="121" spans="1:35" s="5" customFormat="1" ht="27.75" customHeight="1" x14ac:dyDescent="0.4">
      <c r="A121" s="9" t="s">
        <v>137</v>
      </c>
      <c r="B121" s="9" t="s">
        <v>260</v>
      </c>
      <c r="C121" s="9" t="s">
        <v>261</v>
      </c>
      <c r="D121" s="18">
        <v>1411910546</v>
      </c>
      <c r="E121" s="11">
        <v>47299</v>
      </c>
      <c r="F121" s="9" t="s">
        <v>9</v>
      </c>
      <c r="G121" s="12">
        <v>119</v>
      </c>
      <c r="H121" s="12">
        <f t="shared" si="2"/>
        <v>24</v>
      </c>
      <c r="I121" s="12">
        <f t="shared" si="3"/>
        <v>4</v>
      </c>
    </row>
    <row r="122" spans="1:35" s="5" customFormat="1" ht="27.75" customHeight="1" x14ac:dyDescent="0.4">
      <c r="A122" s="9" t="s">
        <v>137</v>
      </c>
      <c r="B122" s="13" t="s">
        <v>262</v>
      </c>
      <c r="C122" s="13" t="s">
        <v>263</v>
      </c>
      <c r="D122" s="18">
        <v>1411910314</v>
      </c>
      <c r="E122" s="11">
        <v>46691</v>
      </c>
      <c r="F122" s="9" t="s">
        <v>9</v>
      </c>
      <c r="G122" s="5">
        <v>120</v>
      </c>
      <c r="H122" s="12">
        <f t="shared" si="2"/>
        <v>17</v>
      </c>
      <c r="I122" s="12">
        <f t="shared" si="3"/>
        <v>12</v>
      </c>
    </row>
    <row r="123" spans="1:35" s="5" customFormat="1" ht="27.75" customHeight="1" x14ac:dyDescent="0.4">
      <c r="A123" s="9" t="s">
        <v>137</v>
      </c>
      <c r="B123" s="9" t="s">
        <v>264</v>
      </c>
      <c r="C123" s="9" t="s">
        <v>265</v>
      </c>
      <c r="D123" s="18">
        <v>1411905520</v>
      </c>
      <c r="E123" s="11">
        <v>46387</v>
      </c>
      <c r="F123" s="9" t="s">
        <v>9</v>
      </c>
      <c r="G123" s="12">
        <v>121</v>
      </c>
      <c r="H123" s="12">
        <f t="shared" si="2"/>
        <v>17</v>
      </c>
      <c r="I123" s="12">
        <f t="shared" si="3"/>
        <v>6</v>
      </c>
    </row>
    <row r="124" spans="1:35" s="5" customFormat="1" ht="27.75" customHeight="1" x14ac:dyDescent="0.4">
      <c r="A124" s="9" t="s">
        <v>137</v>
      </c>
      <c r="B124" s="9" t="s">
        <v>266</v>
      </c>
      <c r="C124" s="9" t="s">
        <v>267</v>
      </c>
      <c r="D124" s="18">
        <v>1411905884</v>
      </c>
      <c r="E124" s="11">
        <v>46387</v>
      </c>
      <c r="F124" s="9" t="s">
        <v>9</v>
      </c>
      <c r="G124" s="5">
        <v>122</v>
      </c>
      <c r="H124" s="12">
        <f t="shared" si="2"/>
        <v>17</v>
      </c>
      <c r="I124" s="12">
        <f t="shared" si="3"/>
        <v>20</v>
      </c>
    </row>
    <row r="125" spans="1:35" s="5" customFormat="1" ht="27.75" customHeight="1" x14ac:dyDescent="0.4">
      <c r="A125" s="9" t="s">
        <v>137</v>
      </c>
      <c r="B125" s="15" t="s">
        <v>268</v>
      </c>
      <c r="C125" s="16" t="s">
        <v>269</v>
      </c>
      <c r="D125" s="10">
        <v>1411910215</v>
      </c>
      <c r="E125" s="11">
        <v>46843</v>
      </c>
      <c r="F125" s="9" t="s">
        <v>9</v>
      </c>
      <c r="G125" s="12">
        <v>123</v>
      </c>
      <c r="H125" s="12">
        <f t="shared" si="2"/>
        <v>13</v>
      </c>
      <c r="I125" s="12">
        <f t="shared" si="3"/>
        <v>18</v>
      </c>
    </row>
    <row r="126" spans="1:35" s="5" customFormat="1" ht="27.75" customHeight="1" x14ac:dyDescent="0.4">
      <c r="A126" s="9" t="s">
        <v>137</v>
      </c>
      <c r="B126" s="9" t="s">
        <v>270</v>
      </c>
      <c r="C126" s="9" t="s">
        <v>271</v>
      </c>
      <c r="D126" s="18">
        <v>1411930361</v>
      </c>
      <c r="E126" s="11">
        <v>47726</v>
      </c>
      <c r="F126" s="9" t="s">
        <v>9</v>
      </c>
      <c r="G126" s="5">
        <v>124</v>
      </c>
      <c r="H126" s="12">
        <f t="shared" si="2"/>
        <v>12</v>
      </c>
      <c r="I126" s="12">
        <f t="shared" si="3"/>
        <v>11</v>
      </c>
    </row>
    <row r="127" spans="1:35" s="5" customFormat="1" ht="27.75" customHeight="1" x14ac:dyDescent="0.4">
      <c r="A127" s="9" t="s">
        <v>137</v>
      </c>
      <c r="B127" s="13" t="s">
        <v>272</v>
      </c>
      <c r="C127" s="9" t="s">
        <v>273</v>
      </c>
      <c r="D127" s="18">
        <v>1411904341</v>
      </c>
      <c r="E127" s="11">
        <v>46387</v>
      </c>
      <c r="F127" s="9" t="s">
        <v>9</v>
      </c>
      <c r="G127" s="12">
        <v>125</v>
      </c>
      <c r="H127" s="12">
        <f t="shared" si="2"/>
        <v>11</v>
      </c>
      <c r="I127" s="12">
        <f t="shared" si="3"/>
        <v>17</v>
      </c>
    </row>
    <row r="128" spans="1:35" s="5" customFormat="1" ht="27.75" customHeight="1" x14ac:dyDescent="0.4">
      <c r="A128" s="9" t="s">
        <v>137</v>
      </c>
      <c r="B128" s="9" t="s">
        <v>274</v>
      </c>
      <c r="C128" s="9" t="s">
        <v>275</v>
      </c>
      <c r="D128" s="18">
        <v>1411911106</v>
      </c>
      <c r="E128" s="11">
        <v>46904</v>
      </c>
      <c r="F128" s="9" t="s">
        <v>9</v>
      </c>
      <c r="G128" s="5">
        <v>126</v>
      </c>
      <c r="H128" s="12">
        <f t="shared" si="2"/>
        <v>21</v>
      </c>
      <c r="I128" s="12">
        <f t="shared" si="3"/>
        <v>9</v>
      </c>
    </row>
    <row r="129" spans="1:9" s="5" customFormat="1" ht="27.75" customHeight="1" x14ac:dyDescent="0.4">
      <c r="A129" s="9" t="s">
        <v>137</v>
      </c>
      <c r="B129" s="9" t="s">
        <v>276</v>
      </c>
      <c r="C129" s="9" t="s">
        <v>277</v>
      </c>
      <c r="D129" s="18">
        <v>1411901321</v>
      </c>
      <c r="E129" s="11">
        <v>46387</v>
      </c>
      <c r="F129" s="9" t="s">
        <v>9</v>
      </c>
      <c r="G129" s="12">
        <v>127</v>
      </c>
      <c r="H129" s="12">
        <f t="shared" si="2"/>
        <v>13</v>
      </c>
      <c r="I129" s="12">
        <f t="shared" si="3"/>
        <v>23</v>
      </c>
    </row>
    <row r="130" spans="1:9" s="5" customFormat="1" ht="27.75" customHeight="1" x14ac:dyDescent="0.4">
      <c r="A130" s="9" t="s">
        <v>137</v>
      </c>
      <c r="B130" s="13" t="s">
        <v>278</v>
      </c>
      <c r="C130" s="13" t="s">
        <v>279</v>
      </c>
      <c r="D130" s="18">
        <v>1411910645</v>
      </c>
      <c r="E130" s="11">
        <v>47573</v>
      </c>
      <c r="F130" s="9" t="s">
        <v>9</v>
      </c>
      <c r="G130" s="5">
        <v>128</v>
      </c>
      <c r="H130" s="12">
        <f t="shared" si="2"/>
        <v>17</v>
      </c>
      <c r="I130" s="12">
        <f t="shared" si="3"/>
        <v>13</v>
      </c>
    </row>
    <row r="131" spans="1:9" s="5" customFormat="1" ht="27.75" customHeight="1" x14ac:dyDescent="0.4">
      <c r="A131" s="9" t="s">
        <v>137</v>
      </c>
      <c r="B131" s="9" t="s">
        <v>280</v>
      </c>
      <c r="C131" s="49" t="s">
        <v>281</v>
      </c>
      <c r="D131" s="18">
        <v>1411911221</v>
      </c>
      <c r="E131" s="11">
        <v>47238</v>
      </c>
      <c r="F131" s="9" t="s">
        <v>9</v>
      </c>
      <c r="G131" s="12">
        <v>129</v>
      </c>
      <c r="H131" s="12">
        <f t="shared" si="2"/>
        <v>30</v>
      </c>
      <c r="I131" s="12">
        <f t="shared" si="3"/>
        <v>16</v>
      </c>
    </row>
    <row r="132" spans="1:9" s="5" customFormat="1" ht="27.75" customHeight="1" x14ac:dyDescent="0.4">
      <c r="A132" s="9" t="s">
        <v>137</v>
      </c>
      <c r="B132" s="9" t="s">
        <v>282</v>
      </c>
      <c r="C132" s="9" t="s">
        <v>283</v>
      </c>
      <c r="D132" s="18">
        <v>1411910850</v>
      </c>
      <c r="E132" s="11">
        <v>46721</v>
      </c>
      <c r="F132" s="9" t="s">
        <v>9</v>
      </c>
      <c r="G132" s="5">
        <v>130</v>
      </c>
      <c r="H132" s="12">
        <f t="shared" ref="H132:H195" si="4">LEN(C132)</f>
        <v>15</v>
      </c>
      <c r="I132" s="12">
        <f t="shared" ref="I132:I195" si="5">LEN(B132)</f>
        <v>8</v>
      </c>
    </row>
    <row r="133" spans="1:9" s="5" customFormat="1" ht="27.75" customHeight="1" x14ac:dyDescent="0.4">
      <c r="A133" s="17" t="s">
        <v>137</v>
      </c>
      <c r="B133" s="9" t="s">
        <v>284</v>
      </c>
      <c r="C133" s="9" t="s">
        <v>285</v>
      </c>
      <c r="D133" s="18">
        <v>1411910041</v>
      </c>
      <c r="E133" s="11">
        <v>47726</v>
      </c>
      <c r="F133" s="9" t="s">
        <v>9</v>
      </c>
      <c r="G133" s="12">
        <v>131</v>
      </c>
      <c r="H133" s="12">
        <f t="shared" si="4"/>
        <v>16</v>
      </c>
      <c r="I133" s="12">
        <f t="shared" si="5"/>
        <v>5</v>
      </c>
    </row>
    <row r="134" spans="1:9" s="5" customFormat="1" ht="27.75" customHeight="1" x14ac:dyDescent="0.4">
      <c r="A134" s="9" t="s">
        <v>137</v>
      </c>
      <c r="B134" s="9" t="s">
        <v>286</v>
      </c>
      <c r="C134" s="9" t="s">
        <v>287</v>
      </c>
      <c r="D134" s="18">
        <v>1411911056</v>
      </c>
      <c r="E134" s="11">
        <v>46783</v>
      </c>
      <c r="F134" s="9" t="s">
        <v>9</v>
      </c>
      <c r="G134" s="5">
        <v>132</v>
      </c>
      <c r="H134" s="12">
        <f t="shared" si="4"/>
        <v>21</v>
      </c>
      <c r="I134" s="12">
        <f t="shared" si="5"/>
        <v>11</v>
      </c>
    </row>
    <row r="135" spans="1:9" s="5" customFormat="1" ht="27.75" customHeight="1" x14ac:dyDescent="0.4">
      <c r="A135" s="9" t="s">
        <v>137</v>
      </c>
      <c r="B135" s="14" t="s">
        <v>288</v>
      </c>
      <c r="C135" s="9" t="s">
        <v>289</v>
      </c>
      <c r="D135" s="18">
        <v>1411906437</v>
      </c>
      <c r="E135" s="11">
        <v>46387</v>
      </c>
      <c r="F135" s="9" t="s">
        <v>9</v>
      </c>
      <c r="G135" s="12">
        <v>133</v>
      </c>
      <c r="H135" s="12">
        <f t="shared" si="4"/>
        <v>26</v>
      </c>
      <c r="I135" s="12">
        <f t="shared" si="5"/>
        <v>10</v>
      </c>
    </row>
    <row r="136" spans="1:9" s="5" customFormat="1" ht="27.75" customHeight="1" x14ac:dyDescent="0.4">
      <c r="A136" s="9" t="s">
        <v>137</v>
      </c>
      <c r="B136" s="9" t="s">
        <v>290</v>
      </c>
      <c r="C136" s="9" t="s">
        <v>291</v>
      </c>
      <c r="D136" s="18">
        <v>1411907096</v>
      </c>
      <c r="E136" s="11">
        <v>46387</v>
      </c>
      <c r="F136" s="9" t="s">
        <v>9</v>
      </c>
      <c r="G136" s="5">
        <v>134</v>
      </c>
      <c r="H136" s="12">
        <f t="shared" si="4"/>
        <v>26</v>
      </c>
      <c r="I136" s="12">
        <f t="shared" si="5"/>
        <v>8</v>
      </c>
    </row>
    <row r="137" spans="1:9" s="5" customFormat="1" ht="27.75" customHeight="1" x14ac:dyDescent="0.4">
      <c r="A137" s="9" t="s">
        <v>137</v>
      </c>
      <c r="B137" s="9" t="s">
        <v>292</v>
      </c>
      <c r="C137" s="9" t="s">
        <v>293</v>
      </c>
      <c r="D137" s="18">
        <v>1411906080</v>
      </c>
      <c r="E137" s="11">
        <v>46387</v>
      </c>
      <c r="F137" s="9" t="s">
        <v>9</v>
      </c>
      <c r="G137" s="12">
        <v>135</v>
      </c>
      <c r="H137" s="12">
        <f t="shared" si="4"/>
        <v>12</v>
      </c>
      <c r="I137" s="12">
        <f t="shared" si="5"/>
        <v>9</v>
      </c>
    </row>
    <row r="138" spans="1:9" s="5" customFormat="1" ht="27.75" customHeight="1" x14ac:dyDescent="0.4">
      <c r="A138" s="9" t="s">
        <v>137</v>
      </c>
      <c r="B138" s="15" t="s">
        <v>294</v>
      </c>
      <c r="C138" s="16" t="s">
        <v>295</v>
      </c>
      <c r="D138" s="10">
        <v>1411903483</v>
      </c>
      <c r="E138" s="11">
        <v>46387</v>
      </c>
      <c r="F138" s="9" t="s">
        <v>9</v>
      </c>
      <c r="G138" s="5">
        <v>136</v>
      </c>
      <c r="H138" s="12">
        <f t="shared" si="4"/>
        <v>12</v>
      </c>
      <c r="I138" s="12">
        <f t="shared" si="5"/>
        <v>12</v>
      </c>
    </row>
    <row r="139" spans="1:9" s="5" customFormat="1" ht="27.75" customHeight="1" x14ac:dyDescent="0.4">
      <c r="A139" s="9" t="s">
        <v>137</v>
      </c>
      <c r="B139" s="9" t="s">
        <v>296</v>
      </c>
      <c r="C139" s="9" t="s">
        <v>297</v>
      </c>
      <c r="D139" s="18">
        <v>1411904788</v>
      </c>
      <c r="E139" s="11">
        <v>46387</v>
      </c>
      <c r="F139" s="9" t="s">
        <v>9</v>
      </c>
      <c r="G139" s="12">
        <v>137</v>
      </c>
      <c r="H139" s="12">
        <f t="shared" si="4"/>
        <v>12</v>
      </c>
      <c r="I139" s="12">
        <f t="shared" si="5"/>
        <v>16</v>
      </c>
    </row>
    <row r="140" spans="1:9" s="5" customFormat="1" ht="27.75" customHeight="1" x14ac:dyDescent="0.4">
      <c r="A140" s="9" t="s">
        <v>137</v>
      </c>
      <c r="B140" s="9" t="s">
        <v>298</v>
      </c>
      <c r="C140" s="9" t="s">
        <v>299</v>
      </c>
      <c r="D140" s="18">
        <v>1411911353</v>
      </c>
      <c r="E140" s="11">
        <v>47907</v>
      </c>
      <c r="F140" s="9" t="s">
        <v>9</v>
      </c>
      <c r="G140" s="5">
        <v>138</v>
      </c>
      <c r="H140" s="12">
        <f t="shared" si="4"/>
        <v>11</v>
      </c>
      <c r="I140" s="12">
        <f t="shared" si="5"/>
        <v>13</v>
      </c>
    </row>
    <row r="141" spans="1:9" s="5" customFormat="1" ht="27.75" customHeight="1" x14ac:dyDescent="0.4">
      <c r="A141" s="17" t="s">
        <v>137</v>
      </c>
      <c r="B141" s="9" t="s">
        <v>300</v>
      </c>
      <c r="C141" s="9" t="s">
        <v>301</v>
      </c>
      <c r="D141" s="18">
        <v>1411907088</v>
      </c>
      <c r="E141" s="11">
        <v>46387</v>
      </c>
      <c r="F141" s="9" t="s">
        <v>9</v>
      </c>
      <c r="G141" s="12">
        <v>139</v>
      </c>
      <c r="H141" s="12">
        <f t="shared" si="4"/>
        <v>15</v>
      </c>
      <c r="I141" s="12">
        <f t="shared" si="5"/>
        <v>13</v>
      </c>
    </row>
    <row r="142" spans="1:9" s="5" customFormat="1" ht="27.75" customHeight="1" x14ac:dyDescent="0.4">
      <c r="A142" s="9" t="s">
        <v>137</v>
      </c>
      <c r="B142" s="9" t="s">
        <v>302</v>
      </c>
      <c r="C142" s="9" t="s">
        <v>303</v>
      </c>
      <c r="D142" s="18">
        <v>1411905504</v>
      </c>
      <c r="E142" s="11">
        <v>46568</v>
      </c>
      <c r="F142" s="9" t="s">
        <v>9</v>
      </c>
      <c r="G142" s="5">
        <v>140</v>
      </c>
      <c r="H142" s="12">
        <f t="shared" si="4"/>
        <v>11</v>
      </c>
      <c r="I142" s="12">
        <f t="shared" si="5"/>
        <v>9</v>
      </c>
    </row>
    <row r="143" spans="1:9" s="5" customFormat="1" ht="27.75" customHeight="1" x14ac:dyDescent="0.4">
      <c r="A143" s="9" t="s">
        <v>137</v>
      </c>
      <c r="B143" s="9" t="s">
        <v>304</v>
      </c>
      <c r="C143" s="9" t="s">
        <v>305</v>
      </c>
      <c r="D143" s="18">
        <v>1411905868</v>
      </c>
      <c r="E143" s="11">
        <v>46387</v>
      </c>
      <c r="F143" s="9" t="s">
        <v>9</v>
      </c>
      <c r="G143" s="12">
        <v>141</v>
      </c>
      <c r="H143" s="12">
        <f t="shared" si="4"/>
        <v>16</v>
      </c>
      <c r="I143" s="12">
        <f t="shared" si="5"/>
        <v>8</v>
      </c>
    </row>
    <row r="144" spans="1:9" s="5" customFormat="1" ht="27.75" customHeight="1" x14ac:dyDescent="0.4">
      <c r="A144" s="9" t="s">
        <v>137</v>
      </c>
      <c r="B144" s="9" t="s">
        <v>306</v>
      </c>
      <c r="C144" s="9" t="s">
        <v>307</v>
      </c>
      <c r="D144" s="18">
        <v>1411910280</v>
      </c>
      <c r="E144" s="11">
        <v>46630</v>
      </c>
      <c r="F144" s="9" t="s">
        <v>9</v>
      </c>
      <c r="G144" s="5">
        <v>142</v>
      </c>
      <c r="H144" s="12">
        <f t="shared" si="4"/>
        <v>13</v>
      </c>
      <c r="I144" s="12">
        <f t="shared" si="5"/>
        <v>27</v>
      </c>
    </row>
    <row r="145" spans="1:9" s="5" customFormat="1" ht="27.75" customHeight="1" x14ac:dyDescent="0.4">
      <c r="A145" s="17" t="s">
        <v>137</v>
      </c>
      <c r="B145" s="9" t="s">
        <v>308</v>
      </c>
      <c r="C145" s="9" t="s">
        <v>309</v>
      </c>
      <c r="D145" s="18">
        <v>1411906460</v>
      </c>
      <c r="E145" s="11">
        <v>46387</v>
      </c>
      <c r="F145" s="9" t="s">
        <v>9</v>
      </c>
      <c r="G145" s="12">
        <v>143</v>
      </c>
      <c r="H145" s="12">
        <f t="shared" si="4"/>
        <v>13</v>
      </c>
      <c r="I145" s="12">
        <f t="shared" si="5"/>
        <v>9</v>
      </c>
    </row>
    <row r="146" spans="1:9" s="5" customFormat="1" ht="27.75" customHeight="1" x14ac:dyDescent="0.4">
      <c r="A146" s="9" t="s">
        <v>137</v>
      </c>
      <c r="B146" s="9" t="s">
        <v>310</v>
      </c>
      <c r="C146" s="9" t="s">
        <v>311</v>
      </c>
      <c r="D146" s="18">
        <v>1411907500</v>
      </c>
      <c r="E146" s="11">
        <v>46387</v>
      </c>
      <c r="F146" s="9" t="s">
        <v>9</v>
      </c>
      <c r="G146" s="5">
        <v>144</v>
      </c>
      <c r="H146" s="12">
        <f t="shared" si="4"/>
        <v>19</v>
      </c>
      <c r="I146" s="12">
        <f t="shared" si="5"/>
        <v>9</v>
      </c>
    </row>
    <row r="147" spans="1:9" s="5" customFormat="1" ht="27.75" customHeight="1" x14ac:dyDescent="0.4">
      <c r="A147" s="9" t="s">
        <v>137</v>
      </c>
      <c r="B147" s="9" t="s">
        <v>312</v>
      </c>
      <c r="C147" s="9" t="s">
        <v>313</v>
      </c>
      <c r="D147" s="18">
        <v>1411904374</v>
      </c>
      <c r="E147" s="11">
        <v>46507</v>
      </c>
      <c r="F147" s="9" t="s">
        <v>9</v>
      </c>
      <c r="G147" s="12">
        <v>145</v>
      </c>
      <c r="H147" s="12">
        <f t="shared" si="4"/>
        <v>17</v>
      </c>
      <c r="I147" s="12">
        <f t="shared" si="5"/>
        <v>10</v>
      </c>
    </row>
    <row r="148" spans="1:9" s="5" customFormat="1" ht="27.75" customHeight="1" x14ac:dyDescent="0.4">
      <c r="A148" s="9" t="s">
        <v>137</v>
      </c>
      <c r="B148" s="9" t="s">
        <v>314</v>
      </c>
      <c r="C148" s="9" t="s">
        <v>315</v>
      </c>
      <c r="D148" s="18">
        <v>1411910421</v>
      </c>
      <c r="E148" s="11">
        <v>47330</v>
      </c>
      <c r="F148" s="9" t="s">
        <v>9</v>
      </c>
      <c r="G148" s="5">
        <v>146</v>
      </c>
      <c r="H148" s="12">
        <f t="shared" si="4"/>
        <v>23</v>
      </c>
      <c r="I148" s="12">
        <f t="shared" si="5"/>
        <v>13</v>
      </c>
    </row>
    <row r="149" spans="1:9" s="5" customFormat="1" ht="27.75" customHeight="1" x14ac:dyDescent="0.4">
      <c r="A149" s="17" t="s">
        <v>137</v>
      </c>
      <c r="B149" s="9" t="s">
        <v>316</v>
      </c>
      <c r="C149" s="9" t="s">
        <v>317</v>
      </c>
      <c r="D149" s="18">
        <v>1411910397</v>
      </c>
      <c r="E149" s="11">
        <v>46387</v>
      </c>
      <c r="F149" s="9" t="s">
        <v>9</v>
      </c>
      <c r="G149" s="12">
        <v>147</v>
      </c>
      <c r="H149" s="12">
        <f t="shared" si="4"/>
        <v>25</v>
      </c>
      <c r="I149" s="12">
        <f t="shared" si="5"/>
        <v>7</v>
      </c>
    </row>
    <row r="150" spans="1:9" s="5" customFormat="1" ht="27.75" customHeight="1" x14ac:dyDescent="0.4">
      <c r="A150" s="9" t="s">
        <v>137</v>
      </c>
      <c r="B150" s="13" t="s">
        <v>318</v>
      </c>
      <c r="C150" s="9" t="s">
        <v>319</v>
      </c>
      <c r="D150" s="18">
        <v>1411910413</v>
      </c>
      <c r="E150" s="11">
        <v>46477</v>
      </c>
      <c r="F150" s="9" t="s">
        <v>9</v>
      </c>
      <c r="G150" s="5">
        <v>148</v>
      </c>
      <c r="H150" s="12">
        <f t="shared" si="4"/>
        <v>25</v>
      </c>
      <c r="I150" s="12">
        <f t="shared" si="5"/>
        <v>20</v>
      </c>
    </row>
    <row r="151" spans="1:9" s="5" customFormat="1" ht="27.75" customHeight="1" x14ac:dyDescent="0.4">
      <c r="A151" s="9" t="s">
        <v>137</v>
      </c>
      <c r="B151" s="9" t="s">
        <v>320</v>
      </c>
      <c r="C151" s="9" t="s">
        <v>321</v>
      </c>
      <c r="D151" s="18">
        <v>1411910363</v>
      </c>
      <c r="E151" s="11">
        <v>46934</v>
      </c>
      <c r="F151" s="9" t="s">
        <v>9</v>
      </c>
      <c r="G151" s="12">
        <v>149</v>
      </c>
      <c r="H151" s="12">
        <f t="shared" si="4"/>
        <v>27</v>
      </c>
      <c r="I151" s="12">
        <f t="shared" si="5"/>
        <v>11</v>
      </c>
    </row>
    <row r="152" spans="1:9" s="5" customFormat="1" ht="27.75" customHeight="1" x14ac:dyDescent="0.4">
      <c r="A152" s="9" t="s">
        <v>137</v>
      </c>
      <c r="B152" s="9" t="s">
        <v>322</v>
      </c>
      <c r="C152" s="9" t="s">
        <v>323</v>
      </c>
      <c r="D152" s="18">
        <v>1411911247</v>
      </c>
      <c r="E152" s="11">
        <v>47299</v>
      </c>
      <c r="F152" s="9" t="s">
        <v>9</v>
      </c>
      <c r="G152" s="5">
        <v>150</v>
      </c>
      <c r="H152" s="12">
        <f t="shared" si="4"/>
        <v>14</v>
      </c>
      <c r="I152" s="12">
        <f t="shared" si="5"/>
        <v>12</v>
      </c>
    </row>
    <row r="153" spans="1:9" s="5" customFormat="1" ht="27.75" customHeight="1" x14ac:dyDescent="0.4">
      <c r="A153" s="9" t="s">
        <v>137</v>
      </c>
      <c r="B153" s="9" t="s">
        <v>324</v>
      </c>
      <c r="C153" s="9" t="s">
        <v>325</v>
      </c>
      <c r="D153" s="18">
        <v>1411910082</v>
      </c>
      <c r="E153" s="11">
        <v>46387</v>
      </c>
      <c r="F153" s="9" t="s">
        <v>9</v>
      </c>
      <c r="G153" s="12">
        <v>151</v>
      </c>
      <c r="H153" s="12">
        <f t="shared" si="4"/>
        <v>22</v>
      </c>
      <c r="I153" s="12">
        <f t="shared" si="5"/>
        <v>7</v>
      </c>
    </row>
    <row r="154" spans="1:9" s="5" customFormat="1" ht="27.75" customHeight="1" x14ac:dyDescent="0.4">
      <c r="A154" s="9" t="s">
        <v>137</v>
      </c>
      <c r="B154" s="9" t="s">
        <v>326</v>
      </c>
      <c r="C154" s="9" t="s">
        <v>327</v>
      </c>
      <c r="D154" s="18">
        <v>1411906858</v>
      </c>
      <c r="E154" s="11">
        <v>46387</v>
      </c>
      <c r="F154" s="9" t="s">
        <v>9</v>
      </c>
      <c r="G154" s="5">
        <v>152</v>
      </c>
      <c r="H154" s="12">
        <f t="shared" si="4"/>
        <v>13</v>
      </c>
      <c r="I154" s="12">
        <f t="shared" si="5"/>
        <v>6</v>
      </c>
    </row>
    <row r="155" spans="1:9" s="5" customFormat="1" ht="27.75" customHeight="1" x14ac:dyDescent="0.4">
      <c r="A155" s="9" t="s">
        <v>137</v>
      </c>
      <c r="B155" s="16" t="s">
        <v>328</v>
      </c>
      <c r="C155" s="16" t="s">
        <v>329</v>
      </c>
      <c r="D155" s="10">
        <v>1411906049</v>
      </c>
      <c r="E155" s="11">
        <v>48273</v>
      </c>
      <c r="F155" s="9" t="s">
        <v>9</v>
      </c>
      <c r="G155" s="12">
        <v>153</v>
      </c>
      <c r="H155" s="12">
        <f t="shared" si="4"/>
        <v>15</v>
      </c>
      <c r="I155" s="12">
        <f t="shared" si="5"/>
        <v>17</v>
      </c>
    </row>
    <row r="156" spans="1:9" s="5" customFormat="1" ht="27.75" customHeight="1" x14ac:dyDescent="0.4">
      <c r="A156" s="9" t="s">
        <v>137</v>
      </c>
      <c r="B156" s="9" t="s">
        <v>330</v>
      </c>
      <c r="C156" s="9" t="s">
        <v>331</v>
      </c>
      <c r="D156" s="18">
        <v>1411904366</v>
      </c>
      <c r="E156" s="11">
        <v>46507</v>
      </c>
      <c r="F156" s="9" t="s">
        <v>9</v>
      </c>
      <c r="G156" s="5">
        <v>154</v>
      </c>
      <c r="H156" s="12">
        <f t="shared" si="4"/>
        <v>13</v>
      </c>
      <c r="I156" s="12">
        <f t="shared" si="5"/>
        <v>22</v>
      </c>
    </row>
    <row r="157" spans="1:9" s="5" customFormat="1" ht="27.75" customHeight="1" x14ac:dyDescent="0.4">
      <c r="A157" s="9" t="s">
        <v>137</v>
      </c>
      <c r="B157" s="13" t="s">
        <v>332</v>
      </c>
      <c r="C157" s="13" t="s">
        <v>333</v>
      </c>
      <c r="D157" s="18">
        <v>1411911460</v>
      </c>
      <c r="E157" s="11">
        <v>48304</v>
      </c>
      <c r="F157" s="9" t="s">
        <v>9</v>
      </c>
      <c r="G157" s="12">
        <v>155</v>
      </c>
      <c r="H157" s="12">
        <f t="shared" si="4"/>
        <v>13</v>
      </c>
      <c r="I157" s="12">
        <f t="shared" si="5"/>
        <v>13</v>
      </c>
    </row>
    <row r="158" spans="1:9" s="5" customFormat="1" ht="27.75" customHeight="1" x14ac:dyDescent="0.4">
      <c r="A158" s="15" t="s">
        <v>137</v>
      </c>
      <c r="B158" s="16" t="s">
        <v>334</v>
      </c>
      <c r="C158" s="22" t="s">
        <v>335</v>
      </c>
      <c r="D158" s="10">
        <v>1411910868</v>
      </c>
      <c r="E158" s="11">
        <v>48365</v>
      </c>
      <c r="F158" s="9" t="s">
        <v>9</v>
      </c>
      <c r="G158" s="5">
        <v>156</v>
      </c>
      <c r="H158" s="12">
        <f t="shared" si="4"/>
        <v>11</v>
      </c>
      <c r="I158" s="12">
        <f t="shared" si="5"/>
        <v>12</v>
      </c>
    </row>
    <row r="159" spans="1:9" s="5" customFormat="1" ht="27.75" customHeight="1" x14ac:dyDescent="0.4">
      <c r="A159" s="9" t="s">
        <v>137</v>
      </c>
      <c r="B159" s="9" t="s">
        <v>336</v>
      </c>
      <c r="C159" s="9" t="s">
        <v>337</v>
      </c>
      <c r="D159" s="18">
        <v>1411906452</v>
      </c>
      <c r="E159" s="11">
        <v>46387</v>
      </c>
      <c r="F159" s="9" t="s">
        <v>9</v>
      </c>
      <c r="G159" s="12">
        <v>157</v>
      </c>
      <c r="H159" s="12">
        <f t="shared" si="4"/>
        <v>12</v>
      </c>
      <c r="I159" s="12">
        <f t="shared" si="5"/>
        <v>10</v>
      </c>
    </row>
    <row r="160" spans="1:9" s="5" customFormat="1" ht="27.75" customHeight="1" x14ac:dyDescent="0.4">
      <c r="A160" s="9" t="s">
        <v>137</v>
      </c>
      <c r="B160" s="9" t="s">
        <v>338</v>
      </c>
      <c r="C160" s="9" t="s">
        <v>339</v>
      </c>
      <c r="D160" s="18">
        <v>1411910553</v>
      </c>
      <c r="E160" s="11">
        <v>48060</v>
      </c>
      <c r="F160" s="9" t="s">
        <v>9</v>
      </c>
      <c r="G160" s="5">
        <v>158</v>
      </c>
      <c r="H160" s="12">
        <f t="shared" si="4"/>
        <v>22</v>
      </c>
      <c r="I160" s="12">
        <f t="shared" si="5"/>
        <v>8</v>
      </c>
    </row>
    <row r="161" spans="1:12" s="5" customFormat="1" ht="27.75" customHeight="1" x14ac:dyDescent="0.4">
      <c r="A161" s="9" t="s">
        <v>137</v>
      </c>
      <c r="B161" s="9" t="s">
        <v>340</v>
      </c>
      <c r="C161" s="9" t="s">
        <v>341</v>
      </c>
      <c r="D161" s="23">
        <v>1411911304</v>
      </c>
      <c r="E161" s="11">
        <v>47603</v>
      </c>
      <c r="F161" s="9" t="s">
        <v>9</v>
      </c>
      <c r="G161" s="12">
        <v>159</v>
      </c>
      <c r="H161" s="12">
        <f t="shared" si="4"/>
        <v>24</v>
      </c>
      <c r="I161" s="12">
        <f t="shared" si="5"/>
        <v>11</v>
      </c>
    </row>
    <row r="162" spans="1:12" s="5" customFormat="1" ht="27.75" customHeight="1" x14ac:dyDescent="0.4">
      <c r="A162" s="9" t="s">
        <v>137</v>
      </c>
      <c r="B162" s="9" t="s">
        <v>342</v>
      </c>
      <c r="C162" s="9" t="s">
        <v>343</v>
      </c>
      <c r="D162" s="18">
        <v>1411906643</v>
      </c>
      <c r="E162" s="11">
        <v>46387</v>
      </c>
      <c r="F162" s="9" t="s">
        <v>9</v>
      </c>
      <c r="G162" s="5">
        <v>160</v>
      </c>
      <c r="H162" s="12">
        <f t="shared" si="4"/>
        <v>12</v>
      </c>
      <c r="I162" s="12">
        <f t="shared" si="5"/>
        <v>9</v>
      </c>
    </row>
    <row r="163" spans="1:12" s="5" customFormat="1" ht="27.75" customHeight="1" x14ac:dyDescent="0.4">
      <c r="A163" s="9" t="s">
        <v>137</v>
      </c>
      <c r="B163" s="9" t="s">
        <v>344</v>
      </c>
      <c r="C163" s="9" t="s">
        <v>345</v>
      </c>
      <c r="D163" s="18">
        <v>1411905413</v>
      </c>
      <c r="E163" s="11">
        <v>46387</v>
      </c>
      <c r="F163" s="9" t="s">
        <v>9</v>
      </c>
      <c r="G163" s="12">
        <v>161</v>
      </c>
      <c r="H163" s="12">
        <f t="shared" si="4"/>
        <v>12</v>
      </c>
      <c r="I163" s="12">
        <f t="shared" si="5"/>
        <v>4</v>
      </c>
    </row>
    <row r="164" spans="1:12" s="5" customFormat="1" ht="27.75" customHeight="1" x14ac:dyDescent="0.4">
      <c r="A164" s="9" t="s">
        <v>137</v>
      </c>
      <c r="B164" s="9" t="s">
        <v>346</v>
      </c>
      <c r="C164" s="9" t="s">
        <v>347</v>
      </c>
      <c r="D164" s="18">
        <v>1411910173</v>
      </c>
      <c r="E164" s="11">
        <v>46387</v>
      </c>
      <c r="F164" s="9" t="s">
        <v>9</v>
      </c>
      <c r="G164" s="5">
        <v>162</v>
      </c>
      <c r="H164" s="12">
        <f t="shared" si="4"/>
        <v>12</v>
      </c>
      <c r="I164" s="12">
        <f t="shared" si="5"/>
        <v>8</v>
      </c>
    </row>
    <row r="165" spans="1:12" s="5" customFormat="1" ht="27.75" customHeight="1" x14ac:dyDescent="0.4">
      <c r="A165" s="9" t="s">
        <v>137</v>
      </c>
      <c r="B165" s="9" t="s">
        <v>348</v>
      </c>
      <c r="C165" s="9" t="s">
        <v>349</v>
      </c>
      <c r="D165" s="18">
        <v>1411902212</v>
      </c>
      <c r="E165" s="11">
        <v>46387</v>
      </c>
      <c r="F165" s="9" t="s">
        <v>9</v>
      </c>
      <c r="G165" s="12">
        <v>163</v>
      </c>
      <c r="H165" s="12">
        <f t="shared" si="4"/>
        <v>11</v>
      </c>
      <c r="I165" s="12">
        <f t="shared" si="5"/>
        <v>9</v>
      </c>
    </row>
    <row r="166" spans="1:12" s="5" customFormat="1" ht="27.75" customHeight="1" x14ac:dyDescent="0.4">
      <c r="A166" s="9" t="s">
        <v>137</v>
      </c>
      <c r="B166" s="9" t="s">
        <v>350</v>
      </c>
      <c r="C166" s="9" t="s">
        <v>351</v>
      </c>
      <c r="D166" s="18">
        <v>1411904812</v>
      </c>
      <c r="E166" s="11">
        <v>46387</v>
      </c>
      <c r="F166" s="9" t="s">
        <v>9</v>
      </c>
      <c r="G166" s="5">
        <v>164</v>
      </c>
      <c r="H166" s="12">
        <f t="shared" si="4"/>
        <v>13</v>
      </c>
      <c r="I166" s="12">
        <f t="shared" si="5"/>
        <v>8</v>
      </c>
    </row>
    <row r="167" spans="1:12" s="5" customFormat="1" ht="27.75" customHeight="1" x14ac:dyDescent="0.4">
      <c r="A167" s="9" t="s">
        <v>137</v>
      </c>
      <c r="B167" s="9" t="s">
        <v>352</v>
      </c>
      <c r="C167" s="9" t="s">
        <v>353</v>
      </c>
      <c r="D167" s="18">
        <v>1411907419</v>
      </c>
      <c r="E167" s="11">
        <v>46387</v>
      </c>
      <c r="F167" s="9" t="s">
        <v>9</v>
      </c>
      <c r="G167" s="12">
        <v>165</v>
      </c>
      <c r="H167" s="12">
        <f t="shared" si="4"/>
        <v>24</v>
      </c>
      <c r="I167" s="12">
        <f t="shared" si="5"/>
        <v>9</v>
      </c>
    </row>
    <row r="168" spans="1:12" s="5" customFormat="1" ht="27.75" customHeight="1" x14ac:dyDescent="0.4">
      <c r="A168" s="9" t="s">
        <v>137</v>
      </c>
      <c r="B168" s="9" t="s">
        <v>354</v>
      </c>
      <c r="C168" s="9" t="s">
        <v>355</v>
      </c>
      <c r="D168" s="18">
        <v>1411911320</v>
      </c>
      <c r="E168" s="11">
        <v>47726</v>
      </c>
      <c r="F168" s="9" t="s">
        <v>9</v>
      </c>
      <c r="G168" s="5">
        <v>166</v>
      </c>
      <c r="H168" s="12">
        <f t="shared" si="4"/>
        <v>12</v>
      </c>
      <c r="I168" s="12">
        <f t="shared" si="5"/>
        <v>9</v>
      </c>
    </row>
    <row r="169" spans="1:12" s="5" customFormat="1" ht="27.75" customHeight="1" x14ac:dyDescent="0.4">
      <c r="A169" s="9" t="s">
        <v>137</v>
      </c>
      <c r="B169" s="9" t="s">
        <v>356</v>
      </c>
      <c r="C169" s="9" t="s">
        <v>357</v>
      </c>
      <c r="D169" s="18">
        <v>1411906528</v>
      </c>
      <c r="E169" s="11">
        <v>46387</v>
      </c>
      <c r="F169" s="9" t="s">
        <v>9</v>
      </c>
      <c r="G169" s="12">
        <v>167</v>
      </c>
      <c r="H169" s="12">
        <f t="shared" si="4"/>
        <v>13</v>
      </c>
      <c r="I169" s="12">
        <f t="shared" si="5"/>
        <v>15</v>
      </c>
      <c r="J169" s="24"/>
      <c r="K169" s="24"/>
      <c r="L169" s="24"/>
    </row>
    <row r="170" spans="1:12" s="5" customFormat="1" ht="27.75" customHeight="1" x14ac:dyDescent="0.4">
      <c r="A170" s="9" t="s">
        <v>137</v>
      </c>
      <c r="B170" s="16" t="s">
        <v>358</v>
      </c>
      <c r="C170" s="16" t="s">
        <v>359</v>
      </c>
      <c r="D170" s="10">
        <v>1411906122</v>
      </c>
      <c r="E170" s="11">
        <v>46387</v>
      </c>
      <c r="F170" s="9" t="s">
        <v>9</v>
      </c>
      <c r="G170" s="5">
        <v>168</v>
      </c>
      <c r="H170" s="12">
        <f t="shared" si="4"/>
        <v>23</v>
      </c>
      <c r="I170" s="12">
        <f t="shared" si="5"/>
        <v>9</v>
      </c>
    </row>
    <row r="171" spans="1:12" s="5" customFormat="1" ht="27.75" customHeight="1" x14ac:dyDescent="0.4">
      <c r="A171" s="9" t="s">
        <v>137</v>
      </c>
      <c r="B171" s="9" t="s">
        <v>360</v>
      </c>
      <c r="C171" s="9" t="s">
        <v>361</v>
      </c>
      <c r="D171" s="18">
        <v>1411907039</v>
      </c>
      <c r="E171" s="11">
        <v>46387</v>
      </c>
      <c r="F171" s="9" t="s">
        <v>9</v>
      </c>
      <c r="G171" s="12">
        <v>169</v>
      </c>
      <c r="H171" s="12">
        <f t="shared" si="4"/>
        <v>23</v>
      </c>
      <c r="I171" s="12">
        <f t="shared" si="5"/>
        <v>11</v>
      </c>
    </row>
    <row r="172" spans="1:12" s="5" customFormat="1" ht="27.75" customHeight="1" x14ac:dyDescent="0.4">
      <c r="A172" s="9" t="s">
        <v>137</v>
      </c>
      <c r="B172" s="9" t="s">
        <v>362</v>
      </c>
      <c r="C172" s="9" t="s">
        <v>363</v>
      </c>
      <c r="D172" s="18">
        <v>1411906312</v>
      </c>
      <c r="E172" s="11">
        <v>46387</v>
      </c>
      <c r="F172" s="9" t="s">
        <v>9</v>
      </c>
      <c r="G172" s="5">
        <v>170</v>
      </c>
      <c r="H172" s="12">
        <f t="shared" si="4"/>
        <v>25</v>
      </c>
      <c r="I172" s="12">
        <f t="shared" si="5"/>
        <v>13</v>
      </c>
    </row>
    <row r="173" spans="1:12" s="5" customFormat="1" ht="27.75" customHeight="1" x14ac:dyDescent="0.4">
      <c r="A173" s="9" t="s">
        <v>137</v>
      </c>
      <c r="B173" s="9" t="s">
        <v>364</v>
      </c>
      <c r="C173" s="9" t="s">
        <v>365</v>
      </c>
      <c r="D173" s="18">
        <v>1411906379</v>
      </c>
      <c r="E173" s="11">
        <v>46387</v>
      </c>
      <c r="F173" s="9" t="s">
        <v>9</v>
      </c>
      <c r="G173" s="12">
        <v>171</v>
      </c>
      <c r="H173" s="12">
        <f t="shared" si="4"/>
        <v>25</v>
      </c>
      <c r="I173" s="12">
        <f t="shared" si="5"/>
        <v>7</v>
      </c>
    </row>
    <row r="174" spans="1:12" s="5" customFormat="1" ht="27.75" customHeight="1" x14ac:dyDescent="0.4">
      <c r="A174" s="9" t="s">
        <v>137</v>
      </c>
      <c r="B174" s="9" t="s">
        <v>366</v>
      </c>
      <c r="C174" s="9" t="s">
        <v>367</v>
      </c>
      <c r="D174" s="18">
        <v>1411907336</v>
      </c>
      <c r="E174" s="11">
        <v>47483</v>
      </c>
      <c r="F174" s="9" t="s">
        <v>9</v>
      </c>
      <c r="G174" s="5">
        <v>172</v>
      </c>
      <c r="H174" s="12">
        <f t="shared" si="4"/>
        <v>23</v>
      </c>
      <c r="I174" s="12">
        <f t="shared" si="5"/>
        <v>9</v>
      </c>
    </row>
    <row r="175" spans="1:12" s="5" customFormat="1" ht="27.75" customHeight="1" x14ac:dyDescent="0.4">
      <c r="A175" s="9" t="s">
        <v>137</v>
      </c>
      <c r="B175" s="9" t="s">
        <v>368</v>
      </c>
      <c r="C175" s="9" t="s">
        <v>369</v>
      </c>
      <c r="D175" s="18">
        <v>1411910470</v>
      </c>
      <c r="E175" s="11">
        <v>47118</v>
      </c>
      <c r="F175" s="9" t="s">
        <v>9</v>
      </c>
      <c r="G175" s="12">
        <v>173</v>
      </c>
      <c r="H175" s="12">
        <f t="shared" si="4"/>
        <v>23</v>
      </c>
      <c r="I175" s="12">
        <f t="shared" si="5"/>
        <v>20</v>
      </c>
    </row>
    <row r="176" spans="1:12" s="5" customFormat="1" ht="27.75" customHeight="1" x14ac:dyDescent="0.4">
      <c r="A176" s="9" t="s">
        <v>137</v>
      </c>
      <c r="B176" s="9" t="s">
        <v>370</v>
      </c>
      <c r="C176" s="9" t="s">
        <v>371</v>
      </c>
      <c r="D176" s="18">
        <v>1411911239</v>
      </c>
      <c r="E176" s="11">
        <v>47238</v>
      </c>
      <c r="F176" s="9" t="s">
        <v>9</v>
      </c>
      <c r="G176" s="5">
        <v>174</v>
      </c>
      <c r="H176" s="12">
        <f t="shared" si="4"/>
        <v>22</v>
      </c>
      <c r="I176" s="12">
        <f t="shared" si="5"/>
        <v>8</v>
      </c>
    </row>
    <row r="177" spans="1:35" s="5" customFormat="1" ht="27.75" customHeight="1" x14ac:dyDescent="0.4">
      <c r="A177" s="9" t="s">
        <v>137</v>
      </c>
      <c r="B177" s="14" t="s">
        <v>372</v>
      </c>
      <c r="C177" s="9" t="s">
        <v>373</v>
      </c>
      <c r="D177" s="18">
        <v>1411910611</v>
      </c>
      <c r="E177" s="11">
        <v>47542</v>
      </c>
      <c r="F177" s="9" t="s">
        <v>9</v>
      </c>
      <c r="G177" s="12">
        <v>175</v>
      </c>
      <c r="H177" s="12">
        <f t="shared" si="4"/>
        <v>12</v>
      </c>
      <c r="I177" s="12">
        <f t="shared" si="5"/>
        <v>4</v>
      </c>
    </row>
    <row r="178" spans="1:35" s="5" customFormat="1" ht="27.75" customHeight="1" x14ac:dyDescent="0.4">
      <c r="A178" s="9" t="s">
        <v>137</v>
      </c>
      <c r="B178" s="14" t="s">
        <v>374</v>
      </c>
      <c r="C178" s="9" t="s">
        <v>375</v>
      </c>
      <c r="D178" s="18">
        <v>1411905819</v>
      </c>
      <c r="E178" s="11">
        <v>46387</v>
      </c>
      <c r="F178" s="9" t="s">
        <v>9</v>
      </c>
      <c r="G178" s="5">
        <v>176</v>
      </c>
      <c r="H178" s="12">
        <f t="shared" si="4"/>
        <v>22</v>
      </c>
      <c r="I178" s="12">
        <f t="shared" si="5"/>
        <v>9</v>
      </c>
    </row>
    <row r="179" spans="1:35" s="5" customFormat="1" ht="27.75" customHeight="1" x14ac:dyDescent="0.4">
      <c r="A179" s="9" t="s">
        <v>137</v>
      </c>
      <c r="B179" s="9" t="s">
        <v>376</v>
      </c>
      <c r="C179" s="9" t="s">
        <v>377</v>
      </c>
      <c r="D179" s="18">
        <v>1411907443</v>
      </c>
      <c r="E179" s="11">
        <v>46387</v>
      </c>
      <c r="F179" s="9" t="s">
        <v>9</v>
      </c>
      <c r="G179" s="12">
        <v>177</v>
      </c>
      <c r="H179" s="12">
        <f t="shared" si="4"/>
        <v>24</v>
      </c>
      <c r="I179" s="12">
        <f t="shared" si="5"/>
        <v>14</v>
      </c>
    </row>
    <row r="180" spans="1:35" s="5" customFormat="1" ht="27.75" customHeight="1" x14ac:dyDescent="0.4">
      <c r="A180" s="9" t="s">
        <v>137</v>
      </c>
      <c r="B180" s="9" t="s">
        <v>378</v>
      </c>
      <c r="C180" s="9" t="s">
        <v>377</v>
      </c>
      <c r="D180" s="18">
        <v>1411910322</v>
      </c>
      <c r="E180" s="11">
        <v>46783</v>
      </c>
      <c r="F180" s="9" t="s">
        <v>9</v>
      </c>
      <c r="G180" s="5">
        <v>178</v>
      </c>
      <c r="H180" s="12">
        <f t="shared" si="4"/>
        <v>24</v>
      </c>
      <c r="I180" s="12">
        <f t="shared" si="5"/>
        <v>17</v>
      </c>
    </row>
    <row r="181" spans="1:35" s="5" customFormat="1" ht="27.75" customHeight="1" x14ac:dyDescent="0.4">
      <c r="A181" s="9" t="s">
        <v>137</v>
      </c>
      <c r="B181" s="9" t="s">
        <v>379</v>
      </c>
      <c r="C181" s="9" t="s">
        <v>380</v>
      </c>
      <c r="D181" s="18">
        <v>1411906767</v>
      </c>
      <c r="E181" s="11">
        <v>46387</v>
      </c>
      <c r="F181" s="9" t="s">
        <v>9</v>
      </c>
      <c r="G181" s="12">
        <v>179</v>
      </c>
      <c r="H181" s="12">
        <f t="shared" si="4"/>
        <v>14</v>
      </c>
      <c r="I181" s="12">
        <f t="shared" si="5"/>
        <v>6</v>
      </c>
    </row>
    <row r="182" spans="1:35" s="5" customFormat="1" ht="27.75" customHeight="1" x14ac:dyDescent="0.4">
      <c r="A182" s="9" t="s">
        <v>137</v>
      </c>
      <c r="B182" s="9" t="s">
        <v>381</v>
      </c>
      <c r="C182" s="9" t="s">
        <v>382</v>
      </c>
      <c r="D182" s="18">
        <v>1411910934</v>
      </c>
      <c r="E182" s="11">
        <v>46477</v>
      </c>
      <c r="F182" s="9" t="s">
        <v>9</v>
      </c>
      <c r="G182" s="5">
        <v>180</v>
      </c>
      <c r="H182" s="12">
        <f t="shared" si="4"/>
        <v>24</v>
      </c>
      <c r="I182" s="12">
        <f t="shared" si="5"/>
        <v>11</v>
      </c>
    </row>
    <row r="183" spans="1:35" s="5" customFormat="1" ht="27.75" customHeight="1" x14ac:dyDescent="0.4">
      <c r="A183" s="9" t="s">
        <v>137</v>
      </c>
      <c r="B183" s="14" t="s">
        <v>383</v>
      </c>
      <c r="C183" s="9" t="s">
        <v>384</v>
      </c>
      <c r="D183" s="18">
        <v>1411911080</v>
      </c>
      <c r="E183" s="11">
        <v>46873</v>
      </c>
      <c r="F183" s="9" t="s">
        <v>9</v>
      </c>
      <c r="G183" s="12">
        <v>181</v>
      </c>
      <c r="H183" s="12">
        <f t="shared" si="4"/>
        <v>12</v>
      </c>
      <c r="I183" s="12">
        <f t="shared" si="5"/>
        <v>11</v>
      </c>
    </row>
    <row r="184" spans="1:35" s="5" customFormat="1" ht="27.75" customHeight="1" x14ac:dyDescent="0.4">
      <c r="A184" s="9" t="s">
        <v>137</v>
      </c>
      <c r="B184" s="9" t="s">
        <v>385</v>
      </c>
      <c r="C184" s="9" t="s">
        <v>386</v>
      </c>
      <c r="D184" s="18">
        <v>1419705682</v>
      </c>
      <c r="E184" s="11">
        <v>46387</v>
      </c>
      <c r="F184" s="9" t="s">
        <v>9</v>
      </c>
      <c r="G184" s="5">
        <v>182</v>
      </c>
      <c r="H184" s="12">
        <f t="shared" si="4"/>
        <v>14</v>
      </c>
      <c r="I184" s="12">
        <f t="shared" si="5"/>
        <v>8</v>
      </c>
    </row>
    <row r="185" spans="1:35" s="5" customFormat="1" ht="27.75" customHeight="1" x14ac:dyDescent="0.4">
      <c r="A185" s="9" t="s">
        <v>137</v>
      </c>
      <c r="B185" s="14" t="s">
        <v>387</v>
      </c>
      <c r="C185" s="9" t="s">
        <v>388</v>
      </c>
      <c r="D185" s="18">
        <v>1411910652</v>
      </c>
      <c r="E185" s="11">
        <v>47573</v>
      </c>
      <c r="F185" s="9" t="s">
        <v>9</v>
      </c>
      <c r="G185" s="12">
        <v>183</v>
      </c>
      <c r="H185" s="12">
        <f t="shared" si="4"/>
        <v>13</v>
      </c>
      <c r="I185" s="12">
        <f t="shared" si="5"/>
        <v>4</v>
      </c>
    </row>
    <row r="186" spans="1:35" s="5" customFormat="1" ht="27.75" customHeight="1" x14ac:dyDescent="0.4">
      <c r="A186" s="9" t="s">
        <v>137</v>
      </c>
      <c r="B186" s="9" t="s">
        <v>389</v>
      </c>
      <c r="C186" s="9" t="s">
        <v>390</v>
      </c>
      <c r="D186" s="18">
        <v>1411906353</v>
      </c>
      <c r="E186" s="11">
        <v>46387</v>
      </c>
      <c r="F186" s="9" t="s">
        <v>9</v>
      </c>
      <c r="G186" s="5">
        <v>184</v>
      </c>
      <c r="H186" s="12">
        <f t="shared" si="4"/>
        <v>19</v>
      </c>
      <c r="I186" s="12">
        <f t="shared" si="5"/>
        <v>9</v>
      </c>
    </row>
    <row r="187" spans="1:35" s="5" customFormat="1" ht="27.75" customHeight="1" x14ac:dyDescent="0.4">
      <c r="A187" s="9" t="s">
        <v>137</v>
      </c>
      <c r="B187" s="9" t="s">
        <v>391</v>
      </c>
      <c r="C187" s="9" t="s">
        <v>392</v>
      </c>
      <c r="D187" s="18">
        <v>1411906890</v>
      </c>
      <c r="E187" s="11">
        <v>46387</v>
      </c>
      <c r="F187" s="9" t="s">
        <v>9</v>
      </c>
      <c r="G187" s="12">
        <v>185</v>
      </c>
      <c r="H187" s="12">
        <f t="shared" si="4"/>
        <v>15</v>
      </c>
      <c r="I187" s="12">
        <f t="shared" si="5"/>
        <v>11</v>
      </c>
    </row>
    <row r="188" spans="1:35" s="5" customFormat="1" ht="27.75" customHeight="1" x14ac:dyDescent="0.4">
      <c r="A188" s="9" t="s">
        <v>137</v>
      </c>
      <c r="B188" s="9" t="s">
        <v>393</v>
      </c>
      <c r="C188" s="9" t="s">
        <v>394</v>
      </c>
      <c r="D188" s="18">
        <v>1411903269</v>
      </c>
      <c r="E188" s="11">
        <v>46387</v>
      </c>
      <c r="F188" s="9" t="s">
        <v>9</v>
      </c>
      <c r="G188" s="5">
        <v>186</v>
      </c>
      <c r="H188" s="12">
        <f t="shared" si="4"/>
        <v>14</v>
      </c>
      <c r="I188" s="12">
        <f t="shared" si="5"/>
        <v>6</v>
      </c>
      <c r="J188" s="12"/>
      <c r="K188" s="12"/>
      <c r="L188" s="12"/>
      <c r="M188" s="12"/>
      <c r="N188" s="12"/>
      <c r="O188" s="12"/>
      <c r="P188" s="12"/>
      <c r="Q188" s="12"/>
      <c r="R188" s="12"/>
      <c r="S188" s="12"/>
      <c r="T188" s="12"/>
      <c r="U188" s="12"/>
      <c r="V188" s="12"/>
      <c r="W188" s="12"/>
      <c r="X188" s="12"/>
      <c r="Y188" s="12"/>
      <c r="Z188" s="12"/>
      <c r="AA188" s="12"/>
      <c r="AB188" s="12"/>
      <c r="AC188" s="12"/>
      <c r="AD188" s="12"/>
      <c r="AE188" s="12"/>
      <c r="AF188" s="12"/>
      <c r="AG188" s="12"/>
      <c r="AH188" s="12"/>
      <c r="AI188" s="12"/>
    </row>
    <row r="189" spans="1:35" s="5" customFormat="1" ht="27.75" customHeight="1" x14ac:dyDescent="0.4">
      <c r="A189" s="9" t="s">
        <v>137</v>
      </c>
      <c r="B189" s="9" t="s">
        <v>395</v>
      </c>
      <c r="C189" s="9" t="s">
        <v>396</v>
      </c>
      <c r="D189" s="18">
        <v>1411904796</v>
      </c>
      <c r="E189" s="11">
        <v>46387</v>
      </c>
      <c r="F189" s="9" t="s">
        <v>9</v>
      </c>
      <c r="G189" s="12">
        <v>187</v>
      </c>
      <c r="H189" s="12">
        <f t="shared" si="4"/>
        <v>14</v>
      </c>
      <c r="I189" s="12">
        <f t="shared" si="5"/>
        <v>4</v>
      </c>
      <c r="J189" s="12"/>
      <c r="K189" s="12"/>
      <c r="L189" s="12"/>
      <c r="M189" s="12"/>
      <c r="N189" s="12"/>
      <c r="O189" s="12"/>
      <c r="P189" s="12"/>
      <c r="Q189" s="12"/>
      <c r="R189" s="12"/>
      <c r="S189" s="12"/>
      <c r="T189" s="12"/>
      <c r="U189" s="12"/>
      <c r="V189" s="12"/>
      <c r="W189" s="12"/>
      <c r="X189" s="12"/>
      <c r="Y189" s="12"/>
      <c r="Z189" s="12"/>
      <c r="AA189" s="12"/>
      <c r="AB189" s="12"/>
      <c r="AC189" s="12"/>
      <c r="AD189" s="12"/>
      <c r="AE189" s="12"/>
      <c r="AF189" s="12"/>
      <c r="AG189" s="12"/>
      <c r="AH189" s="12"/>
      <c r="AI189" s="12"/>
    </row>
    <row r="190" spans="1:35" s="5" customFormat="1" ht="27.75" customHeight="1" x14ac:dyDescent="0.4">
      <c r="A190" s="9" t="s">
        <v>137</v>
      </c>
      <c r="B190" s="13" t="s">
        <v>397</v>
      </c>
      <c r="C190" s="13" t="s">
        <v>398</v>
      </c>
      <c r="D190" s="18">
        <v>1411904804</v>
      </c>
      <c r="E190" s="11">
        <v>46387</v>
      </c>
      <c r="F190" s="9" t="s">
        <v>9</v>
      </c>
      <c r="G190" s="5">
        <v>188</v>
      </c>
      <c r="H190" s="12">
        <f t="shared" si="4"/>
        <v>12</v>
      </c>
      <c r="I190" s="12">
        <f t="shared" si="5"/>
        <v>9</v>
      </c>
    </row>
    <row r="191" spans="1:35" s="5" customFormat="1" ht="27.75" customHeight="1" x14ac:dyDescent="0.4">
      <c r="A191" s="9" t="s">
        <v>137</v>
      </c>
      <c r="B191" s="9" t="s">
        <v>399</v>
      </c>
      <c r="C191" s="9" t="s">
        <v>400</v>
      </c>
      <c r="D191" s="18">
        <v>1411906510</v>
      </c>
      <c r="E191" s="11">
        <v>46387</v>
      </c>
      <c r="F191" s="9" t="s">
        <v>9</v>
      </c>
      <c r="G191" s="12">
        <v>189</v>
      </c>
      <c r="H191" s="12">
        <f t="shared" si="4"/>
        <v>20</v>
      </c>
      <c r="I191" s="12">
        <f t="shared" si="5"/>
        <v>11</v>
      </c>
    </row>
    <row r="192" spans="1:35" s="5" customFormat="1" ht="27.75" customHeight="1" x14ac:dyDescent="0.4">
      <c r="A192" s="9" t="s">
        <v>137</v>
      </c>
      <c r="B192" s="9" t="s">
        <v>401</v>
      </c>
      <c r="C192" s="9" t="s">
        <v>402</v>
      </c>
      <c r="D192" s="18">
        <v>1411910751</v>
      </c>
      <c r="E192" s="11">
        <v>47938</v>
      </c>
      <c r="F192" s="9" t="s">
        <v>9</v>
      </c>
      <c r="G192" s="5">
        <v>190</v>
      </c>
      <c r="H192" s="12">
        <f t="shared" si="4"/>
        <v>26</v>
      </c>
      <c r="I192" s="12">
        <f t="shared" si="5"/>
        <v>13</v>
      </c>
    </row>
    <row r="193" spans="1:35" s="5" customFormat="1" ht="27.75" customHeight="1" x14ac:dyDescent="0.4">
      <c r="A193" s="9" t="s">
        <v>137</v>
      </c>
      <c r="B193" s="9" t="s">
        <v>14</v>
      </c>
      <c r="C193" s="9" t="s">
        <v>15</v>
      </c>
      <c r="D193" s="18">
        <v>1411911064</v>
      </c>
      <c r="E193" s="11">
        <v>46812</v>
      </c>
      <c r="F193" s="9" t="s">
        <v>9</v>
      </c>
      <c r="G193" s="12">
        <v>191</v>
      </c>
      <c r="H193" s="12">
        <f t="shared" si="4"/>
        <v>11</v>
      </c>
      <c r="I193" s="12">
        <f t="shared" si="5"/>
        <v>15</v>
      </c>
    </row>
    <row r="194" spans="1:35" s="5" customFormat="1" ht="27.75" customHeight="1" x14ac:dyDescent="0.4">
      <c r="A194" s="9" t="s">
        <v>137</v>
      </c>
      <c r="B194" s="14" t="s">
        <v>403</v>
      </c>
      <c r="C194" s="9" t="s">
        <v>404</v>
      </c>
      <c r="D194" s="18">
        <v>1411905355</v>
      </c>
      <c r="E194" s="11">
        <v>46387</v>
      </c>
      <c r="F194" s="9" t="s">
        <v>9</v>
      </c>
      <c r="G194" s="5">
        <v>192</v>
      </c>
      <c r="H194" s="12">
        <f t="shared" si="4"/>
        <v>11</v>
      </c>
      <c r="I194" s="12">
        <f t="shared" si="5"/>
        <v>13</v>
      </c>
    </row>
    <row r="195" spans="1:35" s="5" customFormat="1" ht="27.75" customHeight="1" x14ac:dyDescent="0.4">
      <c r="A195" s="9" t="s">
        <v>137</v>
      </c>
      <c r="B195" s="9" t="s">
        <v>405</v>
      </c>
      <c r="C195" s="9" t="s">
        <v>406</v>
      </c>
      <c r="D195" s="18">
        <v>1411900653</v>
      </c>
      <c r="E195" s="11">
        <v>46387</v>
      </c>
      <c r="F195" s="9" t="s">
        <v>9</v>
      </c>
      <c r="G195" s="12">
        <v>193</v>
      </c>
      <c r="H195" s="12">
        <f t="shared" si="4"/>
        <v>13</v>
      </c>
      <c r="I195" s="12">
        <f t="shared" si="5"/>
        <v>20</v>
      </c>
    </row>
    <row r="196" spans="1:35" s="5" customFormat="1" ht="27.75" customHeight="1" x14ac:dyDescent="0.4">
      <c r="A196" s="9" t="s">
        <v>137</v>
      </c>
      <c r="B196" s="9" t="s">
        <v>407</v>
      </c>
      <c r="C196" s="9" t="s">
        <v>408</v>
      </c>
      <c r="D196" s="18">
        <v>1411900281</v>
      </c>
      <c r="E196" s="11">
        <v>46387</v>
      </c>
      <c r="F196" s="9" t="s">
        <v>9</v>
      </c>
      <c r="G196" s="5">
        <v>194</v>
      </c>
      <c r="H196" s="12">
        <f t="shared" ref="H196:H259" si="6">LEN(C196)</f>
        <v>12</v>
      </c>
      <c r="I196" s="12">
        <f t="shared" ref="I196:I259" si="7">LEN(B196)</f>
        <v>25</v>
      </c>
      <c r="J196" s="24"/>
      <c r="K196" s="24"/>
      <c r="L196" s="24"/>
    </row>
    <row r="197" spans="1:35" s="5" customFormat="1" ht="27.75" customHeight="1" x14ac:dyDescent="0.4">
      <c r="A197" s="9" t="s">
        <v>137</v>
      </c>
      <c r="B197" s="9" t="s">
        <v>409</v>
      </c>
      <c r="C197" s="9" t="s">
        <v>410</v>
      </c>
      <c r="D197" s="18">
        <v>1411907526</v>
      </c>
      <c r="E197" s="11">
        <v>46387</v>
      </c>
      <c r="F197" s="9" t="s">
        <v>9</v>
      </c>
      <c r="G197" s="12">
        <v>195</v>
      </c>
      <c r="H197" s="12">
        <f t="shared" si="6"/>
        <v>15</v>
      </c>
      <c r="I197" s="12">
        <f t="shared" si="7"/>
        <v>12</v>
      </c>
    </row>
    <row r="198" spans="1:35" s="5" customFormat="1" ht="27.75" customHeight="1" x14ac:dyDescent="0.4">
      <c r="A198" s="9" t="s">
        <v>137</v>
      </c>
      <c r="B198" s="9" t="s">
        <v>411</v>
      </c>
      <c r="C198" s="9" t="s">
        <v>412</v>
      </c>
      <c r="D198" s="18">
        <v>1411900091</v>
      </c>
      <c r="E198" s="11">
        <v>46387</v>
      </c>
      <c r="F198" s="9" t="s">
        <v>9</v>
      </c>
      <c r="G198" s="5">
        <v>196</v>
      </c>
      <c r="H198" s="12">
        <f t="shared" si="6"/>
        <v>12</v>
      </c>
      <c r="I198" s="12">
        <f t="shared" si="7"/>
        <v>20</v>
      </c>
    </row>
    <row r="199" spans="1:35" s="5" customFormat="1" ht="27.75" customHeight="1" x14ac:dyDescent="0.4">
      <c r="A199" s="9" t="s">
        <v>137</v>
      </c>
      <c r="B199" s="9" t="s">
        <v>413</v>
      </c>
      <c r="C199" s="9" t="s">
        <v>414</v>
      </c>
      <c r="D199" s="18">
        <v>1411907807</v>
      </c>
      <c r="E199" s="11">
        <v>46387</v>
      </c>
      <c r="F199" s="9" t="s">
        <v>9</v>
      </c>
      <c r="G199" s="12">
        <v>197</v>
      </c>
      <c r="H199" s="12">
        <f t="shared" si="6"/>
        <v>25</v>
      </c>
      <c r="I199" s="12">
        <f t="shared" si="7"/>
        <v>9</v>
      </c>
    </row>
    <row r="200" spans="1:35" s="5" customFormat="1" ht="27.75" customHeight="1" x14ac:dyDescent="0.4">
      <c r="A200" s="9" t="s">
        <v>137</v>
      </c>
      <c r="B200" s="16" t="s">
        <v>415</v>
      </c>
      <c r="C200" s="16" t="s">
        <v>416</v>
      </c>
      <c r="D200" s="10">
        <v>1411910512</v>
      </c>
      <c r="E200" s="11">
        <v>47726</v>
      </c>
      <c r="F200" s="9" t="s">
        <v>9</v>
      </c>
      <c r="G200" s="5">
        <v>198</v>
      </c>
      <c r="H200" s="12">
        <f t="shared" si="6"/>
        <v>22</v>
      </c>
      <c r="I200" s="12">
        <f t="shared" si="7"/>
        <v>9</v>
      </c>
    </row>
    <row r="201" spans="1:35" s="5" customFormat="1" ht="27.75" customHeight="1" x14ac:dyDescent="0.4">
      <c r="A201" s="17" t="s">
        <v>137</v>
      </c>
      <c r="B201" s="9" t="s">
        <v>417</v>
      </c>
      <c r="C201" s="9" t="s">
        <v>418</v>
      </c>
      <c r="D201" s="18">
        <v>1411904416</v>
      </c>
      <c r="E201" s="11">
        <v>46387</v>
      </c>
      <c r="F201" s="9" t="s">
        <v>9</v>
      </c>
      <c r="G201" s="12">
        <v>199</v>
      </c>
      <c r="H201" s="12">
        <f t="shared" si="6"/>
        <v>15</v>
      </c>
      <c r="I201" s="12">
        <f t="shared" si="7"/>
        <v>8</v>
      </c>
    </row>
    <row r="202" spans="1:35" s="5" customFormat="1" ht="27.75" customHeight="1" x14ac:dyDescent="0.4">
      <c r="A202" s="9" t="s">
        <v>137</v>
      </c>
      <c r="B202" s="9" t="s">
        <v>419</v>
      </c>
      <c r="C202" s="9" t="s">
        <v>420</v>
      </c>
      <c r="D202" s="18">
        <v>1411911338</v>
      </c>
      <c r="E202" s="11">
        <v>47756</v>
      </c>
      <c r="F202" s="9" t="s">
        <v>9</v>
      </c>
      <c r="G202" s="5">
        <v>200</v>
      </c>
      <c r="H202" s="12">
        <f t="shared" si="6"/>
        <v>28</v>
      </c>
      <c r="I202" s="12">
        <f t="shared" si="7"/>
        <v>11</v>
      </c>
    </row>
    <row r="203" spans="1:35" s="5" customFormat="1" ht="27.75" customHeight="1" x14ac:dyDescent="0.4">
      <c r="A203" s="9" t="s">
        <v>137</v>
      </c>
      <c r="B203" s="9" t="s">
        <v>421</v>
      </c>
      <c r="C203" s="9" t="s">
        <v>422</v>
      </c>
      <c r="D203" s="18">
        <v>1411907047</v>
      </c>
      <c r="E203" s="11">
        <v>46387</v>
      </c>
      <c r="F203" s="9" t="s">
        <v>9</v>
      </c>
      <c r="G203" s="12">
        <v>201</v>
      </c>
      <c r="H203" s="12">
        <f t="shared" si="6"/>
        <v>16</v>
      </c>
      <c r="I203" s="12">
        <f t="shared" si="7"/>
        <v>12</v>
      </c>
    </row>
    <row r="204" spans="1:35" s="5" customFormat="1" ht="27.75" customHeight="1" x14ac:dyDescent="0.4">
      <c r="A204" s="9" t="s">
        <v>137</v>
      </c>
      <c r="B204" s="9" t="s">
        <v>423</v>
      </c>
      <c r="C204" s="9" t="s">
        <v>424</v>
      </c>
      <c r="D204" s="18">
        <v>1411910918</v>
      </c>
      <c r="E204" s="11">
        <v>46477</v>
      </c>
      <c r="F204" s="9" t="s">
        <v>9</v>
      </c>
      <c r="G204" s="5">
        <v>202</v>
      </c>
      <c r="H204" s="12">
        <f t="shared" si="6"/>
        <v>24</v>
      </c>
      <c r="I204" s="12">
        <f t="shared" si="7"/>
        <v>14</v>
      </c>
    </row>
    <row r="205" spans="1:35" s="5" customFormat="1" ht="27.75" customHeight="1" x14ac:dyDescent="0.4">
      <c r="A205" s="9" t="s">
        <v>137</v>
      </c>
      <c r="B205" s="9" t="s">
        <v>425</v>
      </c>
      <c r="C205" s="9" t="s">
        <v>426</v>
      </c>
      <c r="D205" s="18">
        <v>1411910348</v>
      </c>
      <c r="E205" s="11">
        <v>46387</v>
      </c>
      <c r="F205" s="9" t="s">
        <v>9</v>
      </c>
      <c r="G205" s="12">
        <v>203</v>
      </c>
      <c r="H205" s="12">
        <f t="shared" si="6"/>
        <v>22</v>
      </c>
      <c r="I205" s="12">
        <f t="shared" si="7"/>
        <v>23</v>
      </c>
      <c r="J205" s="24"/>
      <c r="K205" s="24"/>
      <c r="L205" s="24"/>
    </row>
    <row r="206" spans="1:35" s="5" customFormat="1" ht="27.75" customHeight="1" x14ac:dyDescent="0.4">
      <c r="A206" s="9" t="s">
        <v>137</v>
      </c>
      <c r="B206" s="13" t="s">
        <v>427</v>
      </c>
      <c r="C206" s="13" t="s">
        <v>428</v>
      </c>
      <c r="D206" s="18">
        <v>1411907682</v>
      </c>
      <c r="E206" s="11">
        <v>46387</v>
      </c>
      <c r="F206" s="9" t="s">
        <v>9</v>
      </c>
      <c r="G206" s="5">
        <v>204</v>
      </c>
      <c r="H206" s="12">
        <f t="shared" si="6"/>
        <v>11</v>
      </c>
      <c r="I206" s="12">
        <f t="shared" si="7"/>
        <v>6</v>
      </c>
      <c r="J206" s="12"/>
      <c r="K206" s="12"/>
      <c r="L206" s="12"/>
      <c r="M206" s="12"/>
      <c r="N206" s="12"/>
      <c r="O206" s="12"/>
      <c r="P206" s="12"/>
      <c r="Q206" s="12"/>
      <c r="R206" s="12"/>
      <c r="S206" s="12"/>
      <c r="T206" s="12"/>
      <c r="U206" s="12"/>
      <c r="V206" s="12"/>
      <c r="W206" s="12"/>
      <c r="X206" s="12"/>
      <c r="Y206" s="12"/>
      <c r="Z206" s="12"/>
      <c r="AA206" s="12"/>
      <c r="AB206" s="12"/>
      <c r="AC206" s="12"/>
      <c r="AD206" s="12"/>
      <c r="AE206" s="12"/>
      <c r="AF206" s="12"/>
      <c r="AG206" s="12"/>
      <c r="AH206" s="12"/>
      <c r="AI206" s="12"/>
    </row>
    <row r="207" spans="1:35" s="5" customFormat="1" ht="27.75" customHeight="1" x14ac:dyDescent="0.4">
      <c r="A207" s="9" t="s">
        <v>137</v>
      </c>
      <c r="B207" s="9" t="s">
        <v>429</v>
      </c>
      <c r="C207" s="9" t="s">
        <v>430</v>
      </c>
      <c r="D207" s="18">
        <v>1411904952</v>
      </c>
      <c r="E207" s="11">
        <v>47087</v>
      </c>
      <c r="F207" s="9" t="s">
        <v>9</v>
      </c>
      <c r="G207" s="12">
        <v>205</v>
      </c>
      <c r="H207" s="12">
        <f t="shared" si="6"/>
        <v>26</v>
      </c>
      <c r="I207" s="12">
        <f t="shared" si="7"/>
        <v>9</v>
      </c>
    </row>
    <row r="208" spans="1:35" s="5" customFormat="1" ht="27.75" customHeight="1" x14ac:dyDescent="0.4">
      <c r="A208" s="9" t="s">
        <v>137</v>
      </c>
      <c r="B208" s="9" t="s">
        <v>431</v>
      </c>
      <c r="C208" s="9" t="s">
        <v>432</v>
      </c>
      <c r="D208" s="18">
        <v>1411905314</v>
      </c>
      <c r="E208" s="11">
        <v>46387</v>
      </c>
      <c r="F208" s="9" t="s">
        <v>9</v>
      </c>
      <c r="G208" s="5">
        <v>206</v>
      </c>
      <c r="H208" s="12">
        <f t="shared" si="6"/>
        <v>19</v>
      </c>
      <c r="I208" s="12">
        <f t="shared" si="7"/>
        <v>9</v>
      </c>
      <c r="J208" s="12"/>
      <c r="K208" s="12"/>
      <c r="L208" s="12"/>
      <c r="M208" s="12"/>
      <c r="N208" s="12"/>
      <c r="O208" s="12"/>
      <c r="P208" s="12"/>
      <c r="Q208" s="12"/>
      <c r="R208" s="12"/>
      <c r="S208" s="12"/>
      <c r="T208" s="12"/>
      <c r="U208" s="12"/>
      <c r="V208" s="12"/>
      <c r="W208" s="12"/>
      <c r="X208" s="12"/>
      <c r="Y208" s="12"/>
      <c r="Z208" s="12"/>
      <c r="AA208" s="12"/>
      <c r="AB208" s="12"/>
      <c r="AC208" s="12"/>
      <c r="AD208" s="12"/>
      <c r="AE208" s="12"/>
      <c r="AF208" s="12"/>
      <c r="AG208" s="12"/>
      <c r="AH208" s="12"/>
      <c r="AI208" s="12"/>
    </row>
    <row r="209" spans="1:35" s="5" customFormat="1" ht="27.75" customHeight="1" x14ac:dyDescent="0.4">
      <c r="A209" s="9" t="s">
        <v>137</v>
      </c>
      <c r="B209" s="9" t="s">
        <v>433</v>
      </c>
      <c r="C209" s="9" t="s">
        <v>434</v>
      </c>
      <c r="D209" s="18">
        <v>1411904945</v>
      </c>
      <c r="E209" s="11">
        <v>46387</v>
      </c>
      <c r="F209" s="9" t="s">
        <v>9</v>
      </c>
      <c r="G209" s="12">
        <v>207</v>
      </c>
      <c r="H209" s="12">
        <f t="shared" si="6"/>
        <v>13</v>
      </c>
      <c r="I209" s="12">
        <f t="shared" si="7"/>
        <v>13</v>
      </c>
    </row>
    <row r="210" spans="1:35" s="5" customFormat="1" ht="27.75" customHeight="1" x14ac:dyDescent="0.4">
      <c r="A210" s="9" t="s">
        <v>137</v>
      </c>
      <c r="B210" s="9" t="s">
        <v>435</v>
      </c>
      <c r="C210" s="9" t="s">
        <v>436</v>
      </c>
      <c r="D210" s="18">
        <v>1411911114</v>
      </c>
      <c r="E210" s="11">
        <v>46843</v>
      </c>
      <c r="F210" s="9" t="s">
        <v>9</v>
      </c>
      <c r="G210" s="5">
        <v>208</v>
      </c>
      <c r="H210" s="12">
        <f t="shared" si="6"/>
        <v>13</v>
      </c>
      <c r="I210" s="12">
        <f t="shared" si="7"/>
        <v>7</v>
      </c>
    </row>
    <row r="211" spans="1:35" s="5" customFormat="1" ht="27.75" customHeight="1" x14ac:dyDescent="0.4">
      <c r="A211" s="9" t="s">
        <v>137</v>
      </c>
      <c r="B211" s="9" t="s">
        <v>437</v>
      </c>
      <c r="C211" s="9" t="s">
        <v>438</v>
      </c>
      <c r="D211" s="18">
        <v>1411904408</v>
      </c>
      <c r="E211" s="11">
        <v>46387</v>
      </c>
      <c r="F211" s="9" t="s">
        <v>9</v>
      </c>
      <c r="G211" s="12">
        <v>209</v>
      </c>
      <c r="H211" s="12">
        <f t="shared" si="6"/>
        <v>14</v>
      </c>
      <c r="I211" s="12">
        <f t="shared" si="7"/>
        <v>9</v>
      </c>
    </row>
    <row r="212" spans="1:35" s="5" customFormat="1" ht="27.75" customHeight="1" x14ac:dyDescent="0.4">
      <c r="A212" s="17" t="s">
        <v>137</v>
      </c>
      <c r="B212" s="9" t="s">
        <v>439</v>
      </c>
      <c r="C212" s="9" t="s">
        <v>440</v>
      </c>
      <c r="D212" s="18">
        <v>1411910801</v>
      </c>
      <c r="E212" s="11">
        <v>48182</v>
      </c>
      <c r="F212" s="9" t="s">
        <v>9</v>
      </c>
      <c r="G212" s="5">
        <v>210</v>
      </c>
      <c r="H212" s="12">
        <f t="shared" si="6"/>
        <v>15</v>
      </c>
      <c r="I212" s="12">
        <f t="shared" si="7"/>
        <v>11</v>
      </c>
    </row>
    <row r="213" spans="1:35" s="5" customFormat="1" ht="27.75" customHeight="1" x14ac:dyDescent="0.4">
      <c r="A213" s="9" t="s">
        <v>137</v>
      </c>
      <c r="B213" s="9" t="s">
        <v>441</v>
      </c>
      <c r="C213" s="9" t="s">
        <v>442</v>
      </c>
      <c r="D213" s="18">
        <v>1411907534</v>
      </c>
      <c r="E213" s="11">
        <v>46387</v>
      </c>
      <c r="F213" s="9" t="s">
        <v>9</v>
      </c>
      <c r="G213" s="12">
        <v>211</v>
      </c>
      <c r="H213" s="12">
        <f t="shared" si="6"/>
        <v>11</v>
      </c>
      <c r="I213" s="12">
        <f t="shared" si="7"/>
        <v>14</v>
      </c>
    </row>
    <row r="214" spans="1:35" s="5" customFormat="1" ht="27.75" customHeight="1" x14ac:dyDescent="0.4">
      <c r="A214" s="9" t="s">
        <v>137</v>
      </c>
      <c r="B214" s="13" t="s">
        <v>443</v>
      </c>
      <c r="C214" s="9" t="s">
        <v>444</v>
      </c>
      <c r="D214" s="18">
        <v>1411905942</v>
      </c>
      <c r="E214" s="11">
        <v>46387</v>
      </c>
      <c r="F214" s="9" t="s">
        <v>9</v>
      </c>
      <c r="G214" s="5">
        <v>212</v>
      </c>
      <c r="H214" s="12">
        <f t="shared" si="6"/>
        <v>13</v>
      </c>
      <c r="I214" s="12">
        <f t="shared" si="7"/>
        <v>14</v>
      </c>
    </row>
    <row r="215" spans="1:35" s="5" customFormat="1" ht="27.75" customHeight="1" x14ac:dyDescent="0.4">
      <c r="A215" s="9" t="s">
        <v>137</v>
      </c>
      <c r="B215" s="9" t="s">
        <v>445</v>
      </c>
      <c r="C215" s="9" t="s">
        <v>446</v>
      </c>
      <c r="D215" s="18">
        <v>1419900077</v>
      </c>
      <c r="E215" s="11">
        <v>46387</v>
      </c>
      <c r="F215" s="9" t="s">
        <v>9</v>
      </c>
      <c r="G215" s="12">
        <v>213</v>
      </c>
      <c r="H215" s="12">
        <f t="shared" si="6"/>
        <v>11</v>
      </c>
      <c r="I215" s="12">
        <f t="shared" si="7"/>
        <v>22</v>
      </c>
    </row>
    <row r="216" spans="1:35" s="5" customFormat="1" ht="27.75" customHeight="1" x14ac:dyDescent="0.4">
      <c r="A216" s="9" t="s">
        <v>137</v>
      </c>
      <c r="B216" s="9" t="s">
        <v>447</v>
      </c>
      <c r="C216" s="9" t="s">
        <v>448</v>
      </c>
      <c r="D216" s="18">
        <v>1411903053</v>
      </c>
      <c r="E216" s="11">
        <v>46387</v>
      </c>
      <c r="F216" s="9" t="s">
        <v>9</v>
      </c>
      <c r="G216" s="5">
        <v>214</v>
      </c>
      <c r="H216" s="12">
        <f t="shared" si="6"/>
        <v>11</v>
      </c>
      <c r="I216" s="12">
        <f t="shared" si="7"/>
        <v>13</v>
      </c>
    </row>
    <row r="217" spans="1:35" s="5" customFormat="1" ht="27.75" customHeight="1" x14ac:dyDescent="0.4">
      <c r="A217" s="9" t="s">
        <v>137</v>
      </c>
      <c r="B217" s="9" t="s">
        <v>449</v>
      </c>
      <c r="C217" s="9" t="s">
        <v>450</v>
      </c>
      <c r="D217" s="18">
        <v>1411904770</v>
      </c>
      <c r="E217" s="11">
        <v>46387</v>
      </c>
      <c r="F217" s="9" t="s">
        <v>9</v>
      </c>
      <c r="G217" s="12">
        <v>215</v>
      </c>
      <c r="H217" s="12">
        <f t="shared" si="6"/>
        <v>13</v>
      </c>
      <c r="I217" s="12">
        <f t="shared" si="7"/>
        <v>23</v>
      </c>
    </row>
    <row r="218" spans="1:35" s="5" customFormat="1" ht="27.75" customHeight="1" x14ac:dyDescent="0.4">
      <c r="A218" s="9" t="s">
        <v>137</v>
      </c>
      <c r="B218" s="9" t="s">
        <v>451</v>
      </c>
      <c r="C218" s="9" t="s">
        <v>452</v>
      </c>
      <c r="D218" s="18">
        <v>1411901354</v>
      </c>
      <c r="E218" s="11">
        <v>46387</v>
      </c>
      <c r="F218" s="9" t="s">
        <v>9</v>
      </c>
      <c r="G218" s="5">
        <v>216</v>
      </c>
      <c r="H218" s="12">
        <f t="shared" si="6"/>
        <v>9</v>
      </c>
      <c r="I218" s="12">
        <f t="shared" si="7"/>
        <v>6</v>
      </c>
      <c r="J218" s="12"/>
      <c r="K218" s="12"/>
      <c r="L218" s="12"/>
      <c r="M218" s="12"/>
      <c r="N218" s="12"/>
      <c r="O218" s="12"/>
      <c r="P218" s="12"/>
      <c r="Q218" s="12"/>
      <c r="R218" s="12"/>
      <c r="S218" s="12"/>
      <c r="T218" s="12"/>
      <c r="U218" s="12"/>
      <c r="V218" s="12"/>
      <c r="W218" s="12"/>
      <c r="X218" s="12"/>
      <c r="Y218" s="12"/>
      <c r="Z218" s="12"/>
      <c r="AA218" s="12"/>
      <c r="AB218" s="12"/>
      <c r="AC218" s="12"/>
      <c r="AD218" s="12"/>
      <c r="AE218" s="12"/>
      <c r="AF218" s="12"/>
      <c r="AG218" s="12"/>
      <c r="AH218" s="12"/>
      <c r="AI218" s="12"/>
    </row>
    <row r="219" spans="1:35" s="5" customFormat="1" ht="27.75" customHeight="1" x14ac:dyDescent="0.4">
      <c r="A219" s="9" t="s">
        <v>137</v>
      </c>
      <c r="B219" s="9" t="s">
        <v>453</v>
      </c>
      <c r="C219" s="9" t="s">
        <v>454</v>
      </c>
      <c r="D219" s="18">
        <v>1411905751</v>
      </c>
      <c r="E219" s="11">
        <v>46387</v>
      </c>
      <c r="F219" s="9" t="s">
        <v>9</v>
      </c>
      <c r="G219" s="12">
        <v>217</v>
      </c>
      <c r="H219" s="12">
        <f t="shared" si="6"/>
        <v>22</v>
      </c>
      <c r="I219" s="12">
        <f t="shared" si="7"/>
        <v>9</v>
      </c>
    </row>
    <row r="220" spans="1:35" s="5" customFormat="1" ht="27.75" customHeight="1" x14ac:dyDescent="0.4">
      <c r="A220" s="17" t="s">
        <v>137</v>
      </c>
      <c r="B220" s="19" t="s">
        <v>455</v>
      </c>
      <c r="C220" s="19" t="s">
        <v>456</v>
      </c>
      <c r="D220" s="20">
        <v>1411904754</v>
      </c>
      <c r="E220" s="11">
        <v>46387</v>
      </c>
      <c r="F220" s="9" t="s">
        <v>9</v>
      </c>
      <c r="G220" s="5">
        <v>218</v>
      </c>
      <c r="H220" s="12">
        <f t="shared" si="6"/>
        <v>13</v>
      </c>
      <c r="I220" s="12">
        <f t="shared" si="7"/>
        <v>11</v>
      </c>
    </row>
    <row r="221" spans="1:35" s="5" customFormat="1" ht="27.75" customHeight="1" x14ac:dyDescent="0.4">
      <c r="A221" s="9" t="s">
        <v>137</v>
      </c>
      <c r="B221" s="9" t="s">
        <v>457</v>
      </c>
      <c r="C221" s="9" t="s">
        <v>458</v>
      </c>
      <c r="D221" s="18">
        <v>1411905363</v>
      </c>
      <c r="E221" s="11">
        <v>46387</v>
      </c>
      <c r="F221" s="9" t="s">
        <v>9</v>
      </c>
      <c r="G221" s="12">
        <v>219</v>
      </c>
      <c r="H221" s="12">
        <f t="shared" si="6"/>
        <v>12</v>
      </c>
      <c r="I221" s="12">
        <f t="shared" si="7"/>
        <v>15</v>
      </c>
    </row>
    <row r="222" spans="1:35" s="5" customFormat="1" ht="27.75" customHeight="1" x14ac:dyDescent="0.4">
      <c r="A222" s="9" t="s">
        <v>137</v>
      </c>
      <c r="B222" s="9" t="s">
        <v>459</v>
      </c>
      <c r="C222" s="9" t="s">
        <v>460</v>
      </c>
      <c r="D222" s="18">
        <v>1411910447</v>
      </c>
      <c r="E222" s="11">
        <v>46996</v>
      </c>
      <c r="F222" s="9" t="s">
        <v>9</v>
      </c>
      <c r="G222" s="5">
        <v>220</v>
      </c>
      <c r="H222" s="12">
        <f t="shared" si="6"/>
        <v>11</v>
      </c>
      <c r="I222" s="12">
        <f t="shared" si="7"/>
        <v>6</v>
      </c>
    </row>
    <row r="223" spans="1:35" s="5" customFormat="1" ht="27.75" customHeight="1" x14ac:dyDescent="0.4">
      <c r="A223" s="9" t="s">
        <v>137</v>
      </c>
      <c r="B223" s="9" t="s">
        <v>461</v>
      </c>
      <c r="C223" s="9" t="s">
        <v>462</v>
      </c>
      <c r="D223" s="18">
        <v>1412010734</v>
      </c>
      <c r="E223" s="11">
        <v>47118</v>
      </c>
      <c r="F223" s="9" t="s">
        <v>20</v>
      </c>
      <c r="G223" s="12">
        <v>221</v>
      </c>
      <c r="H223" s="12">
        <f t="shared" si="6"/>
        <v>25</v>
      </c>
      <c r="I223" s="12">
        <f t="shared" si="7"/>
        <v>7</v>
      </c>
    </row>
    <row r="224" spans="1:35" s="5" customFormat="1" ht="27.75" customHeight="1" x14ac:dyDescent="0.4">
      <c r="A224" s="9" t="s">
        <v>137</v>
      </c>
      <c r="B224" s="9" t="s">
        <v>463</v>
      </c>
      <c r="C224" s="9" t="s">
        <v>464</v>
      </c>
      <c r="D224" s="18">
        <v>1412010692</v>
      </c>
      <c r="E224" s="11">
        <v>46934</v>
      </c>
      <c r="F224" s="9" t="s">
        <v>20</v>
      </c>
      <c r="G224" s="5">
        <v>222</v>
      </c>
      <c r="H224" s="12">
        <f t="shared" si="6"/>
        <v>29</v>
      </c>
      <c r="I224" s="12">
        <f t="shared" si="7"/>
        <v>11</v>
      </c>
    </row>
    <row r="225" spans="1:35" s="5" customFormat="1" ht="27.75" customHeight="1" x14ac:dyDescent="0.4">
      <c r="A225" s="9" t="s">
        <v>137</v>
      </c>
      <c r="B225" s="9" t="s">
        <v>465</v>
      </c>
      <c r="C225" s="9" t="s">
        <v>466</v>
      </c>
      <c r="D225" s="18">
        <v>1412010221</v>
      </c>
      <c r="E225" s="11">
        <v>46721</v>
      </c>
      <c r="F225" s="9" t="s">
        <v>20</v>
      </c>
      <c r="G225" s="12">
        <v>223</v>
      </c>
      <c r="H225" s="12">
        <f t="shared" si="6"/>
        <v>10</v>
      </c>
      <c r="I225" s="12">
        <f t="shared" si="7"/>
        <v>20</v>
      </c>
    </row>
    <row r="226" spans="1:35" s="5" customFormat="1" ht="27.75" customHeight="1" x14ac:dyDescent="0.4">
      <c r="A226" s="9" t="s">
        <v>137</v>
      </c>
      <c r="B226" s="14" t="s">
        <v>467</v>
      </c>
      <c r="C226" s="9" t="s">
        <v>468</v>
      </c>
      <c r="D226" s="18">
        <v>1412003903</v>
      </c>
      <c r="E226" s="11">
        <v>46387</v>
      </c>
      <c r="F226" s="9" t="s">
        <v>20</v>
      </c>
      <c r="G226" s="5">
        <v>224</v>
      </c>
      <c r="H226" s="12">
        <f t="shared" si="6"/>
        <v>9</v>
      </c>
      <c r="I226" s="12">
        <f t="shared" si="7"/>
        <v>16</v>
      </c>
    </row>
    <row r="227" spans="1:35" s="5" customFormat="1" ht="27.75" customHeight="1" x14ac:dyDescent="0.4">
      <c r="A227" s="9" t="s">
        <v>137</v>
      </c>
      <c r="B227" s="13" t="s">
        <v>469</v>
      </c>
      <c r="C227" s="13" t="s">
        <v>470</v>
      </c>
      <c r="D227" s="18">
        <v>1412002699</v>
      </c>
      <c r="E227" s="11">
        <v>47208</v>
      </c>
      <c r="F227" s="9" t="s">
        <v>20</v>
      </c>
      <c r="G227" s="12">
        <v>225</v>
      </c>
      <c r="H227" s="12">
        <f t="shared" si="6"/>
        <v>12</v>
      </c>
      <c r="I227" s="12">
        <f t="shared" si="7"/>
        <v>20</v>
      </c>
    </row>
    <row r="228" spans="1:35" s="5" customFormat="1" ht="27.75" customHeight="1" x14ac:dyDescent="0.4">
      <c r="A228" s="9" t="s">
        <v>137</v>
      </c>
      <c r="B228" s="9" t="s">
        <v>471</v>
      </c>
      <c r="C228" s="9" t="s">
        <v>472</v>
      </c>
      <c r="D228" s="18">
        <v>1412010098</v>
      </c>
      <c r="E228" s="11">
        <v>48426</v>
      </c>
      <c r="F228" s="9" t="s">
        <v>20</v>
      </c>
      <c r="G228" s="5">
        <v>226</v>
      </c>
      <c r="H228" s="12">
        <f t="shared" si="6"/>
        <v>22</v>
      </c>
      <c r="I228" s="12">
        <f t="shared" si="7"/>
        <v>21</v>
      </c>
    </row>
    <row r="229" spans="1:35" s="5" customFormat="1" ht="27.75" customHeight="1" x14ac:dyDescent="0.4">
      <c r="A229" s="9" t="s">
        <v>137</v>
      </c>
      <c r="B229" s="9" t="s">
        <v>473</v>
      </c>
      <c r="C229" s="9" t="s">
        <v>474</v>
      </c>
      <c r="D229" s="18">
        <v>1412011005</v>
      </c>
      <c r="E229" s="11">
        <v>48182</v>
      </c>
      <c r="F229" s="9" t="s">
        <v>20</v>
      </c>
      <c r="G229" s="12">
        <v>227</v>
      </c>
      <c r="H229" s="12">
        <f t="shared" si="6"/>
        <v>24</v>
      </c>
      <c r="I229" s="12">
        <f t="shared" si="7"/>
        <v>14</v>
      </c>
    </row>
    <row r="230" spans="1:35" s="5" customFormat="1" ht="27.75" customHeight="1" x14ac:dyDescent="0.4">
      <c r="A230" s="9" t="s">
        <v>137</v>
      </c>
      <c r="B230" s="9" t="s">
        <v>475</v>
      </c>
      <c r="C230" s="9" t="s">
        <v>476</v>
      </c>
      <c r="D230" s="18">
        <v>1412003861</v>
      </c>
      <c r="E230" s="11">
        <v>46387</v>
      </c>
      <c r="F230" s="9" t="s">
        <v>20</v>
      </c>
      <c r="G230" s="5">
        <v>228</v>
      </c>
      <c r="H230" s="12">
        <f t="shared" si="6"/>
        <v>10</v>
      </c>
      <c r="I230" s="12">
        <f t="shared" si="7"/>
        <v>4</v>
      </c>
    </row>
    <row r="231" spans="1:35" s="5" customFormat="1" ht="27.75" customHeight="1" x14ac:dyDescent="0.4">
      <c r="A231" s="9" t="s">
        <v>137</v>
      </c>
      <c r="B231" s="9" t="s">
        <v>477</v>
      </c>
      <c r="C231" s="9" t="s">
        <v>478</v>
      </c>
      <c r="D231" s="18">
        <v>1412010684</v>
      </c>
      <c r="E231" s="11">
        <v>46904</v>
      </c>
      <c r="F231" s="9" t="s">
        <v>20</v>
      </c>
      <c r="G231" s="12">
        <v>229</v>
      </c>
      <c r="H231" s="12">
        <f t="shared" si="6"/>
        <v>9</v>
      </c>
      <c r="I231" s="12">
        <f t="shared" si="7"/>
        <v>4</v>
      </c>
    </row>
    <row r="232" spans="1:35" s="5" customFormat="1" ht="27.75" customHeight="1" x14ac:dyDescent="0.4">
      <c r="A232" s="9" t="s">
        <v>137</v>
      </c>
      <c r="B232" s="9" t="s">
        <v>479</v>
      </c>
      <c r="C232" s="9" t="s">
        <v>480</v>
      </c>
      <c r="D232" s="18">
        <v>1412010569</v>
      </c>
      <c r="E232" s="11">
        <v>48487</v>
      </c>
      <c r="F232" s="9" t="s">
        <v>20</v>
      </c>
      <c r="G232" s="5">
        <v>230</v>
      </c>
      <c r="H232" s="12">
        <f t="shared" si="6"/>
        <v>20</v>
      </c>
      <c r="I232" s="12">
        <f t="shared" si="7"/>
        <v>13</v>
      </c>
      <c r="J232" s="12"/>
      <c r="K232" s="12"/>
      <c r="L232" s="12"/>
      <c r="M232" s="12"/>
      <c r="N232" s="12"/>
      <c r="O232" s="12"/>
      <c r="P232" s="12"/>
      <c r="Q232" s="12"/>
      <c r="R232" s="12"/>
      <c r="S232" s="12"/>
      <c r="T232" s="12"/>
      <c r="U232" s="12"/>
      <c r="V232" s="12"/>
      <c r="W232" s="12"/>
      <c r="X232" s="12"/>
      <c r="Y232" s="12"/>
      <c r="Z232" s="12"/>
      <c r="AA232" s="12"/>
      <c r="AB232" s="12"/>
      <c r="AC232" s="12"/>
      <c r="AD232" s="12"/>
      <c r="AE232" s="12"/>
      <c r="AF232" s="12"/>
      <c r="AG232" s="12"/>
      <c r="AH232" s="12"/>
      <c r="AI232" s="12"/>
    </row>
    <row r="233" spans="1:35" s="5" customFormat="1" ht="27.75" customHeight="1" x14ac:dyDescent="0.4">
      <c r="A233" s="9" t="s">
        <v>137</v>
      </c>
      <c r="B233" s="9" t="s">
        <v>481</v>
      </c>
      <c r="C233" s="9" t="s">
        <v>482</v>
      </c>
      <c r="D233" s="23">
        <v>1412010304</v>
      </c>
      <c r="E233" s="11">
        <v>47299</v>
      </c>
      <c r="F233" s="9" t="s">
        <v>20</v>
      </c>
      <c r="G233" s="12">
        <v>231</v>
      </c>
      <c r="H233" s="12">
        <f t="shared" si="6"/>
        <v>11</v>
      </c>
      <c r="I233" s="12">
        <f t="shared" si="7"/>
        <v>28</v>
      </c>
    </row>
    <row r="234" spans="1:35" s="5" customFormat="1" ht="27.75" customHeight="1" x14ac:dyDescent="0.4">
      <c r="A234" s="9" t="s">
        <v>137</v>
      </c>
      <c r="B234" s="13" t="s">
        <v>483</v>
      </c>
      <c r="C234" s="9" t="s">
        <v>484</v>
      </c>
      <c r="D234" s="18">
        <v>1412002574</v>
      </c>
      <c r="E234" s="11">
        <v>46387</v>
      </c>
      <c r="F234" s="9" t="s">
        <v>20</v>
      </c>
      <c r="G234" s="5">
        <v>232</v>
      </c>
      <c r="H234" s="12">
        <f t="shared" si="6"/>
        <v>9</v>
      </c>
      <c r="I234" s="12">
        <f t="shared" si="7"/>
        <v>12</v>
      </c>
    </row>
    <row r="235" spans="1:35" s="5" customFormat="1" ht="27.75" customHeight="1" x14ac:dyDescent="0.4">
      <c r="A235" s="9" t="s">
        <v>137</v>
      </c>
      <c r="B235" s="14" t="s">
        <v>485</v>
      </c>
      <c r="C235" s="9" t="s">
        <v>486</v>
      </c>
      <c r="D235" s="18">
        <v>1412002681</v>
      </c>
      <c r="E235" s="11">
        <v>46387</v>
      </c>
      <c r="F235" s="9" t="s">
        <v>20</v>
      </c>
      <c r="G235" s="12">
        <v>233</v>
      </c>
      <c r="H235" s="12">
        <f t="shared" si="6"/>
        <v>11</v>
      </c>
      <c r="I235" s="12">
        <f t="shared" si="7"/>
        <v>4</v>
      </c>
    </row>
    <row r="236" spans="1:35" s="5" customFormat="1" ht="27.75" customHeight="1" x14ac:dyDescent="0.4">
      <c r="A236" s="9" t="s">
        <v>137</v>
      </c>
      <c r="B236" s="9" t="s">
        <v>487</v>
      </c>
      <c r="C236" s="9" t="s">
        <v>488</v>
      </c>
      <c r="D236" s="18">
        <v>1412003978</v>
      </c>
      <c r="E236" s="11">
        <v>46387</v>
      </c>
      <c r="F236" s="9" t="s">
        <v>20</v>
      </c>
      <c r="G236" s="5">
        <v>234</v>
      </c>
      <c r="H236" s="12">
        <f t="shared" si="6"/>
        <v>14</v>
      </c>
      <c r="I236" s="12">
        <f t="shared" si="7"/>
        <v>22</v>
      </c>
    </row>
    <row r="237" spans="1:35" s="5" customFormat="1" ht="27.75" customHeight="1" x14ac:dyDescent="0.4">
      <c r="A237" s="9" t="s">
        <v>137</v>
      </c>
      <c r="B237" s="9" t="s">
        <v>489</v>
      </c>
      <c r="C237" s="9" t="s">
        <v>490</v>
      </c>
      <c r="D237" s="18">
        <v>1412003531</v>
      </c>
      <c r="E237" s="11">
        <v>46387</v>
      </c>
      <c r="F237" s="9" t="s">
        <v>20</v>
      </c>
      <c r="G237" s="12">
        <v>235</v>
      </c>
      <c r="H237" s="12">
        <f t="shared" si="6"/>
        <v>15</v>
      </c>
      <c r="I237" s="12">
        <f t="shared" si="7"/>
        <v>14</v>
      </c>
      <c r="J237" s="12"/>
      <c r="K237" s="12"/>
      <c r="L237" s="12"/>
      <c r="M237" s="12"/>
      <c r="N237" s="12"/>
      <c r="O237" s="12"/>
      <c r="P237" s="12"/>
      <c r="Q237" s="12"/>
      <c r="R237" s="12"/>
      <c r="S237" s="12"/>
      <c r="T237" s="12"/>
      <c r="U237" s="12"/>
      <c r="V237" s="12"/>
      <c r="W237" s="12"/>
      <c r="X237" s="12"/>
      <c r="Y237" s="12"/>
      <c r="Z237" s="12"/>
      <c r="AA237" s="12"/>
      <c r="AB237" s="12"/>
      <c r="AC237" s="12"/>
      <c r="AD237" s="12"/>
      <c r="AE237" s="12"/>
      <c r="AF237" s="12"/>
      <c r="AG237" s="12"/>
      <c r="AH237" s="12"/>
      <c r="AI237" s="12"/>
    </row>
    <row r="238" spans="1:35" s="5" customFormat="1" ht="27.75" customHeight="1" x14ac:dyDescent="0.4">
      <c r="A238" s="9" t="s">
        <v>137</v>
      </c>
      <c r="B238" s="9" t="s">
        <v>491</v>
      </c>
      <c r="C238" s="9" t="s">
        <v>492</v>
      </c>
      <c r="D238" s="18">
        <v>1412010965</v>
      </c>
      <c r="E238" s="11">
        <v>47968</v>
      </c>
      <c r="F238" s="9" t="s">
        <v>20</v>
      </c>
      <c r="G238" s="5">
        <v>236</v>
      </c>
      <c r="H238" s="12">
        <f t="shared" si="6"/>
        <v>12</v>
      </c>
      <c r="I238" s="12">
        <f t="shared" si="7"/>
        <v>13</v>
      </c>
    </row>
    <row r="239" spans="1:35" s="5" customFormat="1" ht="27.75" customHeight="1" x14ac:dyDescent="0.4">
      <c r="A239" s="9" t="s">
        <v>137</v>
      </c>
      <c r="B239" s="9" t="s">
        <v>493</v>
      </c>
      <c r="C239" s="9" t="s">
        <v>494</v>
      </c>
      <c r="D239" s="18">
        <v>1412003960</v>
      </c>
      <c r="E239" s="11">
        <v>46387</v>
      </c>
      <c r="F239" s="9" t="s">
        <v>20</v>
      </c>
      <c r="G239" s="12">
        <v>237</v>
      </c>
      <c r="H239" s="12">
        <f t="shared" si="6"/>
        <v>10</v>
      </c>
      <c r="I239" s="12">
        <f t="shared" si="7"/>
        <v>6</v>
      </c>
    </row>
    <row r="240" spans="1:35" s="5" customFormat="1" ht="27.75" customHeight="1" x14ac:dyDescent="0.4">
      <c r="A240" s="9" t="s">
        <v>137</v>
      </c>
      <c r="B240" s="13" t="s">
        <v>495</v>
      </c>
      <c r="C240" s="13" t="s">
        <v>496</v>
      </c>
      <c r="D240" s="18">
        <v>1412010312</v>
      </c>
      <c r="E240" s="11">
        <v>47542</v>
      </c>
      <c r="F240" s="9" t="s">
        <v>20</v>
      </c>
      <c r="G240" s="5">
        <v>238</v>
      </c>
      <c r="H240" s="12">
        <f t="shared" si="6"/>
        <v>10</v>
      </c>
      <c r="I240" s="12">
        <f t="shared" si="7"/>
        <v>4</v>
      </c>
    </row>
    <row r="241" spans="1:35" s="5" customFormat="1" ht="27.75" customHeight="1" x14ac:dyDescent="0.4">
      <c r="A241" s="9" t="s">
        <v>137</v>
      </c>
      <c r="B241" s="9" t="s">
        <v>497</v>
      </c>
      <c r="C241" s="9" t="s">
        <v>498</v>
      </c>
      <c r="D241" s="18">
        <v>1412003937</v>
      </c>
      <c r="E241" s="11">
        <v>46387</v>
      </c>
      <c r="F241" s="9" t="s">
        <v>20</v>
      </c>
      <c r="G241" s="12">
        <v>239</v>
      </c>
      <c r="H241" s="12">
        <f t="shared" si="6"/>
        <v>16</v>
      </c>
      <c r="I241" s="12">
        <f t="shared" si="7"/>
        <v>10</v>
      </c>
    </row>
    <row r="242" spans="1:35" s="5" customFormat="1" ht="27.75" customHeight="1" x14ac:dyDescent="0.4">
      <c r="A242" s="9" t="s">
        <v>137</v>
      </c>
      <c r="B242" s="9" t="s">
        <v>499</v>
      </c>
      <c r="C242" s="9" t="s">
        <v>6429</v>
      </c>
      <c r="D242" s="18">
        <v>1412010973</v>
      </c>
      <c r="E242" s="11">
        <v>48029</v>
      </c>
      <c r="F242" s="9" t="s">
        <v>20</v>
      </c>
      <c r="G242" s="5">
        <v>240</v>
      </c>
      <c r="H242" s="12">
        <f t="shared" si="6"/>
        <v>17</v>
      </c>
      <c r="I242" s="12">
        <f t="shared" si="7"/>
        <v>9</v>
      </c>
    </row>
    <row r="243" spans="1:35" s="5" customFormat="1" ht="27.75" customHeight="1" x14ac:dyDescent="0.4">
      <c r="A243" s="9" t="s">
        <v>137</v>
      </c>
      <c r="B243" s="9" t="s">
        <v>500</v>
      </c>
      <c r="C243" s="9" t="s">
        <v>501</v>
      </c>
      <c r="D243" s="18">
        <v>1412002897</v>
      </c>
      <c r="E243" s="11">
        <v>47026</v>
      </c>
      <c r="F243" s="9" t="s">
        <v>20</v>
      </c>
      <c r="G243" s="12">
        <v>241</v>
      </c>
      <c r="H243" s="12">
        <f t="shared" si="6"/>
        <v>28</v>
      </c>
      <c r="I243" s="12">
        <f t="shared" si="7"/>
        <v>9</v>
      </c>
    </row>
    <row r="244" spans="1:35" s="5" customFormat="1" ht="27.75" customHeight="1" x14ac:dyDescent="0.4">
      <c r="A244" s="9" t="s">
        <v>137</v>
      </c>
      <c r="B244" s="13" t="s">
        <v>502</v>
      </c>
      <c r="C244" s="13" t="s">
        <v>503</v>
      </c>
      <c r="D244" s="18">
        <v>1412001964</v>
      </c>
      <c r="E244" s="11">
        <v>46387</v>
      </c>
      <c r="F244" s="9" t="s">
        <v>20</v>
      </c>
      <c r="G244" s="5">
        <v>242</v>
      </c>
      <c r="H244" s="12">
        <f t="shared" si="6"/>
        <v>10</v>
      </c>
      <c r="I244" s="12">
        <f t="shared" si="7"/>
        <v>13</v>
      </c>
    </row>
    <row r="245" spans="1:35" s="5" customFormat="1" ht="27.75" customHeight="1" x14ac:dyDescent="0.4">
      <c r="A245" s="9" t="s">
        <v>137</v>
      </c>
      <c r="B245" s="13" t="s">
        <v>504</v>
      </c>
      <c r="C245" s="13" t="s">
        <v>505</v>
      </c>
      <c r="D245" s="18">
        <v>1412011047</v>
      </c>
      <c r="E245" s="11">
        <v>48365</v>
      </c>
      <c r="F245" s="9" t="s">
        <v>20</v>
      </c>
      <c r="G245" s="12">
        <v>243</v>
      </c>
      <c r="H245" s="12">
        <f t="shared" si="6"/>
        <v>12</v>
      </c>
      <c r="I245" s="12">
        <f t="shared" si="7"/>
        <v>10</v>
      </c>
    </row>
    <row r="246" spans="1:35" s="5" customFormat="1" ht="27.75" customHeight="1" x14ac:dyDescent="0.4">
      <c r="A246" s="9" t="s">
        <v>137</v>
      </c>
      <c r="B246" s="9" t="s">
        <v>506</v>
      </c>
      <c r="C246" s="9" t="s">
        <v>507</v>
      </c>
      <c r="D246" s="18">
        <v>1412003291</v>
      </c>
      <c r="E246" s="11">
        <v>46387</v>
      </c>
      <c r="F246" s="9" t="s">
        <v>20</v>
      </c>
      <c r="G246" s="5">
        <v>244</v>
      </c>
      <c r="H246" s="12">
        <f t="shared" si="6"/>
        <v>8</v>
      </c>
      <c r="I246" s="12">
        <f t="shared" si="7"/>
        <v>16</v>
      </c>
      <c r="J246" s="12"/>
      <c r="K246" s="12"/>
      <c r="L246" s="12"/>
      <c r="M246" s="12"/>
      <c r="N246" s="12"/>
      <c r="O246" s="12"/>
      <c r="P246" s="12"/>
      <c r="Q246" s="12"/>
      <c r="R246" s="12"/>
      <c r="S246" s="12"/>
      <c r="T246" s="12"/>
      <c r="U246" s="12"/>
      <c r="V246" s="12"/>
      <c r="W246" s="12"/>
      <c r="X246" s="12"/>
      <c r="Y246" s="12"/>
      <c r="Z246" s="12"/>
      <c r="AA246" s="12"/>
      <c r="AB246" s="12"/>
      <c r="AC246" s="12"/>
      <c r="AD246" s="12"/>
      <c r="AE246" s="12"/>
      <c r="AF246" s="12"/>
      <c r="AG246" s="12"/>
      <c r="AH246" s="12"/>
      <c r="AI246" s="12"/>
    </row>
    <row r="247" spans="1:35" s="5" customFormat="1" ht="27.75" customHeight="1" x14ac:dyDescent="0.4">
      <c r="A247" s="9" t="s">
        <v>137</v>
      </c>
      <c r="B247" s="14" t="s">
        <v>508</v>
      </c>
      <c r="C247" s="9" t="s">
        <v>509</v>
      </c>
      <c r="D247" s="18">
        <v>1412003929</v>
      </c>
      <c r="E247" s="11">
        <v>46387</v>
      </c>
      <c r="F247" s="9" t="s">
        <v>20</v>
      </c>
      <c r="G247" s="12">
        <v>245</v>
      </c>
      <c r="H247" s="12">
        <f t="shared" si="6"/>
        <v>12</v>
      </c>
      <c r="I247" s="12">
        <f t="shared" si="7"/>
        <v>10</v>
      </c>
      <c r="J247" s="12"/>
      <c r="K247" s="12"/>
      <c r="L247" s="12"/>
      <c r="M247" s="12"/>
      <c r="N247" s="12"/>
      <c r="O247" s="12"/>
      <c r="P247" s="12"/>
      <c r="Q247" s="12"/>
      <c r="R247" s="12"/>
      <c r="S247" s="12"/>
      <c r="T247" s="12"/>
      <c r="U247" s="12"/>
      <c r="V247" s="12"/>
      <c r="W247" s="12"/>
      <c r="X247" s="12"/>
      <c r="Y247" s="12"/>
      <c r="Z247" s="12"/>
      <c r="AA247" s="12"/>
      <c r="AB247" s="12"/>
      <c r="AC247" s="12"/>
      <c r="AD247" s="12"/>
      <c r="AE247" s="12"/>
      <c r="AF247" s="12"/>
      <c r="AG247" s="12"/>
      <c r="AH247" s="12"/>
      <c r="AI247" s="12"/>
    </row>
    <row r="248" spans="1:35" s="5" customFormat="1" ht="27.75" customHeight="1" x14ac:dyDescent="0.4">
      <c r="A248" s="9" t="s">
        <v>137</v>
      </c>
      <c r="B248" s="9" t="s">
        <v>510</v>
      </c>
      <c r="C248" s="9" t="s">
        <v>511</v>
      </c>
      <c r="D248" s="18">
        <v>1412010254</v>
      </c>
      <c r="E248" s="11">
        <v>47452</v>
      </c>
      <c r="F248" s="9" t="s">
        <v>20</v>
      </c>
      <c r="G248" s="5">
        <v>246</v>
      </c>
      <c r="H248" s="12">
        <f t="shared" si="6"/>
        <v>15</v>
      </c>
      <c r="I248" s="12">
        <f t="shared" si="7"/>
        <v>9</v>
      </c>
    </row>
    <row r="249" spans="1:35" s="5" customFormat="1" ht="27.75" customHeight="1" x14ac:dyDescent="0.4">
      <c r="A249" s="9" t="s">
        <v>137</v>
      </c>
      <c r="B249" s="9" t="s">
        <v>512</v>
      </c>
      <c r="C249" s="9" t="s">
        <v>513</v>
      </c>
      <c r="D249" s="18">
        <v>1412010668</v>
      </c>
      <c r="E249" s="11">
        <v>46752</v>
      </c>
      <c r="F249" s="9" t="s">
        <v>20</v>
      </c>
      <c r="G249" s="12">
        <v>247</v>
      </c>
      <c r="H249" s="12">
        <f t="shared" si="6"/>
        <v>13</v>
      </c>
      <c r="I249" s="12">
        <f t="shared" si="7"/>
        <v>11</v>
      </c>
    </row>
    <row r="250" spans="1:35" s="25" customFormat="1" ht="27.75" customHeight="1" x14ac:dyDescent="0.4">
      <c r="A250" s="9" t="s">
        <v>137</v>
      </c>
      <c r="B250" s="9" t="s">
        <v>514</v>
      </c>
      <c r="C250" s="9" t="s">
        <v>515</v>
      </c>
      <c r="D250" s="18">
        <v>1412010825</v>
      </c>
      <c r="E250" s="11">
        <v>47603</v>
      </c>
      <c r="F250" s="9" t="s">
        <v>20</v>
      </c>
      <c r="G250" s="5">
        <v>248</v>
      </c>
      <c r="H250" s="12">
        <f t="shared" si="6"/>
        <v>26</v>
      </c>
      <c r="I250" s="12">
        <f t="shared" si="7"/>
        <v>21</v>
      </c>
      <c r="J250" s="5"/>
      <c r="K250" s="5"/>
      <c r="L250" s="5"/>
      <c r="M250" s="5"/>
      <c r="N250" s="5"/>
      <c r="O250" s="5"/>
      <c r="P250" s="5"/>
      <c r="Q250" s="5"/>
      <c r="R250" s="5"/>
      <c r="S250" s="5"/>
      <c r="T250" s="5"/>
      <c r="U250" s="5"/>
      <c r="V250" s="5"/>
      <c r="W250" s="5"/>
      <c r="X250" s="5"/>
      <c r="Y250" s="5"/>
      <c r="Z250" s="5"/>
      <c r="AA250" s="5"/>
      <c r="AB250" s="5"/>
      <c r="AC250" s="5"/>
      <c r="AD250" s="5"/>
      <c r="AE250" s="5"/>
      <c r="AF250" s="5"/>
      <c r="AG250" s="5"/>
      <c r="AH250" s="5"/>
      <c r="AI250" s="5"/>
    </row>
    <row r="251" spans="1:35" s="5" customFormat="1" ht="27.75" customHeight="1" x14ac:dyDescent="0.4">
      <c r="A251" s="17" t="s">
        <v>137</v>
      </c>
      <c r="B251" s="13" t="s">
        <v>516</v>
      </c>
      <c r="C251" s="13" t="s">
        <v>517</v>
      </c>
      <c r="D251" s="18">
        <v>1412003598</v>
      </c>
      <c r="E251" s="11">
        <v>46873</v>
      </c>
      <c r="F251" s="9" t="s">
        <v>20</v>
      </c>
      <c r="G251" s="12">
        <v>249</v>
      </c>
      <c r="H251" s="12">
        <f t="shared" si="6"/>
        <v>12</v>
      </c>
      <c r="I251" s="12">
        <f t="shared" si="7"/>
        <v>13</v>
      </c>
      <c r="J251" s="12"/>
      <c r="K251" s="12"/>
      <c r="L251" s="12"/>
      <c r="M251" s="12"/>
      <c r="N251" s="12"/>
      <c r="O251" s="12"/>
      <c r="P251" s="12"/>
      <c r="Q251" s="12"/>
      <c r="R251" s="12"/>
      <c r="S251" s="12"/>
      <c r="T251" s="12"/>
      <c r="U251" s="12"/>
      <c r="V251" s="12"/>
      <c r="W251" s="12"/>
      <c r="X251" s="12"/>
      <c r="Y251" s="12"/>
      <c r="Z251" s="12"/>
      <c r="AA251" s="12"/>
      <c r="AB251" s="12"/>
      <c r="AC251" s="12"/>
      <c r="AD251" s="12"/>
      <c r="AE251" s="12"/>
      <c r="AF251" s="12"/>
      <c r="AG251" s="12"/>
      <c r="AH251" s="12"/>
      <c r="AI251" s="12"/>
    </row>
    <row r="252" spans="1:35" s="5" customFormat="1" ht="27.75" customHeight="1" x14ac:dyDescent="0.4">
      <c r="A252" s="9" t="s">
        <v>137</v>
      </c>
      <c r="B252" s="9" t="s">
        <v>518</v>
      </c>
      <c r="C252" s="9" t="s">
        <v>519</v>
      </c>
      <c r="D252" s="18">
        <v>1412001055</v>
      </c>
      <c r="E252" s="11">
        <v>46387</v>
      </c>
      <c r="F252" s="9" t="s">
        <v>20</v>
      </c>
      <c r="G252" s="5">
        <v>250</v>
      </c>
      <c r="H252" s="12">
        <f t="shared" si="6"/>
        <v>10</v>
      </c>
      <c r="I252" s="12">
        <f t="shared" si="7"/>
        <v>12</v>
      </c>
    </row>
    <row r="253" spans="1:35" s="5" customFormat="1" ht="27.75" customHeight="1" x14ac:dyDescent="0.4">
      <c r="A253" s="9" t="s">
        <v>137</v>
      </c>
      <c r="B253" s="9" t="s">
        <v>520</v>
      </c>
      <c r="C253" s="9" t="s">
        <v>521</v>
      </c>
      <c r="D253" s="18">
        <v>1412001857</v>
      </c>
      <c r="E253" s="11">
        <v>46387</v>
      </c>
      <c r="F253" s="9" t="s">
        <v>20</v>
      </c>
      <c r="G253" s="12">
        <v>251</v>
      </c>
      <c r="H253" s="12">
        <f t="shared" si="6"/>
        <v>8</v>
      </c>
      <c r="I253" s="12">
        <f t="shared" si="7"/>
        <v>16</v>
      </c>
    </row>
    <row r="254" spans="1:35" s="5" customFormat="1" ht="27.75" customHeight="1" x14ac:dyDescent="0.4">
      <c r="A254" s="9" t="s">
        <v>137</v>
      </c>
      <c r="B254" s="13" t="s">
        <v>522</v>
      </c>
      <c r="C254" s="9" t="s">
        <v>523</v>
      </c>
      <c r="D254" s="18">
        <v>1412002327</v>
      </c>
      <c r="E254" s="11">
        <v>46387</v>
      </c>
      <c r="F254" s="9" t="s">
        <v>20</v>
      </c>
      <c r="G254" s="5">
        <v>252</v>
      </c>
      <c r="H254" s="12">
        <f t="shared" si="6"/>
        <v>12</v>
      </c>
      <c r="I254" s="12">
        <f t="shared" si="7"/>
        <v>11</v>
      </c>
    </row>
    <row r="255" spans="1:35" s="5" customFormat="1" ht="27.75" customHeight="1" x14ac:dyDescent="0.4">
      <c r="A255" s="9" t="s">
        <v>137</v>
      </c>
      <c r="B255" s="9" t="s">
        <v>524</v>
      </c>
      <c r="C255" s="9" t="s">
        <v>525</v>
      </c>
      <c r="D255" s="18">
        <v>1412003853</v>
      </c>
      <c r="E255" s="11">
        <v>46387</v>
      </c>
      <c r="F255" s="9" t="s">
        <v>20</v>
      </c>
      <c r="G255" s="12">
        <v>253</v>
      </c>
      <c r="H255" s="12">
        <f t="shared" si="6"/>
        <v>11</v>
      </c>
      <c r="I255" s="12">
        <f t="shared" si="7"/>
        <v>9</v>
      </c>
    </row>
    <row r="256" spans="1:35" s="5" customFormat="1" ht="27.75" customHeight="1" x14ac:dyDescent="0.4">
      <c r="A256" s="9" t="s">
        <v>137</v>
      </c>
      <c r="B256" s="9" t="s">
        <v>526</v>
      </c>
      <c r="C256" s="9" t="s">
        <v>527</v>
      </c>
      <c r="D256" s="18">
        <v>1412010536</v>
      </c>
      <c r="E256" s="11">
        <v>48395</v>
      </c>
      <c r="F256" s="9" t="s">
        <v>20</v>
      </c>
      <c r="G256" s="5">
        <v>254</v>
      </c>
      <c r="H256" s="12">
        <f t="shared" si="6"/>
        <v>19</v>
      </c>
      <c r="I256" s="12">
        <f t="shared" si="7"/>
        <v>21</v>
      </c>
    </row>
    <row r="257" spans="1:35" s="5" customFormat="1" ht="27.75" customHeight="1" x14ac:dyDescent="0.4">
      <c r="A257" s="9" t="s">
        <v>137</v>
      </c>
      <c r="B257" s="9" t="s">
        <v>528</v>
      </c>
      <c r="C257" s="9" t="s">
        <v>529</v>
      </c>
      <c r="D257" s="18">
        <v>1412003549</v>
      </c>
      <c r="E257" s="11">
        <v>46387</v>
      </c>
      <c r="F257" s="9" t="s">
        <v>20</v>
      </c>
      <c r="G257" s="12">
        <v>255</v>
      </c>
      <c r="H257" s="12">
        <f t="shared" si="6"/>
        <v>10</v>
      </c>
      <c r="I257" s="12">
        <f t="shared" si="7"/>
        <v>21</v>
      </c>
    </row>
    <row r="258" spans="1:35" s="5" customFormat="1" ht="27.75" customHeight="1" x14ac:dyDescent="0.4">
      <c r="A258" s="9" t="s">
        <v>137</v>
      </c>
      <c r="B258" s="9" t="s">
        <v>530</v>
      </c>
      <c r="C258" s="9" t="s">
        <v>531</v>
      </c>
      <c r="D258" s="18">
        <v>1412002103</v>
      </c>
      <c r="E258" s="11">
        <v>46387</v>
      </c>
      <c r="F258" s="9" t="s">
        <v>20</v>
      </c>
      <c r="G258" s="5">
        <v>256</v>
      </c>
      <c r="H258" s="12">
        <f t="shared" si="6"/>
        <v>11</v>
      </c>
      <c r="I258" s="12">
        <f t="shared" si="7"/>
        <v>19</v>
      </c>
    </row>
    <row r="259" spans="1:35" s="5" customFormat="1" ht="27.75" customHeight="1" x14ac:dyDescent="0.4">
      <c r="A259" s="9" t="s">
        <v>137</v>
      </c>
      <c r="B259" s="9" t="s">
        <v>532</v>
      </c>
      <c r="C259" s="9" t="s">
        <v>533</v>
      </c>
      <c r="D259" s="18">
        <v>1412003143</v>
      </c>
      <c r="E259" s="11">
        <v>46387</v>
      </c>
      <c r="F259" s="9" t="s">
        <v>20</v>
      </c>
      <c r="G259" s="12">
        <v>257</v>
      </c>
      <c r="H259" s="12">
        <f t="shared" si="6"/>
        <v>21</v>
      </c>
      <c r="I259" s="12">
        <f t="shared" si="7"/>
        <v>7</v>
      </c>
      <c r="J259" s="12"/>
      <c r="K259" s="12"/>
      <c r="L259" s="12"/>
      <c r="M259" s="12"/>
      <c r="N259" s="12"/>
      <c r="O259" s="12"/>
      <c r="P259" s="12"/>
      <c r="Q259" s="12"/>
      <c r="R259" s="12"/>
      <c r="S259" s="12"/>
      <c r="T259" s="12"/>
      <c r="U259" s="12"/>
      <c r="V259" s="12"/>
      <c r="W259" s="12"/>
      <c r="X259" s="12"/>
      <c r="Y259" s="12"/>
      <c r="Z259" s="12"/>
      <c r="AA259" s="12"/>
      <c r="AB259" s="12"/>
      <c r="AC259" s="12"/>
      <c r="AD259" s="12"/>
      <c r="AE259" s="12"/>
      <c r="AF259" s="12"/>
      <c r="AG259" s="12"/>
      <c r="AH259" s="12"/>
      <c r="AI259" s="12"/>
    </row>
    <row r="260" spans="1:35" s="5" customFormat="1" ht="27.75" customHeight="1" x14ac:dyDescent="0.4">
      <c r="A260" s="9" t="s">
        <v>137</v>
      </c>
      <c r="B260" s="16" t="s">
        <v>534</v>
      </c>
      <c r="C260" s="16" t="s">
        <v>535</v>
      </c>
      <c r="D260" s="10">
        <v>1412010924</v>
      </c>
      <c r="E260" s="11">
        <v>47907</v>
      </c>
      <c r="F260" s="9" t="s">
        <v>20</v>
      </c>
      <c r="G260" s="5">
        <v>258</v>
      </c>
      <c r="H260" s="12">
        <f t="shared" ref="H260:H323" si="8">LEN(C260)</f>
        <v>11</v>
      </c>
      <c r="I260" s="12">
        <f t="shared" ref="I260:I323" si="9">LEN(B260)</f>
        <v>13</v>
      </c>
    </row>
    <row r="261" spans="1:35" s="5" customFormat="1" ht="27.75" customHeight="1" x14ac:dyDescent="0.4">
      <c r="A261" s="9" t="s">
        <v>137</v>
      </c>
      <c r="B261" s="9" t="s">
        <v>536</v>
      </c>
      <c r="C261" s="9" t="s">
        <v>537</v>
      </c>
      <c r="D261" s="18">
        <v>1412003481</v>
      </c>
      <c r="E261" s="11">
        <v>46387</v>
      </c>
      <c r="F261" s="9" t="s">
        <v>20</v>
      </c>
      <c r="G261" s="12">
        <v>259</v>
      </c>
      <c r="H261" s="12">
        <f t="shared" si="8"/>
        <v>12</v>
      </c>
      <c r="I261" s="12">
        <f t="shared" si="9"/>
        <v>12</v>
      </c>
      <c r="J261" s="12"/>
      <c r="K261" s="12"/>
      <c r="L261" s="12"/>
      <c r="M261" s="12"/>
      <c r="N261" s="12"/>
      <c r="O261" s="12"/>
      <c r="P261" s="12"/>
      <c r="Q261" s="12"/>
      <c r="R261" s="12"/>
      <c r="S261" s="12"/>
      <c r="T261" s="12"/>
      <c r="U261" s="12"/>
      <c r="V261" s="12"/>
      <c r="W261" s="12"/>
      <c r="X261" s="12"/>
      <c r="Y261" s="12"/>
      <c r="Z261" s="12"/>
      <c r="AA261" s="12"/>
      <c r="AB261" s="12"/>
      <c r="AC261" s="12"/>
      <c r="AD261" s="12"/>
      <c r="AE261" s="12"/>
      <c r="AF261" s="12"/>
      <c r="AG261" s="12"/>
      <c r="AH261" s="12"/>
      <c r="AI261" s="12"/>
    </row>
    <row r="262" spans="1:35" s="5" customFormat="1" ht="27.75" customHeight="1" x14ac:dyDescent="0.4">
      <c r="A262" s="9" t="s">
        <v>137</v>
      </c>
      <c r="B262" s="9" t="s">
        <v>538</v>
      </c>
      <c r="C262" s="9" t="s">
        <v>539</v>
      </c>
      <c r="D262" s="18">
        <v>1412003267</v>
      </c>
      <c r="E262" s="11">
        <v>46387</v>
      </c>
      <c r="F262" s="9" t="s">
        <v>20</v>
      </c>
      <c r="G262" s="5">
        <v>260</v>
      </c>
      <c r="H262" s="12">
        <f t="shared" si="8"/>
        <v>11</v>
      </c>
      <c r="I262" s="12">
        <f t="shared" si="9"/>
        <v>4</v>
      </c>
    </row>
    <row r="263" spans="1:35" s="5" customFormat="1" ht="27.75" customHeight="1" x14ac:dyDescent="0.4">
      <c r="A263" s="9" t="s">
        <v>137</v>
      </c>
      <c r="B263" s="9" t="s">
        <v>540</v>
      </c>
      <c r="C263" s="9" t="s">
        <v>541</v>
      </c>
      <c r="D263" s="18">
        <v>1412003283</v>
      </c>
      <c r="E263" s="11">
        <v>46599</v>
      </c>
      <c r="F263" s="9" t="s">
        <v>20</v>
      </c>
      <c r="G263" s="12">
        <v>261</v>
      </c>
      <c r="H263" s="12">
        <f t="shared" si="8"/>
        <v>12</v>
      </c>
      <c r="I263" s="12">
        <f t="shared" si="9"/>
        <v>9</v>
      </c>
    </row>
    <row r="264" spans="1:35" s="5" customFormat="1" ht="27.75" customHeight="1" x14ac:dyDescent="0.4">
      <c r="A264" s="9" t="s">
        <v>137</v>
      </c>
      <c r="B264" s="9" t="s">
        <v>542</v>
      </c>
      <c r="C264" s="9" t="s">
        <v>543</v>
      </c>
      <c r="D264" s="18">
        <v>1412010015</v>
      </c>
      <c r="E264" s="11">
        <v>46387</v>
      </c>
      <c r="F264" s="9" t="s">
        <v>20</v>
      </c>
      <c r="G264" s="5">
        <v>262</v>
      </c>
      <c r="H264" s="12">
        <f t="shared" si="8"/>
        <v>17</v>
      </c>
      <c r="I264" s="12">
        <f t="shared" si="9"/>
        <v>7</v>
      </c>
    </row>
    <row r="265" spans="1:35" s="5" customFormat="1" ht="27.75" customHeight="1" x14ac:dyDescent="0.4">
      <c r="A265" s="9" t="s">
        <v>137</v>
      </c>
      <c r="B265" s="9" t="s">
        <v>544</v>
      </c>
      <c r="C265" s="9" t="s">
        <v>545</v>
      </c>
      <c r="D265" s="18">
        <v>1412010346</v>
      </c>
      <c r="E265" s="11">
        <v>47634</v>
      </c>
      <c r="F265" s="9" t="s">
        <v>20</v>
      </c>
      <c r="G265" s="12">
        <v>263</v>
      </c>
      <c r="H265" s="12">
        <f t="shared" si="8"/>
        <v>11</v>
      </c>
      <c r="I265" s="12">
        <f t="shared" si="9"/>
        <v>17</v>
      </c>
    </row>
    <row r="266" spans="1:35" s="5" customFormat="1" ht="27.75" customHeight="1" x14ac:dyDescent="0.4">
      <c r="A266" s="9" t="s">
        <v>137</v>
      </c>
      <c r="B266" s="13" t="s">
        <v>546</v>
      </c>
      <c r="C266" s="13" t="s">
        <v>547</v>
      </c>
      <c r="D266" s="18">
        <v>1412011062</v>
      </c>
      <c r="E266" s="11">
        <v>48304</v>
      </c>
      <c r="F266" s="9" t="s">
        <v>20</v>
      </c>
      <c r="G266" s="5">
        <v>264</v>
      </c>
      <c r="H266" s="12">
        <f t="shared" si="8"/>
        <v>14</v>
      </c>
      <c r="I266" s="12">
        <f t="shared" si="9"/>
        <v>4</v>
      </c>
    </row>
    <row r="267" spans="1:35" s="5" customFormat="1" ht="27.75" customHeight="1" x14ac:dyDescent="0.4">
      <c r="A267" s="9" t="s">
        <v>137</v>
      </c>
      <c r="B267" s="9" t="s">
        <v>548</v>
      </c>
      <c r="C267" s="9" t="s">
        <v>549</v>
      </c>
      <c r="D267" s="26">
        <v>1412002863</v>
      </c>
      <c r="E267" s="11">
        <v>46387</v>
      </c>
      <c r="F267" s="9" t="s">
        <v>20</v>
      </c>
      <c r="G267" s="12">
        <v>265</v>
      </c>
      <c r="H267" s="12">
        <f t="shared" si="8"/>
        <v>10</v>
      </c>
      <c r="I267" s="12">
        <f t="shared" si="9"/>
        <v>13</v>
      </c>
      <c r="J267" s="12"/>
      <c r="K267" s="12"/>
      <c r="L267" s="12"/>
      <c r="M267" s="12"/>
      <c r="N267" s="12"/>
      <c r="O267" s="12"/>
      <c r="P267" s="12"/>
      <c r="Q267" s="12"/>
      <c r="R267" s="12"/>
      <c r="S267" s="12"/>
      <c r="T267" s="12"/>
      <c r="U267" s="12"/>
      <c r="V267" s="12"/>
      <c r="W267" s="12"/>
      <c r="X267" s="12"/>
      <c r="Y267" s="12"/>
      <c r="Z267" s="12"/>
      <c r="AA267" s="12"/>
      <c r="AB267" s="12"/>
      <c r="AC267" s="12"/>
      <c r="AD267" s="12"/>
      <c r="AE267" s="12"/>
      <c r="AF267" s="12"/>
      <c r="AG267" s="12"/>
      <c r="AH267" s="12"/>
      <c r="AI267" s="12"/>
    </row>
    <row r="268" spans="1:35" s="5" customFormat="1" ht="27.75" customHeight="1" x14ac:dyDescent="0.4">
      <c r="A268" s="9" t="s">
        <v>137</v>
      </c>
      <c r="B268" s="9" t="s">
        <v>550</v>
      </c>
      <c r="C268" s="9" t="s">
        <v>551</v>
      </c>
      <c r="D268" s="18">
        <v>1412000016</v>
      </c>
      <c r="E268" s="11">
        <v>46387</v>
      </c>
      <c r="F268" s="9" t="s">
        <v>20</v>
      </c>
      <c r="G268" s="5">
        <v>266</v>
      </c>
      <c r="H268" s="12">
        <f t="shared" si="8"/>
        <v>9</v>
      </c>
      <c r="I268" s="12">
        <f t="shared" si="9"/>
        <v>19</v>
      </c>
    </row>
    <row r="269" spans="1:35" s="5" customFormat="1" ht="27.75" customHeight="1" x14ac:dyDescent="0.4">
      <c r="A269" s="9" t="s">
        <v>137</v>
      </c>
      <c r="B269" s="9" t="s">
        <v>552</v>
      </c>
      <c r="C269" s="9" t="s">
        <v>553</v>
      </c>
      <c r="D269" s="18">
        <v>1412010197</v>
      </c>
      <c r="E269" s="11">
        <v>47087</v>
      </c>
      <c r="F269" s="9" t="s">
        <v>20</v>
      </c>
      <c r="G269" s="12">
        <v>267</v>
      </c>
      <c r="H269" s="12">
        <f t="shared" si="8"/>
        <v>22</v>
      </c>
      <c r="I269" s="12">
        <f t="shared" si="9"/>
        <v>4</v>
      </c>
    </row>
    <row r="270" spans="1:35" s="5" customFormat="1" ht="27.75" customHeight="1" x14ac:dyDescent="0.4">
      <c r="A270" s="9" t="s">
        <v>137</v>
      </c>
      <c r="B270" s="9" t="s">
        <v>554</v>
      </c>
      <c r="C270" s="9" t="s">
        <v>555</v>
      </c>
      <c r="D270" s="18">
        <v>1412010411</v>
      </c>
      <c r="E270" s="11">
        <v>47848</v>
      </c>
      <c r="F270" s="9" t="s">
        <v>20</v>
      </c>
      <c r="G270" s="5">
        <v>268</v>
      </c>
      <c r="H270" s="12">
        <f t="shared" si="8"/>
        <v>17</v>
      </c>
      <c r="I270" s="12">
        <f t="shared" si="9"/>
        <v>8</v>
      </c>
    </row>
    <row r="271" spans="1:35" s="5" customFormat="1" ht="27.75" customHeight="1" x14ac:dyDescent="0.4">
      <c r="A271" s="9" t="s">
        <v>137</v>
      </c>
      <c r="B271" s="9" t="s">
        <v>556</v>
      </c>
      <c r="C271" s="9" t="s">
        <v>557</v>
      </c>
      <c r="D271" s="18">
        <v>1412001188</v>
      </c>
      <c r="E271" s="11">
        <v>47087</v>
      </c>
      <c r="F271" s="9" t="s">
        <v>20</v>
      </c>
      <c r="G271" s="12">
        <v>269</v>
      </c>
      <c r="H271" s="12">
        <f t="shared" si="8"/>
        <v>9</v>
      </c>
      <c r="I271" s="12">
        <f t="shared" si="9"/>
        <v>16</v>
      </c>
    </row>
    <row r="272" spans="1:35" s="5" customFormat="1" ht="27.75" customHeight="1" x14ac:dyDescent="0.4">
      <c r="A272" s="9" t="s">
        <v>137</v>
      </c>
      <c r="B272" s="9" t="s">
        <v>558</v>
      </c>
      <c r="C272" s="9" t="s">
        <v>559</v>
      </c>
      <c r="D272" s="18">
        <v>1412003010</v>
      </c>
      <c r="E272" s="11">
        <v>46387</v>
      </c>
      <c r="F272" s="9" t="s">
        <v>20</v>
      </c>
      <c r="G272" s="5">
        <v>270</v>
      </c>
      <c r="H272" s="12">
        <f t="shared" si="8"/>
        <v>14</v>
      </c>
      <c r="I272" s="12">
        <f t="shared" si="9"/>
        <v>16</v>
      </c>
    </row>
    <row r="273" spans="1:35" s="5" customFormat="1" ht="27.75" customHeight="1" x14ac:dyDescent="0.4">
      <c r="A273" s="9" t="s">
        <v>137</v>
      </c>
      <c r="B273" s="13" t="s">
        <v>560</v>
      </c>
      <c r="C273" s="13" t="s">
        <v>561</v>
      </c>
      <c r="D273" s="18">
        <v>1412002418</v>
      </c>
      <c r="E273" s="11">
        <v>46387</v>
      </c>
      <c r="F273" s="9" t="s">
        <v>20</v>
      </c>
      <c r="G273" s="12">
        <v>271</v>
      </c>
      <c r="H273" s="12">
        <f t="shared" si="8"/>
        <v>13</v>
      </c>
      <c r="I273" s="12">
        <f t="shared" si="9"/>
        <v>11</v>
      </c>
    </row>
    <row r="274" spans="1:35" s="5" customFormat="1" ht="27.75" customHeight="1" x14ac:dyDescent="0.4">
      <c r="A274" s="17" t="s">
        <v>137</v>
      </c>
      <c r="B274" s="9" t="s">
        <v>562</v>
      </c>
      <c r="C274" s="9" t="s">
        <v>563</v>
      </c>
      <c r="D274" s="18">
        <v>1412010627</v>
      </c>
      <c r="E274" s="11">
        <v>46721</v>
      </c>
      <c r="F274" s="9" t="s">
        <v>20</v>
      </c>
      <c r="G274" s="5">
        <v>272</v>
      </c>
      <c r="H274" s="12">
        <f t="shared" si="8"/>
        <v>19</v>
      </c>
      <c r="I274" s="12">
        <f t="shared" si="9"/>
        <v>19</v>
      </c>
    </row>
    <row r="275" spans="1:35" s="5" customFormat="1" ht="27.75" customHeight="1" x14ac:dyDescent="0.4">
      <c r="A275" s="9" t="s">
        <v>137</v>
      </c>
      <c r="B275" s="9" t="s">
        <v>564</v>
      </c>
      <c r="C275" s="9" t="s">
        <v>565</v>
      </c>
      <c r="D275" s="18">
        <v>1412010510</v>
      </c>
      <c r="E275" s="11">
        <v>48304</v>
      </c>
      <c r="F275" s="9" t="s">
        <v>20</v>
      </c>
      <c r="G275" s="12">
        <v>273</v>
      </c>
      <c r="H275" s="12">
        <f t="shared" si="8"/>
        <v>10</v>
      </c>
      <c r="I275" s="12">
        <f t="shared" si="9"/>
        <v>11</v>
      </c>
    </row>
    <row r="276" spans="1:35" s="5" customFormat="1" ht="27.75" customHeight="1" x14ac:dyDescent="0.4">
      <c r="A276" s="9" t="s">
        <v>137</v>
      </c>
      <c r="B276" s="9" t="s">
        <v>566</v>
      </c>
      <c r="C276" s="9" t="s">
        <v>567</v>
      </c>
      <c r="D276" s="18">
        <v>1412003705</v>
      </c>
      <c r="E276" s="11">
        <v>46387</v>
      </c>
      <c r="F276" s="9" t="s">
        <v>20</v>
      </c>
      <c r="G276" s="5">
        <v>274</v>
      </c>
      <c r="H276" s="12">
        <f t="shared" si="8"/>
        <v>11</v>
      </c>
      <c r="I276" s="12">
        <f t="shared" si="9"/>
        <v>7</v>
      </c>
    </row>
    <row r="277" spans="1:35" s="5" customFormat="1" ht="27.75" customHeight="1" x14ac:dyDescent="0.4">
      <c r="A277" s="9" t="s">
        <v>137</v>
      </c>
      <c r="B277" s="9" t="s">
        <v>568</v>
      </c>
      <c r="C277" s="9" t="s">
        <v>569</v>
      </c>
      <c r="D277" s="18">
        <v>1412002954</v>
      </c>
      <c r="E277" s="11">
        <v>46387</v>
      </c>
      <c r="F277" s="9" t="s">
        <v>20</v>
      </c>
      <c r="G277" s="12">
        <v>275</v>
      </c>
      <c r="H277" s="12">
        <f t="shared" si="8"/>
        <v>10</v>
      </c>
      <c r="I277" s="12">
        <f t="shared" si="9"/>
        <v>10</v>
      </c>
    </row>
    <row r="278" spans="1:35" s="5" customFormat="1" ht="27.75" customHeight="1" x14ac:dyDescent="0.4">
      <c r="A278" s="9" t="s">
        <v>137</v>
      </c>
      <c r="B278" s="9" t="s">
        <v>570</v>
      </c>
      <c r="C278" s="9" t="s">
        <v>571</v>
      </c>
      <c r="D278" s="18">
        <v>1412011013</v>
      </c>
      <c r="E278" s="11">
        <v>48213</v>
      </c>
      <c r="F278" s="9" t="s">
        <v>20</v>
      </c>
      <c r="G278" s="5">
        <v>276</v>
      </c>
      <c r="H278" s="12">
        <f t="shared" si="8"/>
        <v>12</v>
      </c>
      <c r="I278" s="12">
        <f t="shared" si="9"/>
        <v>10</v>
      </c>
    </row>
    <row r="279" spans="1:35" s="5" customFormat="1" ht="27.75" customHeight="1" x14ac:dyDescent="0.4">
      <c r="A279" s="9" t="s">
        <v>137</v>
      </c>
      <c r="B279" s="9" t="s">
        <v>572</v>
      </c>
      <c r="C279" s="9" t="s">
        <v>573</v>
      </c>
      <c r="D279" s="18">
        <v>1412010320</v>
      </c>
      <c r="E279" s="11">
        <v>47573</v>
      </c>
      <c r="F279" s="9" t="s">
        <v>20</v>
      </c>
      <c r="G279" s="12">
        <v>277</v>
      </c>
      <c r="H279" s="12">
        <f t="shared" si="8"/>
        <v>10</v>
      </c>
      <c r="I279" s="12">
        <f t="shared" si="9"/>
        <v>7</v>
      </c>
      <c r="J279" s="12"/>
      <c r="K279" s="12"/>
      <c r="L279" s="12"/>
      <c r="M279" s="12"/>
      <c r="N279" s="12"/>
      <c r="O279" s="12"/>
      <c r="P279" s="12"/>
      <c r="Q279" s="12"/>
      <c r="R279" s="12"/>
      <c r="S279" s="12"/>
      <c r="T279" s="12"/>
      <c r="U279" s="12"/>
      <c r="V279" s="12"/>
      <c r="W279" s="12"/>
      <c r="X279" s="12"/>
      <c r="Y279" s="12"/>
      <c r="Z279" s="12"/>
      <c r="AA279" s="12"/>
      <c r="AB279" s="12"/>
      <c r="AC279" s="12"/>
      <c r="AD279" s="12"/>
      <c r="AE279" s="12"/>
      <c r="AF279" s="12"/>
      <c r="AG279" s="12"/>
      <c r="AH279" s="12"/>
      <c r="AI279" s="12"/>
    </row>
    <row r="280" spans="1:35" s="5" customFormat="1" ht="27.75" customHeight="1" x14ac:dyDescent="0.4">
      <c r="A280" s="9" t="s">
        <v>137</v>
      </c>
      <c r="B280" s="9" t="s">
        <v>574</v>
      </c>
      <c r="C280" s="9" t="s">
        <v>575</v>
      </c>
      <c r="D280" s="18">
        <v>1412002343</v>
      </c>
      <c r="E280" s="11">
        <v>46387</v>
      </c>
      <c r="F280" s="9" t="s">
        <v>20</v>
      </c>
      <c r="G280" s="5">
        <v>278</v>
      </c>
      <c r="H280" s="12">
        <f t="shared" si="8"/>
        <v>12</v>
      </c>
      <c r="I280" s="12">
        <f t="shared" si="9"/>
        <v>14</v>
      </c>
    </row>
    <row r="281" spans="1:35" s="5" customFormat="1" ht="27.75" customHeight="1" x14ac:dyDescent="0.4">
      <c r="A281" s="9" t="s">
        <v>137</v>
      </c>
      <c r="B281" s="9" t="s">
        <v>576</v>
      </c>
      <c r="C281" s="9" t="s">
        <v>577</v>
      </c>
      <c r="D281" s="18">
        <v>1412001451</v>
      </c>
      <c r="E281" s="11">
        <v>46387</v>
      </c>
      <c r="F281" s="9" t="s">
        <v>20</v>
      </c>
      <c r="G281" s="12">
        <v>279</v>
      </c>
      <c r="H281" s="12">
        <f t="shared" si="8"/>
        <v>11</v>
      </c>
      <c r="I281" s="12">
        <f t="shared" si="9"/>
        <v>6</v>
      </c>
    </row>
    <row r="282" spans="1:35" s="5" customFormat="1" ht="27.75" customHeight="1" x14ac:dyDescent="0.4">
      <c r="A282" s="9" t="s">
        <v>137</v>
      </c>
      <c r="B282" s="9" t="s">
        <v>578</v>
      </c>
      <c r="C282" s="9" t="s">
        <v>579</v>
      </c>
      <c r="D282" s="18">
        <v>1412010601</v>
      </c>
      <c r="E282" s="11">
        <v>46507</v>
      </c>
      <c r="F282" s="9" t="s">
        <v>20</v>
      </c>
      <c r="G282" s="5">
        <v>280</v>
      </c>
      <c r="H282" s="12">
        <f t="shared" si="8"/>
        <v>14</v>
      </c>
      <c r="I282" s="12">
        <f t="shared" si="9"/>
        <v>21</v>
      </c>
    </row>
    <row r="283" spans="1:35" s="5" customFormat="1" ht="27.75" customHeight="1" x14ac:dyDescent="0.4">
      <c r="A283" s="9" t="s">
        <v>137</v>
      </c>
      <c r="B283" s="9" t="s">
        <v>580</v>
      </c>
      <c r="C283" s="9" t="s">
        <v>581</v>
      </c>
      <c r="D283" s="18">
        <v>1412010056</v>
      </c>
      <c r="E283" s="11">
        <v>46387</v>
      </c>
      <c r="F283" s="9" t="s">
        <v>20</v>
      </c>
      <c r="G283" s="12">
        <v>281</v>
      </c>
      <c r="H283" s="12">
        <f t="shared" si="8"/>
        <v>12</v>
      </c>
      <c r="I283" s="12">
        <f t="shared" si="9"/>
        <v>23</v>
      </c>
    </row>
    <row r="284" spans="1:35" s="5" customFormat="1" ht="27.75" customHeight="1" x14ac:dyDescent="0.4">
      <c r="A284" s="9" t="s">
        <v>137</v>
      </c>
      <c r="B284" s="9" t="s">
        <v>582</v>
      </c>
      <c r="C284" s="9" t="s">
        <v>583</v>
      </c>
      <c r="D284" s="18">
        <v>1412010916</v>
      </c>
      <c r="E284" s="11">
        <v>47726</v>
      </c>
      <c r="F284" s="9" t="s">
        <v>20</v>
      </c>
      <c r="G284" s="5">
        <v>282</v>
      </c>
      <c r="H284" s="12">
        <f t="shared" si="8"/>
        <v>10</v>
      </c>
      <c r="I284" s="12">
        <f t="shared" si="9"/>
        <v>8</v>
      </c>
      <c r="J284" s="12"/>
      <c r="K284" s="12"/>
      <c r="L284" s="12"/>
      <c r="M284" s="12"/>
      <c r="N284" s="12"/>
      <c r="O284" s="12"/>
      <c r="P284" s="12"/>
      <c r="Q284" s="12"/>
      <c r="R284" s="12"/>
      <c r="S284" s="12"/>
      <c r="T284" s="12"/>
      <c r="U284" s="12"/>
      <c r="V284" s="12"/>
      <c r="W284" s="12"/>
      <c r="X284" s="12"/>
      <c r="Y284" s="12"/>
      <c r="Z284" s="12"/>
      <c r="AA284" s="12"/>
      <c r="AB284" s="12"/>
      <c r="AC284" s="12"/>
      <c r="AD284" s="12"/>
      <c r="AE284" s="12"/>
      <c r="AF284" s="12"/>
      <c r="AG284" s="12"/>
      <c r="AH284" s="12"/>
      <c r="AI284" s="12"/>
    </row>
    <row r="285" spans="1:35" s="5" customFormat="1" ht="27.75" customHeight="1" x14ac:dyDescent="0.4">
      <c r="A285" s="9" t="s">
        <v>137</v>
      </c>
      <c r="B285" s="15" t="s">
        <v>584</v>
      </c>
      <c r="C285" s="16" t="s">
        <v>585</v>
      </c>
      <c r="D285" s="10">
        <v>1412002871</v>
      </c>
      <c r="E285" s="11">
        <v>46387</v>
      </c>
      <c r="F285" s="9" t="s">
        <v>20</v>
      </c>
      <c r="G285" s="12">
        <v>283</v>
      </c>
      <c r="H285" s="12">
        <f t="shared" si="8"/>
        <v>13</v>
      </c>
      <c r="I285" s="12">
        <f t="shared" si="9"/>
        <v>13</v>
      </c>
    </row>
    <row r="286" spans="1:35" s="5" customFormat="1" ht="27.75" customHeight="1" x14ac:dyDescent="0.4">
      <c r="A286" s="9" t="s">
        <v>137</v>
      </c>
      <c r="B286" s="9" t="s">
        <v>586</v>
      </c>
      <c r="C286" s="9" t="s">
        <v>587</v>
      </c>
      <c r="D286" s="18">
        <v>1412010023</v>
      </c>
      <c r="E286" s="11">
        <v>46387</v>
      </c>
      <c r="F286" s="9" t="s">
        <v>20</v>
      </c>
      <c r="G286" s="5">
        <v>284</v>
      </c>
      <c r="H286" s="12">
        <f t="shared" si="8"/>
        <v>10</v>
      </c>
      <c r="I286" s="12">
        <f t="shared" si="9"/>
        <v>10</v>
      </c>
      <c r="J286" s="12"/>
      <c r="K286" s="12"/>
      <c r="L286" s="12"/>
      <c r="M286" s="12"/>
      <c r="N286" s="12"/>
      <c r="O286" s="12"/>
      <c r="P286" s="12"/>
      <c r="Q286" s="12"/>
      <c r="R286" s="12"/>
      <c r="S286" s="12"/>
      <c r="T286" s="12"/>
      <c r="U286" s="12"/>
      <c r="V286" s="12"/>
      <c r="W286" s="12"/>
      <c r="X286" s="12"/>
      <c r="Y286" s="12"/>
      <c r="Z286" s="12"/>
      <c r="AA286" s="12"/>
      <c r="AB286" s="12"/>
      <c r="AC286" s="12"/>
      <c r="AD286" s="12"/>
      <c r="AE286" s="12"/>
      <c r="AF286" s="12"/>
      <c r="AG286" s="12"/>
      <c r="AH286" s="12"/>
      <c r="AI286" s="12"/>
    </row>
    <row r="287" spans="1:35" s="5" customFormat="1" ht="27.75" customHeight="1" x14ac:dyDescent="0.4">
      <c r="A287" s="9" t="s">
        <v>137</v>
      </c>
      <c r="B287" s="9" t="s">
        <v>588</v>
      </c>
      <c r="C287" s="9" t="s">
        <v>589</v>
      </c>
      <c r="D287" s="18">
        <v>1412010866</v>
      </c>
      <c r="E287" s="11">
        <v>47603</v>
      </c>
      <c r="F287" s="9" t="s">
        <v>20</v>
      </c>
      <c r="G287" s="12">
        <v>285</v>
      </c>
      <c r="H287" s="12">
        <f t="shared" si="8"/>
        <v>29</v>
      </c>
      <c r="I287" s="12">
        <f t="shared" si="9"/>
        <v>13</v>
      </c>
    </row>
    <row r="288" spans="1:35" s="5" customFormat="1" ht="27.75" customHeight="1" x14ac:dyDescent="0.4">
      <c r="A288" s="9" t="s">
        <v>137</v>
      </c>
      <c r="B288" s="9" t="s">
        <v>590</v>
      </c>
      <c r="C288" s="9" t="s">
        <v>591</v>
      </c>
      <c r="D288" s="18">
        <v>1412003358</v>
      </c>
      <c r="E288" s="11">
        <v>46387</v>
      </c>
      <c r="F288" s="9" t="s">
        <v>20</v>
      </c>
      <c r="G288" s="5">
        <v>286</v>
      </c>
      <c r="H288" s="12">
        <f t="shared" si="8"/>
        <v>12</v>
      </c>
      <c r="I288" s="12">
        <f t="shared" si="9"/>
        <v>9</v>
      </c>
      <c r="J288" s="12"/>
      <c r="K288" s="12"/>
      <c r="L288" s="12"/>
      <c r="M288" s="12"/>
      <c r="N288" s="12"/>
      <c r="O288" s="12"/>
      <c r="P288" s="12"/>
      <c r="Q288" s="12"/>
      <c r="R288" s="12"/>
      <c r="S288" s="12"/>
      <c r="T288" s="12"/>
      <c r="U288" s="12"/>
      <c r="V288" s="12"/>
      <c r="W288" s="12"/>
      <c r="X288" s="12"/>
      <c r="Y288" s="12"/>
      <c r="Z288" s="12"/>
      <c r="AA288" s="12"/>
      <c r="AB288" s="12"/>
      <c r="AC288" s="12"/>
      <c r="AD288" s="12"/>
      <c r="AE288" s="12"/>
      <c r="AF288" s="12"/>
      <c r="AG288" s="12"/>
      <c r="AH288" s="12"/>
      <c r="AI288" s="12"/>
    </row>
    <row r="289" spans="1:35" s="5" customFormat="1" ht="27.75" customHeight="1" x14ac:dyDescent="0.4">
      <c r="A289" s="22" t="s">
        <v>137</v>
      </c>
      <c r="B289" s="16" t="s">
        <v>592</v>
      </c>
      <c r="C289" s="16" t="s">
        <v>593</v>
      </c>
      <c r="D289" s="21">
        <v>1412010809</v>
      </c>
      <c r="E289" s="11">
        <v>47483</v>
      </c>
      <c r="F289" s="9" t="s">
        <v>20</v>
      </c>
      <c r="G289" s="12">
        <v>287</v>
      </c>
      <c r="H289" s="12">
        <f t="shared" si="8"/>
        <v>28</v>
      </c>
      <c r="I289" s="12">
        <f t="shared" si="9"/>
        <v>7</v>
      </c>
    </row>
    <row r="290" spans="1:35" s="5" customFormat="1" ht="27.75" customHeight="1" x14ac:dyDescent="0.4">
      <c r="A290" s="9" t="s">
        <v>137</v>
      </c>
      <c r="B290" s="9" t="s">
        <v>594</v>
      </c>
      <c r="C290" s="9" t="s">
        <v>595</v>
      </c>
      <c r="D290" s="18">
        <v>1412003648</v>
      </c>
      <c r="E290" s="11">
        <v>46387</v>
      </c>
      <c r="F290" s="9" t="s">
        <v>20</v>
      </c>
      <c r="G290" s="5">
        <v>288</v>
      </c>
      <c r="H290" s="12">
        <f t="shared" si="8"/>
        <v>17</v>
      </c>
      <c r="I290" s="12">
        <f t="shared" si="9"/>
        <v>11</v>
      </c>
      <c r="J290" s="12"/>
      <c r="K290" s="12"/>
      <c r="L290" s="12"/>
      <c r="M290" s="12"/>
      <c r="N290" s="12"/>
      <c r="O290" s="12"/>
      <c r="P290" s="12"/>
      <c r="Q290" s="12"/>
      <c r="R290" s="12"/>
      <c r="S290" s="12"/>
      <c r="T290" s="12"/>
      <c r="U290" s="12"/>
      <c r="V290" s="12"/>
      <c r="W290" s="12"/>
      <c r="X290" s="12"/>
      <c r="Y290" s="12"/>
      <c r="Z290" s="12"/>
      <c r="AA290" s="12"/>
      <c r="AB290" s="12"/>
      <c r="AC290" s="12"/>
      <c r="AD290" s="12"/>
      <c r="AE290" s="12"/>
      <c r="AF290" s="12"/>
      <c r="AG290" s="12"/>
      <c r="AH290" s="12"/>
      <c r="AI290" s="12"/>
    </row>
    <row r="291" spans="1:35" s="5" customFormat="1" ht="27.75" customHeight="1" x14ac:dyDescent="0.4">
      <c r="A291" s="9" t="s">
        <v>137</v>
      </c>
      <c r="B291" s="15" t="s">
        <v>596</v>
      </c>
      <c r="C291" s="16" t="s">
        <v>597</v>
      </c>
      <c r="D291" s="10">
        <v>1412004109</v>
      </c>
      <c r="E291" s="11">
        <v>46387</v>
      </c>
      <c r="F291" s="9" t="s">
        <v>20</v>
      </c>
      <c r="G291" s="12">
        <v>289</v>
      </c>
      <c r="H291" s="12">
        <f t="shared" si="8"/>
        <v>18</v>
      </c>
      <c r="I291" s="12">
        <f t="shared" si="9"/>
        <v>10</v>
      </c>
    </row>
    <row r="292" spans="1:35" s="5" customFormat="1" ht="27.75" customHeight="1" x14ac:dyDescent="0.4">
      <c r="A292" s="9" t="s">
        <v>137</v>
      </c>
      <c r="B292" s="9" t="s">
        <v>598</v>
      </c>
      <c r="C292" s="9" t="s">
        <v>599</v>
      </c>
      <c r="D292" s="18">
        <v>1412010890</v>
      </c>
      <c r="E292" s="11">
        <v>47787</v>
      </c>
      <c r="F292" s="9" t="s">
        <v>20</v>
      </c>
      <c r="G292" s="5">
        <v>290</v>
      </c>
      <c r="H292" s="12">
        <f t="shared" si="8"/>
        <v>21</v>
      </c>
      <c r="I292" s="12">
        <f t="shared" si="9"/>
        <v>16</v>
      </c>
    </row>
    <row r="293" spans="1:35" s="5" customFormat="1" ht="27.75" customHeight="1" x14ac:dyDescent="0.4">
      <c r="A293" s="9" t="s">
        <v>137</v>
      </c>
      <c r="B293" s="14" t="s">
        <v>600</v>
      </c>
      <c r="C293" s="9" t="s">
        <v>601</v>
      </c>
      <c r="D293" s="18">
        <v>1412011039</v>
      </c>
      <c r="E293" s="11">
        <v>48244</v>
      </c>
      <c r="F293" s="9" t="s">
        <v>20</v>
      </c>
      <c r="G293" s="12">
        <v>291</v>
      </c>
      <c r="H293" s="12">
        <f t="shared" si="8"/>
        <v>12</v>
      </c>
      <c r="I293" s="12">
        <f t="shared" si="9"/>
        <v>10</v>
      </c>
    </row>
    <row r="294" spans="1:35" s="5" customFormat="1" ht="27.75" customHeight="1" x14ac:dyDescent="0.4">
      <c r="A294" s="9" t="s">
        <v>137</v>
      </c>
      <c r="B294" s="9" t="s">
        <v>602</v>
      </c>
      <c r="C294" s="9" t="s">
        <v>603</v>
      </c>
      <c r="D294" s="18">
        <v>1412010387</v>
      </c>
      <c r="E294" s="11">
        <v>47817</v>
      </c>
      <c r="F294" s="9" t="s">
        <v>20</v>
      </c>
      <c r="G294" s="5">
        <v>292</v>
      </c>
      <c r="H294" s="12">
        <f t="shared" si="8"/>
        <v>16</v>
      </c>
      <c r="I294" s="12">
        <f t="shared" si="9"/>
        <v>7</v>
      </c>
    </row>
    <row r="295" spans="1:35" s="5" customFormat="1" ht="27.75" customHeight="1" x14ac:dyDescent="0.4">
      <c r="A295" s="9" t="s">
        <v>137</v>
      </c>
      <c r="B295" s="13" t="s">
        <v>604</v>
      </c>
      <c r="C295" s="9" t="s">
        <v>605</v>
      </c>
      <c r="D295" s="18">
        <v>1412010817</v>
      </c>
      <c r="E295" s="11">
        <v>47573</v>
      </c>
      <c r="F295" s="9" t="s">
        <v>20</v>
      </c>
      <c r="G295" s="12">
        <v>293</v>
      </c>
      <c r="H295" s="12">
        <f t="shared" si="8"/>
        <v>18</v>
      </c>
      <c r="I295" s="12">
        <f t="shared" si="9"/>
        <v>10</v>
      </c>
      <c r="J295" s="12"/>
      <c r="K295" s="12"/>
      <c r="L295" s="12"/>
      <c r="M295" s="12"/>
      <c r="N295" s="12"/>
      <c r="O295" s="12"/>
      <c r="P295" s="12"/>
      <c r="Q295" s="12"/>
      <c r="R295" s="12"/>
      <c r="S295" s="12"/>
      <c r="T295" s="12"/>
      <c r="U295" s="12"/>
      <c r="V295" s="12"/>
      <c r="W295" s="12"/>
      <c r="X295" s="12"/>
      <c r="Y295" s="12"/>
      <c r="Z295" s="12"/>
      <c r="AA295" s="12"/>
      <c r="AB295" s="12"/>
      <c r="AC295" s="12"/>
      <c r="AD295" s="12"/>
      <c r="AE295" s="12"/>
      <c r="AF295" s="12"/>
      <c r="AG295" s="12"/>
      <c r="AH295" s="12"/>
      <c r="AI295" s="12"/>
    </row>
    <row r="296" spans="1:35" s="5" customFormat="1" ht="27.75" customHeight="1" x14ac:dyDescent="0.4">
      <c r="A296" s="9" t="s">
        <v>137</v>
      </c>
      <c r="B296" s="9" t="s">
        <v>606</v>
      </c>
      <c r="C296" s="9" t="s">
        <v>607</v>
      </c>
      <c r="D296" s="18">
        <v>1412003101</v>
      </c>
      <c r="E296" s="11">
        <v>46387</v>
      </c>
      <c r="F296" s="9" t="s">
        <v>20</v>
      </c>
      <c r="G296" s="5">
        <v>294</v>
      </c>
      <c r="H296" s="12">
        <f t="shared" si="8"/>
        <v>22</v>
      </c>
      <c r="I296" s="12">
        <f t="shared" si="9"/>
        <v>20</v>
      </c>
    </row>
    <row r="297" spans="1:35" s="5" customFormat="1" ht="27.75" customHeight="1" x14ac:dyDescent="0.4">
      <c r="A297" s="17" t="s">
        <v>137</v>
      </c>
      <c r="B297" s="9" t="s">
        <v>608</v>
      </c>
      <c r="C297" s="9" t="s">
        <v>609</v>
      </c>
      <c r="D297" s="18">
        <v>1412010072</v>
      </c>
      <c r="E297" s="11">
        <v>46538</v>
      </c>
      <c r="F297" s="9" t="s">
        <v>20</v>
      </c>
      <c r="G297" s="12">
        <v>295</v>
      </c>
      <c r="H297" s="12">
        <f t="shared" si="8"/>
        <v>13</v>
      </c>
      <c r="I297" s="12">
        <f t="shared" si="9"/>
        <v>14</v>
      </c>
    </row>
    <row r="298" spans="1:35" s="5" customFormat="1" ht="27.75" customHeight="1" x14ac:dyDescent="0.4">
      <c r="A298" s="9" t="s">
        <v>137</v>
      </c>
      <c r="B298" s="13" t="s">
        <v>610</v>
      </c>
      <c r="C298" s="13" t="s">
        <v>611</v>
      </c>
      <c r="D298" s="18">
        <v>1412010460</v>
      </c>
      <c r="E298" s="11">
        <v>47999</v>
      </c>
      <c r="F298" s="9" t="s">
        <v>20</v>
      </c>
      <c r="G298" s="5">
        <v>296</v>
      </c>
      <c r="H298" s="12">
        <f t="shared" si="8"/>
        <v>15</v>
      </c>
      <c r="I298" s="12">
        <f t="shared" si="9"/>
        <v>15</v>
      </c>
      <c r="J298" s="12"/>
      <c r="K298" s="12"/>
      <c r="L298" s="12"/>
      <c r="M298" s="12"/>
      <c r="N298" s="12"/>
      <c r="O298" s="12"/>
      <c r="P298" s="12"/>
      <c r="Q298" s="12"/>
      <c r="R298" s="12"/>
      <c r="S298" s="12"/>
      <c r="T298" s="12"/>
      <c r="U298" s="12"/>
      <c r="V298" s="12"/>
      <c r="W298" s="12"/>
      <c r="X298" s="12"/>
      <c r="Y298" s="12"/>
      <c r="Z298" s="12"/>
      <c r="AA298" s="12"/>
      <c r="AB298" s="12"/>
      <c r="AC298" s="12"/>
      <c r="AD298" s="12"/>
      <c r="AE298" s="12"/>
      <c r="AF298" s="12"/>
      <c r="AG298" s="12"/>
      <c r="AH298" s="12"/>
      <c r="AI298" s="12"/>
    </row>
    <row r="299" spans="1:35" s="5" customFormat="1" ht="27.75" customHeight="1" x14ac:dyDescent="0.4">
      <c r="A299" s="17" t="s">
        <v>137</v>
      </c>
      <c r="B299" s="9" t="s">
        <v>612</v>
      </c>
      <c r="C299" s="9" t="s">
        <v>613</v>
      </c>
      <c r="D299" s="18">
        <v>1412004083</v>
      </c>
      <c r="E299" s="11">
        <v>46387</v>
      </c>
      <c r="F299" s="9" t="s">
        <v>20</v>
      </c>
      <c r="G299" s="12">
        <v>297</v>
      </c>
      <c r="H299" s="12">
        <f t="shared" si="8"/>
        <v>21</v>
      </c>
      <c r="I299" s="12">
        <f t="shared" si="9"/>
        <v>23</v>
      </c>
    </row>
    <row r="300" spans="1:35" s="5" customFormat="1" ht="27.75" customHeight="1" x14ac:dyDescent="0.4">
      <c r="A300" s="9" t="s">
        <v>137</v>
      </c>
      <c r="B300" s="9" t="s">
        <v>614</v>
      </c>
      <c r="C300" s="9" t="s">
        <v>615</v>
      </c>
      <c r="D300" s="18">
        <v>1412010445</v>
      </c>
      <c r="E300" s="11">
        <v>46387</v>
      </c>
      <c r="F300" s="9" t="s">
        <v>20</v>
      </c>
      <c r="G300" s="5">
        <v>298</v>
      </c>
      <c r="H300" s="12">
        <f t="shared" si="8"/>
        <v>21</v>
      </c>
      <c r="I300" s="12">
        <f t="shared" si="9"/>
        <v>28</v>
      </c>
    </row>
    <row r="301" spans="1:35" s="5" customFormat="1" ht="27.75" customHeight="1" x14ac:dyDescent="0.4">
      <c r="A301" s="9" t="s">
        <v>137</v>
      </c>
      <c r="B301" s="9" t="s">
        <v>616</v>
      </c>
      <c r="C301" s="9" t="s">
        <v>617</v>
      </c>
      <c r="D301" s="18">
        <v>1412003382</v>
      </c>
      <c r="E301" s="11">
        <v>46387</v>
      </c>
      <c r="F301" s="9" t="s">
        <v>20</v>
      </c>
      <c r="G301" s="12">
        <v>299</v>
      </c>
      <c r="H301" s="12">
        <f t="shared" si="8"/>
        <v>10</v>
      </c>
      <c r="I301" s="12">
        <f t="shared" si="9"/>
        <v>20</v>
      </c>
    </row>
    <row r="302" spans="1:35" s="5" customFormat="1" ht="27.75" customHeight="1" x14ac:dyDescent="0.4">
      <c r="A302" s="9" t="s">
        <v>137</v>
      </c>
      <c r="B302" s="9" t="s">
        <v>618</v>
      </c>
      <c r="C302" s="9" t="s">
        <v>619</v>
      </c>
      <c r="D302" s="18">
        <v>1412002822</v>
      </c>
      <c r="E302" s="11">
        <v>46387</v>
      </c>
      <c r="F302" s="9" t="s">
        <v>20</v>
      </c>
      <c r="G302" s="5">
        <v>300</v>
      </c>
      <c r="H302" s="12">
        <f t="shared" si="8"/>
        <v>10</v>
      </c>
      <c r="I302" s="12">
        <f t="shared" si="9"/>
        <v>7</v>
      </c>
    </row>
    <row r="303" spans="1:35" s="5" customFormat="1" ht="27.75" customHeight="1" x14ac:dyDescent="0.4">
      <c r="A303" s="9" t="s">
        <v>137</v>
      </c>
      <c r="B303" s="9" t="s">
        <v>620</v>
      </c>
      <c r="C303" s="9" t="s">
        <v>621</v>
      </c>
      <c r="D303" s="18">
        <v>1412010700</v>
      </c>
      <c r="E303" s="11">
        <v>46934</v>
      </c>
      <c r="F303" s="9" t="s">
        <v>20</v>
      </c>
      <c r="G303" s="12">
        <v>301</v>
      </c>
      <c r="H303" s="12">
        <f t="shared" si="8"/>
        <v>12</v>
      </c>
      <c r="I303" s="12">
        <f t="shared" si="9"/>
        <v>6</v>
      </c>
    </row>
    <row r="304" spans="1:35" s="5" customFormat="1" ht="27.75" customHeight="1" x14ac:dyDescent="0.4">
      <c r="A304" s="9" t="s">
        <v>137</v>
      </c>
      <c r="B304" s="9" t="s">
        <v>622</v>
      </c>
      <c r="C304" s="9" t="s">
        <v>623</v>
      </c>
      <c r="D304" s="18">
        <v>1412010080</v>
      </c>
      <c r="E304" s="11">
        <v>47603</v>
      </c>
      <c r="F304" s="9" t="s">
        <v>20</v>
      </c>
      <c r="G304" s="5">
        <v>302</v>
      </c>
      <c r="H304" s="12">
        <f t="shared" si="8"/>
        <v>12</v>
      </c>
      <c r="I304" s="12">
        <f t="shared" si="9"/>
        <v>8</v>
      </c>
    </row>
    <row r="305" spans="1:35" s="5" customFormat="1" ht="27.75" customHeight="1" x14ac:dyDescent="0.4">
      <c r="A305" s="9" t="s">
        <v>137</v>
      </c>
      <c r="B305" s="9" t="s">
        <v>624</v>
      </c>
      <c r="C305" s="9" t="s">
        <v>625</v>
      </c>
      <c r="D305" s="18">
        <v>1412002673</v>
      </c>
      <c r="E305" s="11">
        <v>46387</v>
      </c>
      <c r="F305" s="9" t="s">
        <v>20</v>
      </c>
      <c r="G305" s="12">
        <v>303</v>
      </c>
      <c r="H305" s="12">
        <f t="shared" si="8"/>
        <v>12</v>
      </c>
      <c r="I305" s="12">
        <f t="shared" si="9"/>
        <v>15</v>
      </c>
    </row>
    <row r="306" spans="1:35" s="5" customFormat="1" ht="27.75" customHeight="1" x14ac:dyDescent="0.4">
      <c r="A306" s="9" t="s">
        <v>137</v>
      </c>
      <c r="B306" s="9" t="s">
        <v>626</v>
      </c>
      <c r="C306" s="9" t="s">
        <v>627</v>
      </c>
      <c r="D306" s="18">
        <v>1412010874</v>
      </c>
      <c r="E306" s="11">
        <v>47634</v>
      </c>
      <c r="F306" s="9" t="s">
        <v>20</v>
      </c>
      <c r="G306" s="5">
        <v>304</v>
      </c>
      <c r="H306" s="12">
        <f t="shared" si="8"/>
        <v>26</v>
      </c>
      <c r="I306" s="12">
        <f t="shared" si="9"/>
        <v>6</v>
      </c>
    </row>
    <row r="307" spans="1:35" s="5" customFormat="1" ht="27.75" customHeight="1" x14ac:dyDescent="0.4">
      <c r="A307" s="9" t="s">
        <v>137</v>
      </c>
      <c r="B307" s="9" t="s">
        <v>628</v>
      </c>
      <c r="C307" s="9" t="s">
        <v>629</v>
      </c>
      <c r="D307" s="18">
        <v>1412010163</v>
      </c>
      <c r="E307" s="11">
        <v>46387</v>
      </c>
      <c r="F307" s="9" t="s">
        <v>20</v>
      </c>
      <c r="G307" s="12">
        <v>305</v>
      </c>
      <c r="H307" s="12">
        <f t="shared" si="8"/>
        <v>11</v>
      </c>
      <c r="I307" s="12">
        <f t="shared" si="9"/>
        <v>15</v>
      </c>
    </row>
    <row r="308" spans="1:35" s="5" customFormat="1" ht="27.75" customHeight="1" x14ac:dyDescent="0.4">
      <c r="A308" s="9" t="s">
        <v>137</v>
      </c>
      <c r="B308" s="9" t="s">
        <v>630</v>
      </c>
      <c r="C308" s="9" t="s">
        <v>631</v>
      </c>
      <c r="D308" s="18">
        <v>1412010171</v>
      </c>
      <c r="E308" s="11">
        <v>46904</v>
      </c>
      <c r="F308" s="9" t="s">
        <v>20</v>
      </c>
      <c r="G308" s="5">
        <v>306</v>
      </c>
      <c r="H308" s="12">
        <f t="shared" si="8"/>
        <v>26</v>
      </c>
      <c r="I308" s="12">
        <f t="shared" si="9"/>
        <v>11</v>
      </c>
    </row>
    <row r="309" spans="1:35" s="5" customFormat="1" ht="27.75" customHeight="1" x14ac:dyDescent="0.4">
      <c r="A309" s="9" t="s">
        <v>137</v>
      </c>
      <c r="B309" s="9" t="s">
        <v>632</v>
      </c>
      <c r="C309" s="9" t="s">
        <v>633</v>
      </c>
      <c r="D309" s="18">
        <v>1412003663</v>
      </c>
      <c r="E309" s="11">
        <v>46387</v>
      </c>
      <c r="F309" s="9" t="s">
        <v>20</v>
      </c>
      <c r="G309" s="12">
        <v>307</v>
      </c>
      <c r="H309" s="12">
        <f t="shared" si="8"/>
        <v>10</v>
      </c>
      <c r="I309" s="12">
        <f t="shared" si="9"/>
        <v>9</v>
      </c>
      <c r="J309" s="12"/>
      <c r="K309" s="12"/>
      <c r="L309" s="12"/>
      <c r="M309" s="12"/>
      <c r="N309" s="12"/>
      <c r="O309" s="12"/>
      <c r="P309" s="12"/>
      <c r="Q309" s="12"/>
      <c r="R309" s="12"/>
      <c r="S309" s="12"/>
      <c r="T309" s="12"/>
      <c r="U309" s="12"/>
      <c r="V309" s="12"/>
      <c r="W309" s="12"/>
      <c r="X309" s="12"/>
      <c r="Y309" s="12"/>
      <c r="Z309" s="12"/>
      <c r="AA309" s="12"/>
      <c r="AB309" s="12"/>
      <c r="AC309" s="12"/>
      <c r="AD309" s="12"/>
      <c r="AE309" s="12"/>
      <c r="AF309" s="12"/>
      <c r="AG309" s="12"/>
      <c r="AH309" s="12"/>
      <c r="AI309" s="12"/>
    </row>
    <row r="310" spans="1:35" s="5" customFormat="1" ht="27.75" customHeight="1" x14ac:dyDescent="0.4">
      <c r="A310" s="9" t="s">
        <v>137</v>
      </c>
      <c r="B310" s="13" t="s">
        <v>634</v>
      </c>
      <c r="C310" s="13" t="s">
        <v>635</v>
      </c>
      <c r="D310" s="18">
        <v>1412103703</v>
      </c>
      <c r="E310" s="11">
        <v>46934</v>
      </c>
      <c r="F310" s="9" t="s">
        <v>23</v>
      </c>
      <c r="G310" s="5">
        <v>308</v>
      </c>
      <c r="H310" s="12">
        <f t="shared" si="8"/>
        <v>15</v>
      </c>
      <c r="I310" s="12">
        <f t="shared" si="9"/>
        <v>18</v>
      </c>
    </row>
    <row r="311" spans="1:35" s="5" customFormat="1" ht="27.75" customHeight="1" x14ac:dyDescent="0.4">
      <c r="A311" s="9" t="s">
        <v>137</v>
      </c>
      <c r="B311" s="9" t="s">
        <v>636</v>
      </c>
      <c r="C311" s="9" t="s">
        <v>637</v>
      </c>
      <c r="D311" s="18">
        <v>1412110203</v>
      </c>
      <c r="E311" s="11">
        <v>46843</v>
      </c>
      <c r="F311" s="9" t="s">
        <v>23</v>
      </c>
      <c r="G311" s="12">
        <v>309</v>
      </c>
      <c r="H311" s="12">
        <f t="shared" si="8"/>
        <v>11</v>
      </c>
      <c r="I311" s="12">
        <f t="shared" si="9"/>
        <v>8</v>
      </c>
    </row>
    <row r="312" spans="1:35" s="5" customFormat="1" ht="27.75" customHeight="1" x14ac:dyDescent="0.4">
      <c r="A312" s="9" t="s">
        <v>137</v>
      </c>
      <c r="B312" s="14" t="s">
        <v>638</v>
      </c>
      <c r="C312" s="9" t="s">
        <v>639</v>
      </c>
      <c r="D312" s="18">
        <v>1412104669</v>
      </c>
      <c r="E312" s="11">
        <v>46387</v>
      </c>
      <c r="F312" s="9" t="s">
        <v>23</v>
      </c>
      <c r="G312" s="5">
        <v>310</v>
      </c>
      <c r="H312" s="12">
        <f t="shared" si="8"/>
        <v>11</v>
      </c>
      <c r="I312" s="12">
        <f t="shared" si="9"/>
        <v>16</v>
      </c>
    </row>
    <row r="313" spans="1:35" s="5" customFormat="1" ht="27.75" customHeight="1" x14ac:dyDescent="0.4">
      <c r="A313" s="15" t="s">
        <v>137</v>
      </c>
      <c r="B313" s="16" t="s">
        <v>640</v>
      </c>
      <c r="C313" s="22" t="s">
        <v>641</v>
      </c>
      <c r="D313" s="10">
        <v>1412104966</v>
      </c>
      <c r="E313" s="11">
        <v>46387</v>
      </c>
      <c r="F313" s="9" t="s">
        <v>23</v>
      </c>
      <c r="G313" s="12">
        <v>311</v>
      </c>
      <c r="H313" s="12">
        <f t="shared" si="8"/>
        <v>21</v>
      </c>
      <c r="I313" s="12">
        <f t="shared" si="9"/>
        <v>12</v>
      </c>
    </row>
    <row r="314" spans="1:35" s="5" customFormat="1" ht="27.75" customHeight="1" x14ac:dyDescent="0.4">
      <c r="A314" s="9" t="s">
        <v>137</v>
      </c>
      <c r="B314" s="9" t="s">
        <v>642</v>
      </c>
      <c r="C314" s="9" t="s">
        <v>643</v>
      </c>
      <c r="D314" s="18">
        <v>1412110146</v>
      </c>
      <c r="E314" s="11">
        <v>46691</v>
      </c>
      <c r="F314" s="9" t="s">
        <v>23</v>
      </c>
      <c r="G314" s="5">
        <v>312</v>
      </c>
      <c r="H314" s="12">
        <f t="shared" si="8"/>
        <v>21</v>
      </c>
      <c r="I314" s="12">
        <f t="shared" si="9"/>
        <v>4</v>
      </c>
    </row>
    <row r="315" spans="1:35" s="5" customFormat="1" ht="27.75" customHeight="1" x14ac:dyDescent="0.4">
      <c r="A315" s="9" t="s">
        <v>137</v>
      </c>
      <c r="B315" s="9" t="s">
        <v>644</v>
      </c>
      <c r="C315" s="9" t="s">
        <v>645</v>
      </c>
      <c r="D315" s="18">
        <v>1412103042</v>
      </c>
      <c r="E315" s="11">
        <v>46387</v>
      </c>
      <c r="F315" s="9" t="s">
        <v>23</v>
      </c>
      <c r="G315" s="12">
        <v>313</v>
      </c>
      <c r="H315" s="12">
        <f t="shared" si="8"/>
        <v>11</v>
      </c>
      <c r="I315" s="12">
        <f t="shared" si="9"/>
        <v>14</v>
      </c>
    </row>
    <row r="316" spans="1:35" s="5" customFormat="1" ht="27.75" customHeight="1" x14ac:dyDescent="0.4">
      <c r="A316" s="9" t="s">
        <v>137</v>
      </c>
      <c r="B316" s="9" t="s">
        <v>646</v>
      </c>
      <c r="C316" s="9" t="s">
        <v>647</v>
      </c>
      <c r="D316" s="18">
        <v>1412110641</v>
      </c>
      <c r="E316" s="11">
        <v>46507</v>
      </c>
      <c r="F316" s="9" t="s">
        <v>23</v>
      </c>
      <c r="G316" s="5">
        <v>314</v>
      </c>
      <c r="H316" s="12">
        <f t="shared" si="8"/>
        <v>26</v>
      </c>
      <c r="I316" s="12">
        <f t="shared" si="9"/>
        <v>23</v>
      </c>
    </row>
    <row r="317" spans="1:35" s="5" customFormat="1" ht="27.75" customHeight="1" x14ac:dyDescent="0.4">
      <c r="A317" s="9" t="s">
        <v>137</v>
      </c>
      <c r="B317" s="13" t="s">
        <v>648</v>
      </c>
      <c r="C317" s="9" t="s">
        <v>649</v>
      </c>
      <c r="D317" s="18">
        <v>1412104503</v>
      </c>
      <c r="E317" s="11">
        <v>46387</v>
      </c>
      <c r="F317" s="9" t="s">
        <v>23</v>
      </c>
      <c r="G317" s="12">
        <v>315</v>
      </c>
      <c r="H317" s="12">
        <f t="shared" si="8"/>
        <v>14</v>
      </c>
      <c r="I317" s="12">
        <f t="shared" si="9"/>
        <v>4</v>
      </c>
    </row>
    <row r="318" spans="1:35" s="5" customFormat="1" ht="27.75" customHeight="1" x14ac:dyDescent="0.4">
      <c r="A318" s="9" t="s">
        <v>137</v>
      </c>
      <c r="B318" s="9" t="s">
        <v>650</v>
      </c>
      <c r="C318" s="9" t="s">
        <v>651</v>
      </c>
      <c r="D318" s="18">
        <v>1412104685</v>
      </c>
      <c r="E318" s="11">
        <v>46387</v>
      </c>
      <c r="F318" s="9" t="s">
        <v>23</v>
      </c>
      <c r="G318" s="5">
        <v>316</v>
      </c>
      <c r="H318" s="12">
        <f t="shared" si="8"/>
        <v>15</v>
      </c>
      <c r="I318" s="12">
        <f t="shared" si="9"/>
        <v>8</v>
      </c>
    </row>
    <row r="319" spans="1:35" s="5" customFormat="1" ht="27.75" customHeight="1" x14ac:dyDescent="0.4">
      <c r="A319" s="9" t="s">
        <v>137</v>
      </c>
      <c r="B319" s="9" t="s">
        <v>652</v>
      </c>
      <c r="C319" s="9" t="s">
        <v>653</v>
      </c>
      <c r="D319" s="18">
        <v>1412110211</v>
      </c>
      <c r="E319" s="11">
        <v>46446</v>
      </c>
      <c r="F319" s="9" t="s">
        <v>23</v>
      </c>
      <c r="G319" s="12">
        <v>317</v>
      </c>
      <c r="H319" s="12">
        <f t="shared" si="8"/>
        <v>11</v>
      </c>
      <c r="I319" s="12">
        <f t="shared" si="9"/>
        <v>18</v>
      </c>
    </row>
    <row r="320" spans="1:35" s="5" customFormat="1" ht="27.75" customHeight="1" x14ac:dyDescent="0.4">
      <c r="A320" s="9" t="s">
        <v>137</v>
      </c>
      <c r="B320" s="9" t="s">
        <v>654</v>
      </c>
      <c r="C320" s="9" t="s">
        <v>655</v>
      </c>
      <c r="D320" s="18">
        <v>1412103422</v>
      </c>
      <c r="E320" s="11">
        <v>46630</v>
      </c>
      <c r="F320" s="9" t="s">
        <v>23</v>
      </c>
      <c r="G320" s="5">
        <v>318</v>
      </c>
      <c r="H320" s="12">
        <f t="shared" si="8"/>
        <v>11</v>
      </c>
      <c r="I320" s="12">
        <f t="shared" si="9"/>
        <v>9</v>
      </c>
    </row>
    <row r="321" spans="1:35" s="5" customFormat="1" ht="27.75" customHeight="1" x14ac:dyDescent="0.4">
      <c r="A321" s="9" t="s">
        <v>137</v>
      </c>
      <c r="B321" s="9" t="s">
        <v>656</v>
      </c>
      <c r="C321" s="9" t="s">
        <v>657</v>
      </c>
      <c r="D321" s="18">
        <v>1412103182</v>
      </c>
      <c r="E321" s="11">
        <v>46387</v>
      </c>
      <c r="F321" s="9" t="s">
        <v>23</v>
      </c>
      <c r="G321" s="12">
        <v>319</v>
      </c>
      <c r="H321" s="12">
        <f t="shared" si="8"/>
        <v>11</v>
      </c>
      <c r="I321" s="12">
        <f t="shared" si="9"/>
        <v>11</v>
      </c>
    </row>
    <row r="322" spans="1:35" s="5" customFormat="1" ht="27.75" customHeight="1" x14ac:dyDescent="0.4">
      <c r="A322" s="9" t="s">
        <v>137</v>
      </c>
      <c r="B322" s="9" t="s">
        <v>658</v>
      </c>
      <c r="C322" s="9" t="s">
        <v>659</v>
      </c>
      <c r="D322" s="18">
        <v>1412103315</v>
      </c>
      <c r="E322" s="11">
        <v>46387</v>
      </c>
      <c r="F322" s="9" t="s">
        <v>23</v>
      </c>
      <c r="G322" s="5">
        <v>320</v>
      </c>
      <c r="H322" s="12">
        <f t="shared" si="8"/>
        <v>13</v>
      </c>
      <c r="I322" s="12">
        <f t="shared" si="9"/>
        <v>18</v>
      </c>
    </row>
    <row r="323" spans="1:35" s="5" customFormat="1" ht="27.75" customHeight="1" x14ac:dyDescent="0.4">
      <c r="A323" s="9" t="s">
        <v>137</v>
      </c>
      <c r="B323" s="9" t="s">
        <v>660</v>
      </c>
      <c r="C323" s="9" t="s">
        <v>661</v>
      </c>
      <c r="D323" s="18">
        <v>1412102879</v>
      </c>
      <c r="E323" s="11">
        <v>46904</v>
      </c>
      <c r="F323" s="9" t="s">
        <v>23</v>
      </c>
      <c r="G323" s="12">
        <v>321</v>
      </c>
      <c r="H323" s="12">
        <f t="shared" si="8"/>
        <v>12</v>
      </c>
      <c r="I323" s="12">
        <f t="shared" si="9"/>
        <v>12</v>
      </c>
    </row>
    <row r="324" spans="1:35" s="5" customFormat="1" ht="27.75" customHeight="1" x14ac:dyDescent="0.4">
      <c r="A324" s="17" t="s">
        <v>137</v>
      </c>
      <c r="B324" s="15" t="s">
        <v>662</v>
      </c>
      <c r="C324" s="16" t="s">
        <v>663</v>
      </c>
      <c r="D324" s="10">
        <v>1412110005</v>
      </c>
      <c r="E324" s="11">
        <v>46996</v>
      </c>
      <c r="F324" s="9" t="s">
        <v>23</v>
      </c>
      <c r="G324" s="5">
        <v>322</v>
      </c>
      <c r="H324" s="12">
        <f t="shared" ref="H324:H387" si="10">LEN(C324)</f>
        <v>14</v>
      </c>
      <c r="I324" s="12">
        <f t="shared" ref="I324:I387" si="11">LEN(B324)</f>
        <v>7</v>
      </c>
    </row>
    <row r="325" spans="1:35" s="5" customFormat="1" ht="27.75" customHeight="1" x14ac:dyDescent="0.4">
      <c r="A325" s="9" t="s">
        <v>137</v>
      </c>
      <c r="B325" s="9" t="s">
        <v>664</v>
      </c>
      <c r="C325" s="9" t="s">
        <v>665</v>
      </c>
      <c r="D325" s="18">
        <v>1412110765</v>
      </c>
      <c r="E325" s="11">
        <v>47149</v>
      </c>
      <c r="F325" s="9" t="s">
        <v>23</v>
      </c>
      <c r="G325" s="12">
        <v>323</v>
      </c>
      <c r="H325" s="12">
        <f t="shared" si="10"/>
        <v>13</v>
      </c>
      <c r="I325" s="12">
        <f t="shared" si="11"/>
        <v>10</v>
      </c>
    </row>
    <row r="326" spans="1:35" s="5" customFormat="1" ht="27.75" customHeight="1" x14ac:dyDescent="0.4">
      <c r="A326" s="9" t="s">
        <v>137</v>
      </c>
      <c r="B326" s="9" t="s">
        <v>666</v>
      </c>
      <c r="C326" s="9" t="s">
        <v>667</v>
      </c>
      <c r="D326" s="18">
        <v>1412104651</v>
      </c>
      <c r="E326" s="11">
        <v>46387</v>
      </c>
      <c r="F326" s="9" t="s">
        <v>23</v>
      </c>
      <c r="G326" s="5">
        <v>324</v>
      </c>
      <c r="H326" s="12">
        <f t="shared" si="10"/>
        <v>18</v>
      </c>
      <c r="I326" s="12">
        <f t="shared" si="11"/>
        <v>10</v>
      </c>
    </row>
    <row r="327" spans="1:35" s="5" customFormat="1" ht="27.75" customHeight="1" x14ac:dyDescent="0.4">
      <c r="A327" s="17" t="s">
        <v>137</v>
      </c>
      <c r="B327" s="19" t="s">
        <v>668</v>
      </c>
      <c r="C327" s="19" t="s">
        <v>669</v>
      </c>
      <c r="D327" s="20">
        <v>1412110781</v>
      </c>
      <c r="E327" s="11">
        <v>47238</v>
      </c>
      <c r="F327" s="9" t="s">
        <v>23</v>
      </c>
      <c r="G327" s="12">
        <v>325</v>
      </c>
      <c r="H327" s="12">
        <f t="shared" si="10"/>
        <v>21</v>
      </c>
      <c r="I327" s="12">
        <f t="shared" si="11"/>
        <v>13</v>
      </c>
    </row>
    <row r="328" spans="1:35" s="5" customFormat="1" ht="27.75" customHeight="1" x14ac:dyDescent="0.4">
      <c r="A328" s="9" t="s">
        <v>137</v>
      </c>
      <c r="B328" s="9" t="s">
        <v>670</v>
      </c>
      <c r="C328" s="9" t="s">
        <v>671</v>
      </c>
      <c r="D328" s="18">
        <v>1412111011</v>
      </c>
      <c r="E328" s="11">
        <v>48091</v>
      </c>
      <c r="F328" s="9" t="s">
        <v>23</v>
      </c>
      <c r="G328" s="5">
        <v>326</v>
      </c>
      <c r="H328" s="12">
        <f t="shared" si="10"/>
        <v>9</v>
      </c>
      <c r="I328" s="12">
        <f t="shared" si="11"/>
        <v>6</v>
      </c>
    </row>
    <row r="329" spans="1:35" s="5" customFormat="1" ht="27.75" customHeight="1" x14ac:dyDescent="0.4">
      <c r="A329" s="9" t="s">
        <v>137</v>
      </c>
      <c r="B329" s="9" t="s">
        <v>672</v>
      </c>
      <c r="C329" s="9" t="s">
        <v>673</v>
      </c>
      <c r="D329" s="18">
        <v>1412100972</v>
      </c>
      <c r="E329" s="11">
        <v>46387</v>
      </c>
      <c r="F329" s="9" t="s">
        <v>23</v>
      </c>
      <c r="G329" s="12">
        <v>327</v>
      </c>
      <c r="H329" s="12">
        <f t="shared" si="10"/>
        <v>9</v>
      </c>
      <c r="I329" s="12">
        <f t="shared" si="11"/>
        <v>11</v>
      </c>
    </row>
    <row r="330" spans="1:35" s="5" customFormat="1" ht="27.75" customHeight="1" x14ac:dyDescent="0.4">
      <c r="A330" s="9" t="s">
        <v>137</v>
      </c>
      <c r="B330" s="9" t="s">
        <v>674</v>
      </c>
      <c r="C330" s="9" t="s">
        <v>675</v>
      </c>
      <c r="D330" s="18">
        <v>1412100600</v>
      </c>
      <c r="E330" s="11">
        <v>46387</v>
      </c>
      <c r="F330" s="9" t="s">
        <v>23</v>
      </c>
      <c r="G330" s="5">
        <v>328</v>
      </c>
      <c r="H330" s="12">
        <f t="shared" si="10"/>
        <v>10</v>
      </c>
      <c r="I330" s="12">
        <f t="shared" si="11"/>
        <v>15</v>
      </c>
    </row>
    <row r="331" spans="1:35" s="5" customFormat="1" ht="27.75" customHeight="1" x14ac:dyDescent="0.4">
      <c r="A331" s="9" t="s">
        <v>137</v>
      </c>
      <c r="B331" s="9" t="s">
        <v>676</v>
      </c>
      <c r="C331" s="9" t="s">
        <v>677</v>
      </c>
      <c r="D331" s="18">
        <v>1412100857</v>
      </c>
      <c r="E331" s="11">
        <v>46387</v>
      </c>
      <c r="F331" s="9" t="s">
        <v>23</v>
      </c>
      <c r="G331" s="12">
        <v>329</v>
      </c>
      <c r="H331" s="12">
        <f t="shared" si="10"/>
        <v>11</v>
      </c>
      <c r="I331" s="12">
        <f t="shared" si="11"/>
        <v>31</v>
      </c>
      <c r="J331" s="12"/>
      <c r="K331" s="12"/>
      <c r="L331" s="12"/>
      <c r="M331" s="12"/>
      <c r="N331" s="12"/>
      <c r="O331" s="12"/>
      <c r="P331" s="12"/>
      <c r="Q331" s="12"/>
      <c r="R331" s="12"/>
      <c r="S331" s="12"/>
      <c r="T331" s="12"/>
      <c r="U331" s="12"/>
      <c r="V331" s="12"/>
      <c r="W331" s="12"/>
      <c r="X331" s="12"/>
      <c r="Y331" s="12"/>
      <c r="Z331" s="12"/>
      <c r="AA331" s="12"/>
      <c r="AB331" s="12"/>
      <c r="AC331" s="12"/>
      <c r="AD331" s="12"/>
      <c r="AE331" s="12"/>
      <c r="AF331" s="12"/>
      <c r="AG331" s="12"/>
      <c r="AH331" s="12"/>
      <c r="AI331" s="12"/>
    </row>
    <row r="332" spans="1:35" s="5" customFormat="1" ht="27.75" customHeight="1" x14ac:dyDescent="0.4">
      <c r="A332" s="17" t="s">
        <v>137</v>
      </c>
      <c r="B332" s="13" t="s">
        <v>678</v>
      </c>
      <c r="C332" s="13" t="s">
        <v>679</v>
      </c>
      <c r="D332" s="18">
        <v>1412101830</v>
      </c>
      <c r="E332" s="11">
        <v>47817</v>
      </c>
      <c r="F332" s="9" t="s">
        <v>23</v>
      </c>
      <c r="G332" s="5">
        <v>330</v>
      </c>
      <c r="H332" s="12">
        <f t="shared" si="10"/>
        <v>12</v>
      </c>
      <c r="I332" s="12">
        <f t="shared" si="11"/>
        <v>17</v>
      </c>
    </row>
    <row r="333" spans="1:35" s="5" customFormat="1" ht="27.75" customHeight="1" x14ac:dyDescent="0.4">
      <c r="A333" s="9" t="s">
        <v>137</v>
      </c>
      <c r="B333" s="15" t="s">
        <v>680</v>
      </c>
      <c r="C333" s="16" t="s">
        <v>681</v>
      </c>
      <c r="D333" s="10">
        <v>1412103158</v>
      </c>
      <c r="E333" s="11">
        <v>46387</v>
      </c>
      <c r="F333" s="9" t="s">
        <v>23</v>
      </c>
      <c r="G333" s="12">
        <v>331</v>
      </c>
      <c r="H333" s="12">
        <f t="shared" si="10"/>
        <v>11</v>
      </c>
      <c r="I333" s="12">
        <f t="shared" si="11"/>
        <v>6</v>
      </c>
      <c r="J333" s="12"/>
      <c r="K333" s="12"/>
      <c r="L333" s="12"/>
      <c r="M333" s="12"/>
      <c r="N333" s="12"/>
      <c r="O333" s="12"/>
      <c r="P333" s="12"/>
      <c r="Q333" s="12"/>
      <c r="R333" s="12"/>
      <c r="S333" s="12"/>
      <c r="T333" s="12"/>
      <c r="U333" s="12"/>
      <c r="V333" s="12"/>
      <c r="W333" s="12"/>
      <c r="X333" s="12"/>
      <c r="Y333" s="12"/>
      <c r="Z333" s="12"/>
      <c r="AA333" s="12"/>
      <c r="AB333" s="12"/>
      <c r="AC333" s="12"/>
      <c r="AD333" s="12"/>
      <c r="AE333" s="12"/>
      <c r="AF333" s="12"/>
      <c r="AG333" s="12"/>
      <c r="AH333" s="12"/>
      <c r="AI333" s="12"/>
    </row>
    <row r="334" spans="1:35" s="5" customFormat="1" ht="27.75" customHeight="1" x14ac:dyDescent="0.4">
      <c r="A334" s="9" t="s">
        <v>137</v>
      </c>
      <c r="B334" s="9" t="s">
        <v>682</v>
      </c>
      <c r="C334" s="9" t="s">
        <v>683</v>
      </c>
      <c r="D334" s="18">
        <v>1412110112</v>
      </c>
      <c r="E334" s="11">
        <v>46507</v>
      </c>
      <c r="F334" s="9" t="s">
        <v>23</v>
      </c>
      <c r="G334" s="5">
        <v>332</v>
      </c>
      <c r="H334" s="12">
        <f t="shared" si="10"/>
        <v>13</v>
      </c>
      <c r="I334" s="12">
        <f t="shared" si="11"/>
        <v>16</v>
      </c>
    </row>
    <row r="335" spans="1:35" s="5" customFormat="1" ht="27.75" customHeight="1" x14ac:dyDescent="0.4">
      <c r="A335" s="9" t="s">
        <v>137</v>
      </c>
      <c r="B335" s="9" t="s">
        <v>684</v>
      </c>
      <c r="C335" s="9" t="s">
        <v>685</v>
      </c>
      <c r="D335" s="18">
        <v>1412104719</v>
      </c>
      <c r="E335" s="11">
        <v>46387</v>
      </c>
      <c r="F335" s="9" t="s">
        <v>23</v>
      </c>
      <c r="G335" s="12">
        <v>333</v>
      </c>
      <c r="H335" s="12">
        <f t="shared" si="10"/>
        <v>12</v>
      </c>
      <c r="I335" s="12">
        <f t="shared" si="11"/>
        <v>6</v>
      </c>
    </row>
    <row r="336" spans="1:35" s="5" customFormat="1" ht="27.75" customHeight="1" x14ac:dyDescent="0.4">
      <c r="A336" s="9" t="s">
        <v>137</v>
      </c>
      <c r="B336" s="9" t="s">
        <v>686</v>
      </c>
      <c r="C336" s="9" t="s">
        <v>687</v>
      </c>
      <c r="D336" s="18">
        <v>1412104511</v>
      </c>
      <c r="E336" s="11">
        <v>46387</v>
      </c>
      <c r="F336" s="9" t="s">
        <v>23</v>
      </c>
      <c r="G336" s="5">
        <v>334</v>
      </c>
      <c r="H336" s="12">
        <f t="shared" si="10"/>
        <v>12</v>
      </c>
      <c r="I336" s="12">
        <f t="shared" si="11"/>
        <v>5</v>
      </c>
    </row>
    <row r="337" spans="1:9" s="5" customFormat="1" ht="27.75" customHeight="1" x14ac:dyDescent="0.4">
      <c r="A337" s="9" t="s">
        <v>137</v>
      </c>
      <c r="B337" s="9" t="s">
        <v>688</v>
      </c>
      <c r="C337" s="9" t="s">
        <v>689</v>
      </c>
      <c r="D337" s="18">
        <v>1412104172</v>
      </c>
      <c r="E337" s="11">
        <v>46387</v>
      </c>
      <c r="F337" s="9" t="s">
        <v>23</v>
      </c>
      <c r="G337" s="12">
        <v>335</v>
      </c>
      <c r="H337" s="12">
        <f t="shared" si="10"/>
        <v>9</v>
      </c>
      <c r="I337" s="12">
        <f t="shared" si="11"/>
        <v>9</v>
      </c>
    </row>
    <row r="338" spans="1:9" s="5" customFormat="1" ht="27.75" customHeight="1" x14ac:dyDescent="0.4">
      <c r="A338" s="9" t="s">
        <v>137</v>
      </c>
      <c r="B338" s="16" t="s">
        <v>690</v>
      </c>
      <c r="C338" s="16" t="s">
        <v>691</v>
      </c>
      <c r="D338" s="10">
        <v>1412110922</v>
      </c>
      <c r="E338" s="11">
        <v>47726</v>
      </c>
      <c r="F338" s="9" t="s">
        <v>23</v>
      </c>
      <c r="G338" s="5">
        <v>336</v>
      </c>
      <c r="H338" s="12">
        <f t="shared" si="10"/>
        <v>11</v>
      </c>
      <c r="I338" s="12">
        <f t="shared" si="11"/>
        <v>10</v>
      </c>
    </row>
    <row r="339" spans="1:9" s="5" customFormat="1" ht="27.75" customHeight="1" x14ac:dyDescent="0.4">
      <c r="A339" s="9" t="s">
        <v>137</v>
      </c>
      <c r="B339" s="9" t="s">
        <v>692</v>
      </c>
      <c r="C339" s="9" t="s">
        <v>693</v>
      </c>
      <c r="D339" s="18">
        <v>1412104727</v>
      </c>
      <c r="E339" s="11">
        <v>46387</v>
      </c>
      <c r="F339" s="9" t="s">
        <v>23</v>
      </c>
      <c r="G339" s="12">
        <v>337</v>
      </c>
      <c r="H339" s="12">
        <f t="shared" si="10"/>
        <v>11</v>
      </c>
      <c r="I339" s="12">
        <f t="shared" si="11"/>
        <v>19</v>
      </c>
    </row>
    <row r="340" spans="1:9" s="5" customFormat="1" ht="27.75" customHeight="1" x14ac:dyDescent="0.4">
      <c r="A340" s="9" t="s">
        <v>137</v>
      </c>
      <c r="B340" s="9" t="s">
        <v>694</v>
      </c>
      <c r="C340" s="9" t="s">
        <v>695</v>
      </c>
      <c r="D340" s="18">
        <v>1412103844</v>
      </c>
      <c r="E340" s="11">
        <v>46387</v>
      </c>
      <c r="F340" s="9" t="s">
        <v>23</v>
      </c>
      <c r="G340" s="5">
        <v>338</v>
      </c>
      <c r="H340" s="12">
        <f t="shared" si="10"/>
        <v>16</v>
      </c>
      <c r="I340" s="12">
        <f t="shared" si="11"/>
        <v>7</v>
      </c>
    </row>
    <row r="341" spans="1:9" s="5" customFormat="1" ht="27.75" customHeight="1" x14ac:dyDescent="0.4">
      <c r="A341" s="9" t="s">
        <v>137</v>
      </c>
      <c r="B341" s="9" t="s">
        <v>696</v>
      </c>
      <c r="C341" s="9" t="s">
        <v>697</v>
      </c>
      <c r="D341" s="18">
        <v>1412101525</v>
      </c>
      <c r="E341" s="11">
        <v>46599</v>
      </c>
      <c r="F341" s="9" t="s">
        <v>23</v>
      </c>
      <c r="G341" s="12">
        <v>339</v>
      </c>
      <c r="H341" s="12">
        <f t="shared" si="10"/>
        <v>11</v>
      </c>
      <c r="I341" s="12">
        <f t="shared" si="11"/>
        <v>22</v>
      </c>
    </row>
    <row r="342" spans="1:9" s="5" customFormat="1" ht="27.75" customHeight="1" x14ac:dyDescent="0.4">
      <c r="A342" s="9" t="s">
        <v>137</v>
      </c>
      <c r="B342" s="16" t="s">
        <v>698</v>
      </c>
      <c r="C342" s="16" t="s">
        <v>699</v>
      </c>
      <c r="D342" s="10">
        <v>1412104776</v>
      </c>
      <c r="E342" s="11">
        <v>46387</v>
      </c>
      <c r="F342" s="9" t="s">
        <v>23</v>
      </c>
      <c r="G342" s="5">
        <v>340</v>
      </c>
      <c r="H342" s="12">
        <f t="shared" si="10"/>
        <v>12</v>
      </c>
      <c r="I342" s="12">
        <f t="shared" si="11"/>
        <v>7</v>
      </c>
    </row>
    <row r="343" spans="1:9" s="5" customFormat="1" ht="27.75" customHeight="1" x14ac:dyDescent="0.4">
      <c r="A343" s="9" t="s">
        <v>137</v>
      </c>
      <c r="B343" s="9" t="s">
        <v>700</v>
      </c>
      <c r="C343" s="9" t="s">
        <v>701</v>
      </c>
      <c r="D343" s="18">
        <v>1412104867</v>
      </c>
      <c r="E343" s="11">
        <v>46387</v>
      </c>
      <c r="F343" s="9" t="s">
        <v>23</v>
      </c>
      <c r="G343" s="12">
        <v>341</v>
      </c>
      <c r="H343" s="12">
        <f t="shared" si="10"/>
        <v>12</v>
      </c>
      <c r="I343" s="12">
        <f t="shared" si="11"/>
        <v>12</v>
      </c>
    </row>
    <row r="344" spans="1:9" s="5" customFormat="1" ht="27.75" customHeight="1" x14ac:dyDescent="0.4">
      <c r="A344" s="9" t="s">
        <v>137</v>
      </c>
      <c r="B344" s="9" t="s">
        <v>702</v>
      </c>
      <c r="C344" s="13" t="s">
        <v>703</v>
      </c>
      <c r="D344" s="18">
        <v>1412110070</v>
      </c>
      <c r="E344" s="11">
        <v>46387</v>
      </c>
      <c r="F344" s="9" t="s">
        <v>23</v>
      </c>
      <c r="G344" s="5">
        <v>342</v>
      </c>
      <c r="H344" s="12">
        <f t="shared" si="10"/>
        <v>18</v>
      </c>
      <c r="I344" s="12">
        <f t="shared" si="11"/>
        <v>8</v>
      </c>
    </row>
    <row r="345" spans="1:9" s="5" customFormat="1" ht="27.75" customHeight="1" x14ac:dyDescent="0.4">
      <c r="A345" s="9" t="s">
        <v>137</v>
      </c>
      <c r="B345" s="15" t="s">
        <v>704</v>
      </c>
      <c r="C345" s="16" t="s">
        <v>705</v>
      </c>
      <c r="D345" s="10">
        <v>1412111052</v>
      </c>
      <c r="E345" s="27">
        <v>48334</v>
      </c>
      <c r="F345" s="9" t="s">
        <v>23</v>
      </c>
      <c r="G345" s="12">
        <v>343</v>
      </c>
      <c r="H345" s="12">
        <f t="shared" si="10"/>
        <v>20</v>
      </c>
      <c r="I345" s="12">
        <f t="shared" si="11"/>
        <v>18</v>
      </c>
    </row>
    <row r="346" spans="1:9" s="5" customFormat="1" ht="27.75" customHeight="1" x14ac:dyDescent="0.4">
      <c r="A346" s="9" t="s">
        <v>137</v>
      </c>
      <c r="B346" s="9" t="s">
        <v>706</v>
      </c>
      <c r="C346" s="9" t="s">
        <v>707</v>
      </c>
      <c r="D346" s="18">
        <v>1412103927</v>
      </c>
      <c r="E346" s="11">
        <v>46387</v>
      </c>
      <c r="F346" s="9" t="s">
        <v>23</v>
      </c>
      <c r="G346" s="5">
        <v>344</v>
      </c>
      <c r="H346" s="12">
        <f t="shared" si="10"/>
        <v>18</v>
      </c>
      <c r="I346" s="12">
        <f t="shared" si="11"/>
        <v>4</v>
      </c>
    </row>
    <row r="347" spans="1:9" s="5" customFormat="1" ht="27.75" customHeight="1" x14ac:dyDescent="0.4">
      <c r="A347" s="9" t="s">
        <v>137</v>
      </c>
      <c r="B347" s="9" t="s">
        <v>708</v>
      </c>
      <c r="C347" s="9" t="s">
        <v>709</v>
      </c>
      <c r="D347" s="18">
        <v>1412103273</v>
      </c>
      <c r="E347" s="11">
        <v>46387</v>
      </c>
      <c r="F347" s="9" t="s">
        <v>23</v>
      </c>
      <c r="G347" s="12">
        <v>345</v>
      </c>
      <c r="H347" s="12">
        <f t="shared" si="10"/>
        <v>15</v>
      </c>
      <c r="I347" s="12">
        <f t="shared" si="11"/>
        <v>17</v>
      </c>
    </row>
    <row r="348" spans="1:9" s="5" customFormat="1" ht="27.75" customHeight="1" x14ac:dyDescent="0.4">
      <c r="A348" s="9" t="s">
        <v>137</v>
      </c>
      <c r="B348" s="9" t="s">
        <v>710</v>
      </c>
      <c r="C348" s="9" t="s">
        <v>711</v>
      </c>
      <c r="D348" s="18">
        <v>1412102549</v>
      </c>
      <c r="E348" s="11">
        <v>46387</v>
      </c>
      <c r="F348" s="9" t="s">
        <v>23</v>
      </c>
      <c r="G348" s="5">
        <v>346</v>
      </c>
      <c r="H348" s="12">
        <f t="shared" si="10"/>
        <v>11</v>
      </c>
      <c r="I348" s="12">
        <f t="shared" si="11"/>
        <v>7</v>
      </c>
    </row>
    <row r="349" spans="1:9" s="5" customFormat="1" ht="27.75" customHeight="1" x14ac:dyDescent="0.4">
      <c r="A349" s="9" t="s">
        <v>137</v>
      </c>
      <c r="B349" s="13" t="s">
        <v>712</v>
      </c>
      <c r="C349" s="9" t="s">
        <v>713</v>
      </c>
      <c r="D349" s="18">
        <v>1412104057</v>
      </c>
      <c r="E349" s="11">
        <v>46387</v>
      </c>
      <c r="F349" s="9" t="s">
        <v>23</v>
      </c>
      <c r="G349" s="12">
        <v>347</v>
      </c>
      <c r="H349" s="12">
        <f t="shared" si="10"/>
        <v>22</v>
      </c>
      <c r="I349" s="12">
        <f t="shared" si="11"/>
        <v>13</v>
      </c>
    </row>
    <row r="350" spans="1:9" s="5" customFormat="1" ht="27.75" customHeight="1" x14ac:dyDescent="0.4">
      <c r="A350" s="9" t="s">
        <v>137</v>
      </c>
      <c r="B350" s="9" t="s">
        <v>714</v>
      </c>
      <c r="C350" s="9" t="s">
        <v>715</v>
      </c>
      <c r="D350" s="18">
        <v>1412103216</v>
      </c>
      <c r="E350" s="11">
        <v>46387</v>
      </c>
      <c r="F350" s="9" t="s">
        <v>23</v>
      </c>
      <c r="G350" s="5">
        <v>348</v>
      </c>
      <c r="H350" s="12">
        <f t="shared" si="10"/>
        <v>10</v>
      </c>
      <c r="I350" s="12">
        <f t="shared" si="11"/>
        <v>17</v>
      </c>
    </row>
    <row r="351" spans="1:9" s="5" customFormat="1" ht="27.75" customHeight="1" x14ac:dyDescent="0.4">
      <c r="A351" s="9" t="s">
        <v>137</v>
      </c>
      <c r="B351" s="13" t="s">
        <v>716</v>
      </c>
      <c r="C351" s="13" t="s">
        <v>717</v>
      </c>
      <c r="D351" s="18">
        <v>1412104818</v>
      </c>
      <c r="E351" s="11">
        <v>46387</v>
      </c>
      <c r="F351" s="9" t="s">
        <v>23</v>
      </c>
      <c r="G351" s="12">
        <v>349</v>
      </c>
      <c r="H351" s="12">
        <f t="shared" si="10"/>
        <v>19</v>
      </c>
      <c r="I351" s="12">
        <f t="shared" si="11"/>
        <v>26</v>
      </c>
    </row>
    <row r="352" spans="1:9" s="5" customFormat="1" ht="27.75" customHeight="1" x14ac:dyDescent="0.4">
      <c r="A352" s="9" t="s">
        <v>137</v>
      </c>
      <c r="B352" s="9" t="s">
        <v>718</v>
      </c>
      <c r="C352" s="9" t="s">
        <v>719</v>
      </c>
      <c r="D352" s="18">
        <v>1412110914</v>
      </c>
      <c r="E352" s="11">
        <v>47634</v>
      </c>
      <c r="F352" s="9" t="s">
        <v>23</v>
      </c>
      <c r="G352" s="5">
        <v>350</v>
      </c>
      <c r="H352" s="12">
        <f t="shared" si="10"/>
        <v>22</v>
      </c>
      <c r="I352" s="12">
        <f t="shared" si="11"/>
        <v>6</v>
      </c>
    </row>
    <row r="353" spans="1:35" s="5" customFormat="1" ht="27.75" customHeight="1" x14ac:dyDescent="0.4">
      <c r="A353" s="9" t="s">
        <v>137</v>
      </c>
      <c r="B353" s="9" t="s">
        <v>720</v>
      </c>
      <c r="C353" s="9" t="s">
        <v>721</v>
      </c>
      <c r="D353" s="18">
        <v>1412103711</v>
      </c>
      <c r="E353" s="11">
        <v>46812</v>
      </c>
      <c r="F353" s="9" t="s">
        <v>23</v>
      </c>
      <c r="G353" s="12">
        <v>351</v>
      </c>
      <c r="H353" s="12">
        <f t="shared" si="10"/>
        <v>14</v>
      </c>
      <c r="I353" s="12">
        <f t="shared" si="11"/>
        <v>12</v>
      </c>
    </row>
    <row r="354" spans="1:35" s="5" customFormat="1" ht="27.75" customHeight="1" x14ac:dyDescent="0.4">
      <c r="A354" s="9" t="s">
        <v>137</v>
      </c>
      <c r="B354" s="9" t="s">
        <v>722</v>
      </c>
      <c r="C354" s="9" t="s">
        <v>723</v>
      </c>
      <c r="D354" s="18">
        <v>1412110401</v>
      </c>
      <c r="E354" s="11">
        <v>47573</v>
      </c>
      <c r="F354" s="9" t="s">
        <v>23</v>
      </c>
      <c r="G354" s="5">
        <v>352</v>
      </c>
      <c r="H354" s="12">
        <f t="shared" si="10"/>
        <v>12</v>
      </c>
      <c r="I354" s="12">
        <f t="shared" si="11"/>
        <v>13</v>
      </c>
    </row>
    <row r="355" spans="1:35" s="5" customFormat="1" ht="27.75" customHeight="1" x14ac:dyDescent="0.4">
      <c r="A355" s="9" t="s">
        <v>137</v>
      </c>
      <c r="B355" s="9" t="s">
        <v>724</v>
      </c>
      <c r="C355" s="9" t="s">
        <v>725</v>
      </c>
      <c r="D355" s="18">
        <v>1412100246</v>
      </c>
      <c r="E355" s="11">
        <v>46387</v>
      </c>
      <c r="F355" s="9" t="s">
        <v>23</v>
      </c>
      <c r="G355" s="12">
        <v>353</v>
      </c>
      <c r="H355" s="12">
        <f t="shared" si="10"/>
        <v>13</v>
      </c>
      <c r="I355" s="12">
        <f t="shared" si="11"/>
        <v>12</v>
      </c>
    </row>
    <row r="356" spans="1:35" s="5" customFormat="1" ht="27.75" customHeight="1" x14ac:dyDescent="0.4">
      <c r="A356" s="9" t="s">
        <v>137</v>
      </c>
      <c r="B356" s="9" t="s">
        <v>726</v>
      </c>
      <c r="C356" s="49" t="s">
        <v>727</v>
      </c>
      <c r="D356" s="18">
        <v>1412110658</v>
      </c>
      <c r="E356" s="11">
        <v>46691</v>
      </c>
      <c r="F356" s="9" t="s">
        <v>23</v>
      </c>
      <c r="G356" s="5">
        <v>354</v>
      </c>
      <c r="H356" s="12">
        <f t="shared" si="10"/>
        <v>31</v>
      </c>
      <c r="I356" s="12">
        <f t="shared" si="11"/>
        <v>16</v>
      </c>
    </row>
    <row r="357" spans="1:35" s="5" customFormat="1" ht="27.75" customHeight="1" x14ac:dyDescent="0.4">
      <c r="A357" s="9" t="s">
        <v>137</v>
      </c>
      <c r="B357" s="9" t="s">
        <v>728</v>
      </c>
      <c r="C357" s="9" t="s">
        <v>729</v>
      </c>
      <c r="D357" s="18">
        <v>1412110831</v>
      </c>
      <c r="E357" s="11">
        <v>47391</v>
      </c>
      <c r="F357" s="9" t="s">
        <v>23</v>
      </c>
      <c r="G357" s="12">
        <v>355</v>
      </c>
      <c r="H357" s="12">
        <f t="shared" si="10"/>
        <v>9</v>
      </c>
      <c r="I357" s="12">
        <f t="shared" si="11"/>
        <v>9</v>
      </c>
    </row>
    <row r="358" spans="1:35" s="5" customFormat="1" ht="27.75" customHeight="1" x14ac:dyDescent="0.4">
      <c r="A358" s="9" t="s">
        <v>137</v>
      </c>
      <c r="B358" s="9" t="s">
        <v>730</v>
      </c>
      <c r="C358" s="9" t="s">
        <v>731</v>
      </c>
      <c r="D358" s="18">
        <v>1412110989</v>
      </c>
      <c r="E358" s="11">
        <v>47938</v>
      </c>
      <c r="F358" s="9" t="s">
        <v>23</v>
      </c>
      <c r="G358" s="5">
        <v>356</v>
      </c>
      <c r="H358" s="12">
        <f t="shared" si="10"/>
        <v>10</v>
      </c>
      <c r="I358" s="12">
        <f t="shared" si="11"/>
        <v>16</v>
      </c>
      <c r="J358" s="12"/>
      <c r="K358" s="12"/>
      <c r="L358" s="12"/>
      <c r="M358" s="12"/>
      <c r="N358" s="12"/>
      <c r="O358" s="12"/>
      <c r="P358" s="12"/>
      <c r="Q358" s="12"/>
      <c r="R358" s="12"/>
      <c r="S358" s="12"/>
      <c r="T358" s="12"/>
      <c r="U358" s="12"/>
      <c r="V358" s="12"/>
      <c r="W358" s="12"/>
      <c r="X358" s="12"/>
      <c r="Y358" s="12"/>
      <c r="Z358" s="12"/>
      <c r="AA358" s="12"/>
      <c r="AB358" s="12"/>
      <c r="AC358" s="12"/>
      <c r="AD358" s="12"/>
      <c r="AE358" s="12"/>
      <c r="AF358" s="12"/>
      <c r="AG358" s="12"/>
      <c r="AH358" s="12"/>
      <c r="AI358" s="12"/>
    </row>
    <row r="359" spans="1:35" s="5" customFormat="1" ht="27.75" customHeight="1" x14ac:dyDescent="0.4">
      <c r="A359" s="9" t="s">
        <v>137</v>
      </c>
      <c r="B359" s="9" t="s">
        <v>732</v>
      </c>
      <c r="C359" s="9" t="s">
        <v>733</v>
      </c>
      <c r="D359" s="18">
        <v>1412110328</v>
      </c>
      <c r="E359" s="11">
        <v>47756</v>
      </c>
      <c r="F359" s="9" t="s">
        <v>23</v>
      </c>
      <c r="G359" s="12">
        <v>357</v>
      </c>
      <c r="H359" s="12">
        <f t="shared" si="10"/>
        <v>10</v>
      </c>
      <c r="I359" s="12">
        <f t="shared" si="11"/>
        <v>18</v>
      </c>
    </row>
    <row r="360" spans="1:35" s="5" customFormat="1" ht="27.75" customHeight="1" x14ac:dyDescent="0.4">
      <c r="A360" s="9" t="s">
        <v>137</v>
      </c>
      <c r="B360" s="9" t="s">
        <v>734</v>
      </c>
      <c r="C360" s="9" t="s">
        <v>735</v>
      </c>
      <c r="D360" s="18">
        <v>1412103828</v>
      </c>
      <c r="E360" s="11">
        <v>46387</v>
      </c>
      <c r="F360" s="9" t="s">
        <v>23</v>
      </c>
      <c r="G360" s="5">
        <v>358</v>
      </c>
      <c r="H360" s="12">
        <f t="shared" si="10"/>
        <v>12</v>
      </c>
      <c r="I360" s="12">
        <f t="shared" si="11"/>
        <v>7</v>
      </c>
    </row>
    <row r="361" spans="1:35" s="5" customFormat="1" ht="27.75" customHeight="1" x14ac:dyDescent="0.4">
      <c r="A361" s="9" t="s">
        <v>137</v>
      </c>
      <c r="B361" s="16" t="s">
        <v>736</v>
      </c>
      <c r="C361" s="16" t="s">
        <v>737</v>
      </c>
      <c r="D361" s="10">
        <v>1412102838</v>
      </c>
      <c r="E361" s="11">
        <v>46387</v>
      </c>
      <c r="F361" s="9" t="s">
        <v>23</v>
      </c>
      <c r="G361" s="12">
        <v>359</v>
      </c>
      <c r="H361" s="12">
        <f t="shared" si="10"/>
        <v>12</v>
      </c>
      <c r="I361" s="12">
        <f t="shared" si="11"/>
        <v>18</v>
      </c>
    </row>
    <row r="362" spans="1:35" s="5" customFormat="1" ht="27.75" customHeight="1" x14ac:dyDescent="0.4">
      <c r="A362" s="9" t="s">
        <v>137</v>
      </c>
      <c r="B362" s="9" t="s">
        <v>738</v>
      </c>
      <c r="C362" s="9" t="s">
        <v>739</v>
      </c>
      <c r="D362" s="18">
        <v>1412104123</v>
      </c>
      <c r="E362" s="11">
        <v>48487</v>
      </c>
      <c r="F362" s="9" t="s">
        <v>23</v>
      </c>
      <c r="G362" s="5">
        <v>360</v>
      </c>
      <c r="H362" s="12">
        <f t="shared" si="10"/>
        <v>13</v>
      </c>
      <c r="I362" s="12">
        <f t="shared" si="11"/>
        <v>17</v>
      </c>
    </row>
    <row r="363" spans="1:35" s="5" customFormat="1" ht="27.75" customHeight="1" x14ac:dyDescent="0.4">
      <c r="A363" s="9" t="s">
        <v>137</v>
      </c>
      <c r="B363" s="9" t="s">
        <v>740</v>
      </c>
      <c r="C363" s="9" t="s">
        <v>741</v>
      </c>
      <c r="D363" s="18">
        <v>1412104206</v>
      </c>
      <c r="E363" s="11">
        <v>46418</v>
      </c>
      <c r="F363" s="9" t="s">
        <v>23</v>
      </c>
      <c r="G363" s="12">
        <v>361</v>
      </c>
      <c r="H363" s="12">
        <f t="shared" si="10"/>
        <v>23</v>
      </c>
      <c r="I363" s="12">
        <f t="shared" si="11"/>
        <v>10</v>
      </c>
    </row>
    <row r="364" spans="1:35" s="5" customFormat="1" ht="27.75" customHeight="1" x14ac:dyDescent="0.4">
      <c r="A364" s="9" t="s">
        <v>137</v>
      </c>
      <c r="B364" s="9" t="s">
        <v>742</v>
      </c>
      <c r="C364" s="9" t="s">
        <v>743</v>
      </c>
      <c r="D364" s="18">
        <v>1412110740</v>
      </c>
      <c r="E364" s="11">
        <v>47057</v>
      </c>
      <c r="F364" s="9" t="s">
        <v>23</v>
      </c>
      <c r="G364" s="5">
        <v>362</v>
      </c>
      <c r="H364" s="12">
        <f t="shared" si="10"/>
        <v>15</v>
      </c>
      <c r="I364" s="12">
        <f t="shared" si="11"/>
        <v>5</v>
      </c>
    </row>
    <row r="365" spans="1:35" s="5" customFormat="1" ht="27.75" customHeight="1" x14ac:dyDescent="0.4">
      <c r="A365" s="9" t="s">
        <v>137</v>
      </c>
      <c r="B365" s="14" t="s">
        <v>744</v>
      </c>
      <c r="C365" s="9" t="s">
        <v>745</v>
      </c>
      <c r="D365" s="18">
        <v>1412104891</v>
      </c>
      <c r="E365" s="11">
        <v>46387</v>
      </c>
      <c r="F365" s="9" t="s">
        <v>23</v>
      </c>
      <c r="G365" s="12">
        <v>363</v>
      </c>
      <c r="H365" s="12">
        <f t="shared" si="10"/>
        <v>12</v>
      </c>
      <c r="I365" s="12">
        <f t="shared" si="11"/>
        <v>14</v>
      </c>
    </row>
    <row r="366" spans="1:35" s="5" customFormat="1" ht="27.75" customHeight="1" x14ac:dyDescent="0.4">
      <c r="A366" s="9" t="s">
        <v>137</v>
      </c>
      <c r="B366" s="16" t="s">
        <v>746</v>
      </c>
      <c r="C366" s="16" t="s">
        <v>747</v>
      </c>
      <c r="D366" s="26">
        <v>1412103539</v>
      </c>
      <c r="E366" s="11">
        <v>47177</v>
      </c>
      <c r="F366" s="9" t="s">
        <v>23</v>
      </c>
      <c r="G366" s="5">
        <v>364</v>
      </c>
      <c r="H366" s="12">
        <f t="shared" si="10"/>
        <v>11</v>
      </c>
      <c r="I366" s="12">
        <f t="shared" si="11"/>
        <v>10</v>
      </c>
    </row>
    <row r="367" spans="1:35" s="5" customFormat="1" ht="27.75" customHeight="1" x14ac:dyDescent="0.4">
      <c r="A367" s="22" t="s">
        <v>137</v>
      </c>
      <c r="B367" s="22" t="s">
        <v>748</v>
      </c>
      <c r="C367" s="22" t="s">
        <v>749</v>
      </c>
      <c r="D367" s="10">
        <v>1412110732</v>
      </c>
      <c r="E367" s="11">
        <v>47664</v>
      </c>
      <c r="F367" s="9" t="s">
        <v>23</v>
      </c>
      <c r="G367" s="12">
        <v>365</v>
      </c>
      <c r="H367" s="12">
        <f t="shared" si="10"/>
        <v>21</v>
      </c>
      <c r="I367" s="12">
        <f t="shared" si="11"/>
        <v>9</v>
      </c>
    </row>
    <row r="368" spans="1:35" s="5" customFormat="1" ht="27.75" customHeight="1" x14ac:dyDescent="0.4">
      <c r="A368" s="9" t="s">
        <v>137</v>
      </c>
      <c r="B368" s="9" t="s">
        <v>750</v>
      </c>
      <c r="C368" s="9" t="s">
        <v>751</v>
      </c>
      <c r="D368" s="18">
        <v>1412104412</v>
      </c>
      <c r="E368" s="11">
        <v>46387</v>
      </c>
      <c r="F368" s="9" t="s">
        <v>23</v>
      </c>
      <c r="G368" s="5">
        <v>366</v>
      </c>
      <c r="H368" s="12">
        <f t="shared" si="10"/>
        <v>19</v>
      </c>
      <c r="I368" s="12">
        <f t="shared" si="11"/>
        <v>23</v>
      </c>
    </row>
    <row r="369" spans="1:9" s="5" customFormat="1" ht="27.75" customHeight="1" x14ac:dyDescent="0.4">
      <c r="A369" s="9" t="s">
        <v>137</v>
      </c>
      <c r="B369" s="9" t="s">
        <v>752</v>
      </c>
      <c r="C369" s="9" t="s">
        <v>753</v>
      </c>
      <c r="D369" s="18">
        <v>1412103588</v>
      </c>
      <c r="E369" s="11">
        <v>46387</v>
      </c>
      <c r="F369" s="9" t="s">
        <v>23</v>
      </c>
      <c r="G369" s="12">
        <v>367</v>
      </c>
      <c r="H369" s="12">
        <f t="shared" si="10"/>
        <v>18</v>
      </c>
      <c r="I369" s="12">
        <f t="shared" si="11"/>
        <v>21</v>
      </c>
    </row>
    <row r="370" spans="1:9" s="5" customFormat="1" ht="27.75" customHeight="1" x14ac:dyDescent="0.4">
      <c r="A370" s="9" t="s">
        <v>137</v>
      </c>
      <c r="B370" s="9" t="s">
        <v>754</v>
      </c>
      <c r="C370" s="9" t="s">
        <v>755</v>
      </c>
      <c r="D370" s="18">
        <v>1412104677</v>
      </c>
      <c r="E370" s="11">
        <v>46387</v>
      </c>
      <c r="F370" s="9" t="s">
        <v>23</v>
      </c>
      <c r="G370" s="5">
        <v>368</v>
      </c>
      <c r="H370" s="12">
        <f t="shared" si="10"/>
        <v>11</v>
      </c>
      <c r="I370" s="12">
        <f t="shared" si="11"/>
        <v>20</v>
      </c>
    </row>
    <row r="371" spans="1:9" s="5" customFormat="1" ht="27.75" customHeight="1" x14ac:dyDescent="0.4">
      <c r="A371" s="17" t="s">
        <v>137</v>
      </c>
      <c r="B371" s="13" t="s">
        <v>756</v>
      </c>
      <c r="C371" s="13" t="s">
        <v>757</v>
      </c>
      <c r="D371" s="18">
        <v>1412110393</v>
      </c>
      <c r="E371" s="11">
        <v>47634</v>
      </c>
      <c r="F371" s="9" t="s">
        <v>23</v>
      </c>
      <c r="G371" s="12">
        <v>369</v>
      </c>
      <c r="H371" s="12">
        <f t="shared" si="10"/>
        <v>23</v>
      </c>
      <c r="I371" s="12">
        <f t="shared" si="11"/>
        <v>16</v>
      </c>
    </row>
    <row r="372" spans="1:9" s="5" customFormat="1" ht="27.75" customHeight="1" x14ac:dyDescent="0.4">
      <c r="A372" s="9" t="s">
        <v>137</v>
      </c>
      <c r="B372" s="22" t="s">
        <v>758</v>
      </c>
      <c r="C372" s="22" t="s">
        <v>759</v>
      </c>
      <c r="D372" s="10">
        <v>1412110161</v>
      </c>
      <c r="E372" s="11">
        <v>47208</v>
      </c>
      <c r="F372" s="9" t="s">
        <v>23</v>
      </c>
      <c r="G372" s="5">
        <v>370</v>
      </c>
      <c r="H372" s="12">
        <f t="shared" si="10"/>
        <v>23</v>
      </c>
      <c r="I372" s="12">
        <f t="shared" si="11"/>
        <v>9</v>
      </c>
    </row>
    <row r="373" spans="1:9" s="5" customFormat="1" ht="27.75" customHeight="1" x14ac:dyDescent="0.4">
      <c r="A373" s="9" t="s">
        <v>137</v>
      </c>
      <c r="B373" s="9" t="s">
        <v>760</v>
      </c>
      <c r="C373" s="9" t="s">
        <v>761</v>
      </c>
      <c r="D373" s="18">
        <v>1412110294</v>
      </c>
      <c r="E373" s="11">
        <v>47907</v>
      </c>
      <c r="F373" s="9" t="s">
        <v>23</v>
      </c>
      <c r="G373" s="12">
        <v>371</v>
      </c>
      <c r="H373" s="12">
        <f t="shared" si="10"/>
        <v>19</v>
      </c>
      <c r="I373" s="12">
        <f t="shared" si="11"/>
        <v>9</v>
      </c>
    </row>
    <row r="374" spans="1:9" s="5" customFormat="1" ht="27.75" customHeight="1" x14ac:dyDescent="0.4">
      <c r="A374" s="17" t="s">
        <v>137</v>
      </c>
      <c r="B374" s="9" t="s">
        <v>762</v>
      </c>
      <c r="C374" s="9" t="s">
        <v>763</v>
      </c>
      <c r="D374" s="18">
        <v>1412103208</v>
      </c>
      <c r="E374" s="11">
        <v>46387</v>
      </c>
      <c r="F374" s="9" t="s">
        <v>23</v>
      </c>
      <c r="G374" s="5">
        <v>372</v>
      </c>
      <c r="H374" s="12">
        <f t="shared" si="10"/>
        <v>20</v>
      </c>
      <c r="I374" s="12">
        <f t="shared" si="11"/>
        <v>14</v>
      </c>
    </row>
    <row r="375" spans="1:9" s="5" customFormat="1" ht="27.75" customHeight="1" x14ac:dyDescent="0.4">
      <c r="A375" s="9" t="s">
        <v>137</v>
      </c>
      <c r="B375" s="9" t="s">
        <v>764</v>
      </c>
      <c r="C375" s="9" t="s">
        <v>765</v>
      </c>
      <c r="D375" s="18">
        <v>1412104883</v>
      </c>
      <c r="E375" s="11">
        <v>46387</v>
      </c>
      <c r="F375" s="9" t="s">
        <v>23</v>
      </c>
      <c r="G375" s="12">
        <v>373</v>
      </c>
      <c r="H375" s="12">
        <f t="shared" si="10"/>
        <v>15</v>
      </c>
      <c r="I375" s="12">
        <f t="shared" si="11"/>
        <v>15</v>
      </c>
    </row>
    <row r="376" spans="1:9" s="5" customFormat="1" ht="27.75" customHeight="1" x14ac:dyDescent="0.4">
      <c r="A376" s="9" t="s">
        <v>137</v>
      </c>
      <c r="B376" s="9" t="s">
        <v>766</v>
      </c>
      <c r="C376" s="9" t="s">
        <v>767</v>
      </c>
      <c r="D376" s="18">
        <v>1412103356</v>
      </c>
      <c r="E376" s="11">
        <v>46538</v>
      </c>
      <c r="F376" s="9" t="s">
        <v>23</v>
      </c>
      <c r="G376" s="5">
        <v>374</v>
      </c>
      <c r="H376" s="12">
        <f t="shared" si="10"/>
        <v>21</v>
      </c>
      <c r="I376" s="12">
        <f t="shared" si="11"/>
        <v>9</v>
      </c>
    </row>
    <row r="377" spans="1:9" s="5" customFormat="1" ht="27.75" customHeight="1" x14ac:dyDescent="0.4">
      <c r="A377" s="9" t="s">
        <v>137</v>
      </c>
      <c r="B377" s="9" t="s">
        <v>768</v>
      </c>
      <c r="C377" s="9" t="s">
        <v>769</v>
      </c>
      <c r="D377" s="18">
        <v>1412110195</v>
      </c>
      <c r="E377" s="11">
        <v>46630</v>
      </c>
      <c r="F377" s="9" t="s">
        <v>23</v>
      </c>
      <c r="G377" s="12">
        <v>375</v>
      </c>
      <c r="H377" s="12">
        <f t="shared" si="10"/>
        <v>21</v>
      </c>
      <c r="I377" s="12">
        <f t="shared" si="11"/>
        <v>15</v>
      </c>
    </row>
    <row r="378" spans="1:9" s="5" customFormat="1" ht="27.75" customHeight="1" x14ac:dyDescent="0.4">
      <c r="A378" s="17" t="s">
        <v>137</v>
      </c>
      <c r="B378" s="13" t="s">
        <v>770</v>
      </c>
      <c r="C378" s="13" t="s">
        <v>771</v>
      </c>
      <c r="D378" s="18">
        <v>1412104982</v>
      </c>
      <c r="E378" s="11">
        <v>46387</v>
      </c>
      <c r="F378" s="9" t="s">
        <v>23</v>
      </c>
      <c r="G378" s="5">
        <v>376</v>
      </c>
      <c r="H378" s="12">
        <f t="shared" si="10"/>
        <v>21</v>
      </c>
      <c r="I378" s="12">
        <f t="shared" si="11"/>
        <v>24</v>
      </c>
    </row>
    <row r="379" spans="1:9" s="5" customFormat="1" ht="27.75" customHeight="1" x14ac:dyDescent="0.4">
      <c r="A379" s="9" t="s">
        <v>137</v>
      </c>
      <c r="B379" s="9" t="s">
        <v>772</v>
      </c>
      <c r="C379" s="9" t="s">
        <v>773</v>
      </c>
      <c r="D379" s="18">
        <v>1412111060</v>
      </c>
      <c r="E379" s="11">
        <v>48244</v>
      </c>
      <c r="F379" s="9" t="s">
        <v>23</v>
      </c>
      <c r="G379" s="12">
        <v>377</v>
      </c>
      <c r="H379" s="12">
        <f t="shared" si="10"/>
        <v>25</v>
      </c>
      <c r="I379" s="12">
        <f t="shared" si="11"/>
        <v>8</v>
      </c>
    </row>
    <row r="380" spans="1:9" s="5" customFormat="1" ht="27.75" customHeight="1" x14ac:dyDescent="0.4">
      <c r="A380" s="9" t="s">
        <v>137</v>
      </c>
      <c r="B380" s="9" t="s">
        <v>774</v>
      </c>
      <c r="C380" s="9" t="s">
        <v>775</v>
      </c>
      <c r="D380" s="18">
        <v>1412110583</v>
      </c>
      <c r="E380" s="11">
        <v>48395</v>
      </c>
      <c r="F380" s="9" t="s">
        <v>23</v>
      </c>
      <c r="G380" s="5">
        <v>378</v>
      </c>
      <c r="H380" s="12">
        <f t="shared" si="10"/>
        <v>26</v>
      </c>
      <c r="I380" s="12">
        <f t="shared" si="11"/>
        <v>31</v>
      </c>
    </row>
    <row r="381" spans="1:9" s="5" customFormat="1" ht="27.75" customHeight="1" x14ac:dyDescent="0.4">
      <c r="A381" s="9" t="s">
        <v>137</v>
      </c>
      <c r="B381" s="9" t="s">
        <v>776</v>
      </c>
      <c r="C381" s="9" t="s">
        <v>777</v>
      </c>
      <c r="D381" s="18">
        <v>1412110302</v>
      </c>
      <c r="E381" s="11">
        <v>48395</v>
      </c>
      <c r="F381" s="9" t="s">
        <v>23</v>
      </c>
      <c r="G381" s="12">
        <v>379</v>
      </c>
      <c r="H381" s="12">
        <f t="shared" si="10"/>
        <v>20</v>
      </c>
      <c r="I381" s="12">
        <f t="shared" si="11"/>
        <v>15</v>
      </c>
    </row>
    <row r="382" spans="1:9" s="5" customFormat="1" ht="27.75" customHeight="1" x14ac:dyDescent="0.4">
      <c r="A382" s="9" t="s">
        <v>137</v>
      </c>
      <c r="B382" s="9" t="s">
        <v>778</v>
      </c>
      <c r="C382" s="9" t="s">
        <v>779</v>
      </c>
      <c r="D382" s="18">
        <v>1412110492</v>
      </c>
      <c r="E382" s="11">
        <v>46752</v>
      </c>
      <c r="F382" s="9" t="s">
        <v>23</v>
      </c>
      <c r="G382" s="5">
        <v>380</v>
      </c>
      <c r="H382" s="12">
        <f t="shared" si="10"/>
        <v>18</v>
      </c>
      <c r="I382" s="12">
        <f t="shared" si="11"/>
        <v>12</v>
      </c>
    </row>
    <row r="383" spans="1:9" s="5" customFormat="1" ht="27.75" customHeight="1" x14ac:dyDescent="0.4">
      <c r="A383" s="9" t="s">
        <v>137</v>
      </c>
      <c r="B383" s="9" t="s">
        <v>780</v>
      </c>
      <c r="C383" s="9" t="s">
        <v>781</v>
      </c>
      <c r="D383" s="18">
        <v>1412110237</v>
      </c>
      <c r="E383" s="11">
        <v>48121</v>
      </c>
      <c r="F383" s="9" t="s">
        <v>23</v>
      </c>
      <c r="G383" s="12">
        <v>381</v>
      </c>
      <c r="H383" s="12">
        <f t="shared" si="10"/>
        <v>19</v>
      </c>
      <c r="I383" s="12">
        <f t="shared" si="11"/>
        <v>13</v>
      </c>
    </row>
    <row r="384" spans="1:9" s="5" customFormat="1" ht="27.75" customHeight="1" x14ac:dyDescent="0.4">
      <c r="A384" s="9" t="s">
        <v>137</v>
      </c>
      <c r="B384" s="9" t="s">
        <v>782</v>
      </c>
      <c r="C384" s="9" t="s">
        <v>783</v>
      </c>
      <c r="D384" s="18">
        <v>1412104081</v>
      </c>
      <c r="E384" s="11">
        <v>46387</v>
      </c>
      <c r="F384" s="9" t="s">
        <v>23</v>
      </c>
      <c r="G384" s="5">
        <v>382</v>
      </c>
      <c r="H384" s="12">
        <f t="shared" si="10"/>
        <v>12</v>
      </c>
      <c r="I384" s="12">
        <f t="shared" si="11"/>
        <v>6</v>
      </c>
    </row>
    <row r="385" spans="1:35" s="5" customFormat="1" ht="27.75" customHeight="1" x14ac:dyDescent="0.4">
      <c r="A385" s="9" t="s">
        <v>137</v>
      </c>
      <c r="B385" s="15" t="s">
        <v>784</v>
      </c>
      <c r="C385" s="16" t="s">
        <v>785</v>
      </c>
      <c r="D385" s="10">
        <v>1412110708</v>
      </c>
      <c r="E385" s="11">
        <v>46934</v>
      </c>
      <c r="F385" s="9" t="s">
        <v>23</v>
      </c>
      <c r="G385" s="12">
        <v>383</v>
      </c>
      <c r="H385" s="12">
        <f t="shared" si="10"/>
        <v>11</v>
      </c>
      <c r="I385" s="12">
        <f t="shared" si="11"/>
        <v>9</v>
      </c>
    </row>
    <row r="386" spans="1:35" s="5" customFormat="1" ht="27.75" customHeight="1" x14ac:dyDescent="0.4">
      <c r="A386" s="9" t="s">
        <v>137</v>
      </c>
      <c r="B386" s="9" t="s">
        <v>786</v>
      </c>
      <c r="C386" s="9" t="s">
        <v>787</v>
      </c>
      <c r="D386" s="18">
        <v>1412110310</v>
      </c>
      <c r="E386" s="11">
        <v>47422</v>
      </c>
      <c r="F386" s="9" t="s">
        <v>23</v>
      </c>
      <c r="G386" s="5">
        <v>384</v>
      </c>
      <c r="H386" s="12">
        <f t="shared" si="10"/>
        <v>22</v>
      </c>
      <c r="I386" s="12">
        <f t="shared" si="11"/>
        <v>11</v>
      </c>
    </row>
    <row r="387" spans="1:35" s="5" customFormat="1" ht="27.75" customHeight="1" x14ac:dyDescent="0.4">
      <c r="A387" s="9" t="s">
        <v>137</v>
      </c>
      <c r="B387" s="9" t="s">
        <v>788</v>
      </c>
      <c r="C387" s="9" t="s">
        <v>789</v>
      </c>
      <c r="D387" s="18">
        <v>1412104263</v>
      </c>
      <c r="E387" s="11">
        <v>46387</v>
      </c>
      <c r="F387" s="9" t="s">
        <v>23</v>
      </c>
      <c r="G387" s="12">
        <v>385</v>
      </c>
      <c r="H387" s="12">
        <f t="shared" si="10"/>
        <v>12</v>
      </c>
      <c r="I387" s="12">
        <f t="shared" si="11"/>
        <v>7</v>
      </c>
    </row>
    <row r="388" spans="1:35" s="5" customFormat="1" ht="27.75" customHeight="1" x14ac:dyDescent="0.4">
      <c r="A388" s="9" t="s">
        <v>137</v>
      </c>
      <c r="B388" s="16" t="s">
        <v>790</v>
      </c>
      <c r="C388" s="15" t="s">
        <v>791</v>
      </c>
      <c r="D388" s="10">
        <v>1412110864</v>
      </c>
      <c r="E388" s="11">
        <v>47483</v>
      </c>
      <c r="F388" s="9" t="s">
        <v>23</v>
      </c>
      <c r="G388" s="5">
        <v>386</v>
      </c>
      <c r="H388" s="12">
        <f t="shared" ref="H388:H451" si="12">LEN(C388)</f>
        <v>20</v>
      </c>
      <c r="I388" s="12">
        <f t="shared" ref="I388:I451" si="13">LEN(B388)</f>
        <v>6</v>
      </c>
    </row>
    <row r="389" spans="1:35" s="5" customFormat="1" ht="27.75" customHeight="1" x14ac:dyDescent="0.4">
      <c r="A389" s="13" t="s">
        <v>137</v>
      </c>
      <c r="B389" s="13" t="s">
        <v>792</v>
      </c>
      <c r="C389" s="13" t="s">
        <v>793</v>
      </c>
      <c r="D389" s="26">
        <v>1412102432</v>
      </c>
      <c r="E389" s="11">
        <v>46387</v>
      </c>
      <c r="F389" s="9" t="s">
        <v>23</v>
      </c>
      <c r="G389" s="12">
        <v>387</v>
      </c>
      <c r="H389" s="12">
        <f t="shared" si="12"/>
        <v>13</v>
      </c>
      <c r="I389" s="12">
        <f t="shared" si="13"/>
        <v>18</v>
      </c>
    </row>
    <row r="390" spans="1:35" s="5" customFormat="1" ht="27.75" customHeight="1" x14ac:dyDescent="0.4">
      <c r="A390" s="9" t="s">
        <v>137</v>
      </c>
      <c r="B390" s="9" t="s">
        <v>794</v>
      </c>
      <c r="C390" s="9" t="s">
        <v>795</v>
      </c>
      <c r="D390" s="18">
        <v>1412103232</v>
      </c>
      <c r="E390" s="11">
        <v>46387</v>
      </c>
      <c r="F390" s="9" t="s">
        <v>23</v>
      </c>
      <c r="G390" s="5">
        <v>388</v>
      </c>
      <c r="H390" s="12">
        <f t="shared" si="12"/>
        <v>20</v>
      </c>
      <c r="I390" s="12">
        <f t="shared" si="13"/>
        <v>7</v>
      </c>
    </row>
    <row r="391" spans="1:35" s="5" customFormat="1" ht="27.75" customHeight="1" x14ac:dyDescent="0.4">
      <c r="A391" s="9" t="s">
        <v>137</v>
      </c>
      <c r="B391" s="9" t="s">
        <v>796</v>
      </c>
      <c r="C391" s="9" t="s">
        <v>797</v>
      </c>
      <c r="D391" s="26">
        <v>1412110690</v>
      </c>
      <c r="E391" s="11">
        <v>46934</v>
      </c>
      <c r="F391" s="9" t="s">
        <v>23</v>
      </c>
      <c r="G391" s="12">
        <v>389</v>
      </c>
      <c r="H391" s="12">
        <f t="shared" si="12"/>
        <v>22</v>
      </c>
      <c r="I391" s="12">
        <f t="shared" si="13"/>
        <v>12</v>
      </c>
    </row>
    <row r="392" spans="1:35" s="5" customFormat="1" ht="27.75" customHeight="1" x14ac:dyDescent="0.4">
      <c r="A392" s="9" t="s">
        <v>137</v>
      </c>
      <c r="B392" s="9" t="s">
        <v>798</v>
      </c>
      <c r="C392" s="9" t="s">
        <v>799</v>
      </c>
      <c r="D392" s="18">
        <v>1412110773</v>
      </c>
      <c r="E392" s="11">
        <v>47208</v>
      </c>
      <c r="F392" s="9" t="s">
        <v>23</v>
      </c>
      <c r="G392" s="5">
        <v>390</v>
      </c>
      <c r="H392" s="12">
        <f t="shared" si="12"/>
        <v>20</v>
      </c>
      <c r="I392" s="12">
        <f t="shared" si="13"/>
        <v>4</v>
      </c>
    </row>
    <row r="393" spans="1:35" s="5" customFormat="1" ht="27.75" customHeight="1" x14ac:dyDescent="0.4">
      <c r="A393" s="9" t="s">
        <v>137</v>
      </c>
      <c r="B393" s="9" t="s">
        <v>800</v>
      </c>
      <c r="C393" s="9" t="s">
        <v>801</v>
      </c>
      <c r="D393" s="18">
        <v>1412110542</v>
      </c>
      <c r="E393" s="11">
        <v>48213</v>
      </c>
      <c r="F393" s="9" t="s">
        <v>23</v>
      </c>
      <c r="G393" s="12">
        <v>391</v>
      </c>
      <c r="H393" s="12">
        <f t="shared" si="12"/>
        <v>11</v>
      </c>
      <c r="I393" s="12">
        <f t="shared" si="13"/>
        <v>11</v>
      </c>
    </row>
    <row r="394" spans="1:35" s="5" customFormat="1" ht="27.75" customHeight="1" x14ac:dyDescent="0.4">
      <c r="A394" s="9" t="s">
        <v>137</v>
      </c>
      <c r="B394" s="9" t="s">
        <v>802</v>
      </c>
      <c r="C394" s="9" t="s">
        <v>803</v>
      </c>
      <c r="D394" s="18">
        <v>1412103737</v>
      </c>
      <c r="E394" s="11">
        <v>46387</v>
      </c>
      <c r="F394" s="9" t="s">
        <v>23</v>
      </c>
      <c r="G394" s="5">
        <v>392</v>
      </c>
      <c r="H394" s="12">
        <f t="shared" si="12"/>
        <v>25</v>
      </c>
      <c r="I394" s="12">
        <f t="shared" si="13"/>
        <v>4</v>
      </c>
      <c r="J394" s="12"/>
      <c r="K394" s="12"/>
      <c r="L394" s="12"/>
      <c r="M394" s="12"/>
      <c r="N394" s="12"/>
      <c r="O394" s="12"/>
      <c r="P394" s="12"/>
      <c r="Q394" s="12"/>
      <c r="R394" s="12"/>
      <c r="S394" s="12"/>
      <c r="T394" s="12"/>
      <c r="U394" s="12"/>
      <c r="V394" s="12"/>
      <c r="W394" s="12"/>
      <c r="X394" s="12"/>
      <c r="Y394" s="12"/>
      <c r="Z394" s="12"/>
      <c r="AA394" s="12"/>
      <c r="AB394" s="12"/>
      <c r="AC394" s="12"/>
      <c r="AD394" s="12"/>
      <c r="AE394" s="12"/>
      <c r="AF394" s="12"/>
      <c r="AG394" s="12"/>
      <c r="AH394" s="12"/>
      <c r="AI394" s="12"/>
    </row>
    <row r="395" spans="1:35" s="5" customFormat="1" ht="27.75" customHeight="1" x14ac:dyDescent="0.4">
      <c r="A395" s="9" t="s">
        <v>137</v>
      </c>
      <c r="B395" s="9" t="s">
        <v>804</v>
      </c>
      <c r="C395" s="9" t="s">
        <v>805</v>
      </c>
      <c r="D395" s="18">
        <v>1412110500</v>
      </c>
      <c r="E395" s="11">
        <v>48213</v>
      </c>
      <c r="F395" s="9" t="s">
        <v>23</v>
      </c>
      <c r="G395" s="12">
        <v>393</v>
      </c>
      <c r="H395" s="12">
        <f t="shared" si="12"/>
        <v>27</v>
      </c>
      <c r="I395" s="12">
        <f t="shared" si="13"/>
        <v>8</v>
      </c>
    </row>
    <row r="396" spans="1:35" s="5" customFormat="1" ht="27.75" customHeight="1" x14ac:dyDescent="0.4">
      <c r="A396" s="9" t="s">
        <v>137</v>
      </c>
      <c r="B396" s="9" t="s">
        <v>806</v>
      </c>
      <c r="C396" s="9" t="s">
        <v>807</v>
      </c>
      <c r="D396" s="18">
        <v>1412111037</v>
      </c>
      <c r="E396" s="11">
        <v>48121</v>
      </c>
      <c r="F396" s="9" t="s">
        <v>23</v>
      </c>
      <c r="G396" s="5">
        <v>394</v>
      </c>
      <c r="H396" s="12">
        <f t="shared" si="12"/>
        <v>27</v>
      </c>
      <c r="I396" s="12">
        <f t="shared" si="13"/>
        <v>9</v>
      </c>
    </row>
    <row r="397" spans="1:35" s="5" customFormat="1" ht="27.75" customHeight="1" x14ac:dyDescent="0.4">
      <c r="A397" s="9" t="s">
        <v>137</v>
      </c>
      <c r="B397" s="9" t="s">
        <v>808</v>
      </c>
      <c r="C397" s="9" t="s">
        <v>809</v>
      </c>
      <c r="D397" s="18">
        <v>1412100865</v>
      </c>
      <c r="E397" s="11">
        <v>46387</v>
      </c>
      <c r="F397" s="9" t="s">
        <v>23</v>
      </c>
      <c r="G397" s="12">
        <v>395</v>
      </c>
      <c r="H397" s="12">
        <f t="shared" si="12"/>
        <v>11</v>
      </c>
      <c r="I397" s="12">
        <f t="shared" si="13"/>
        <v>6</v>
      </c>
    </row>
    <row r="398" spans="1:35" s="5" customFormat="1" ht="27.75" customHeight="1" x14ac:dyDescent="0.4">
      <c r="A398" s="9" t="s">
        <v>137</v>
      </c>
      <c r="B398" s="9" t="s">
        <v>810</v>
      </c>
      <c r="C398" s="9" t="s">
        <v>811</v>
      </c>
      <c r="D398" s="18">
        <v>1412103224</v>
      </c>
      <c r="E398" s="11">
        <v>46387</v>
      </c>
      <c r="F398" s="9" t="s">
        <v>23</v>
      </c>
      <c r="G398" s="5">
        <v>396</v>
      </c>
      <c r="H398" s="12">
        <f t="shared" si="12"/>
        <v>13</v>
      </c>
      <c r="I398" s="12">
        <f t="shared" si="13"/>
        <v>6</v>
      </c>
      <c r="J398" s="12"/>
      <c r="K398" s="12"/>
      <c r="L398" s="12"/>
      <c r="M398" s="12"/>
      <c r="N398" s="12"/>
      <c r="O398" s="12"/>
      <c r="P398" s="12"/>
      <c r="Q398" s="12"/>
      <c r="R398" s="12"/>
      <c r="S398" s="12"/>
      <c r="T398" s="12"/>
      <c r="U398" s="12"/>
      <c r="V398" s="12"/>
      <c r="W398" s="12"/>
      <c r="X398" s="12"/>
      <c r="Y398" s="12"/>
      <c r="Z398" s="12"/>
      <c r="AA398" s="12"/>
      <c r="AB398" s="12"/>
      <c r="AC398" s="12"/>
      <c r="AD398" s="12"/>
      <c r="AE398" s="12"/>
      <c r="AF398" s="12"/>
      <c r="AG398" s="12"/>
      <c r="AH398" s="12"/>
      <c r="AI398" s="12"/>
    </row>
    <row r="399" spans="1:35" s="5" customFormat="1" ht="27.75" customHeight="1" x14ac:dyDescent="0.4">
      <c r="A399" s="9" t="s">
        <v>137</v>
      </c>
      <c r="B399" s="14" t="s">
        <v>812</v>
      </c>
      <c r="C399" s="9" t="s">
        <v>813</v>
      </c>
      <c r="D399" s="18">
        <v>1412111128</v>
      </c>
      <c r="E399" s="11">
        <v>48334</v>
      </c>
      <c r="F399" s="9" t="s">
        <v>23</v>
      </c>
      <c r="G399" s="12">
        <v>397</v>
      </c>
      <c r="H399" s="12">
        <f t="shared" si="12"/>
        <v>10</v>
      </c>
      <c r="I399" s="12">
        <f t="shared" si="13"/>
        <v>15</v>
      </c>
    </row>
    <row r="400" spans="1:35" s="5" customFormat="1" ht="27.75" customHeight="1" x14ac:dyDescent="0.4">
      <c r="A400" s="9" t="s">
        <v>137</v>
      </c>
      <c r="B400" s="9" t="s">
        <v>814</v>
      </c>
      <c r="C400" s="9" t="s">
        <v>815</v>
      </c>
      <c r="D400" s="18">
        <v>1412100840</v>
      </c>
      <c r="E400" s="11">
        <v>46387</v>
      </c>
      <c r="F400" s="9" t="s">
        <v>23</v>
      </c>
      <c r="G400" s="5">
        <v>398</v>
      </c>
      <c r="H400" s="12">
        <f t="shared" si="12"/>
        <v>10</v>
      </c>
      <c r="I400" s="12">
        <f t="shared" si="13"/>
        <v>19</v>
      </c>
    </row>
    <row r="401" spans="1:12" s="5" customFormat="1" ht="27.75" customHeight="1" x14ac:dyDescent="0.4">
      <c r="A401" s="9" t="s">
        <v>137</v>
      </c>
      <c r="B401" s="9" t="s">
        <v>816</v>
      </c>
      <c r="C401" s="9" t="s">
        <v>817</v>
      </c>
      <c r="D401" s="18">
        <v>1412100907</v>
      </c>
      <c r="E401" s="11">
        <v>46387</v>
      </c>
      <c r="F401" s="9" t="s">
        <v>23</v>
      </c>
      <c r="G401" s="12">
        <v>399</v>
      </c>
      <c r="H401" s="12">
        <f t="shared" si="12"/>
        <v>10</v>
      </c>
      <c r="I401" s="12">
        <f t="shared" si="13"/>
        <v>11</v>
      </c>
    </row>
    <row r="402" spans="1:12" s="5" customFormat="1" ht="27.75" customHeight="1" x14ac:dyDescent="0.4">
      <c r="A402" s="9" t="s">
        <v>137</v>
      </c>
      <c r="B402" s="9" t="s">
        <v>818</v>
      </c>
      <c r="C402" s="9" t="s">
        <v>819</v>
      </c>
      <c r="D402" s="18">
        <v>1412104008</v>
      </c>
      <c r="E402" s="11">
        <v>46387</v>
      </c>
      <c r="F402" s="9" t="s">
        <v>23</v>
      </c>
      <c r="G402" s="5">
        <v>400</v>
      </c>
      <c r="H402" s="12">
        <f t="shared" si="12"/>
        <v>12</v>
      </c>
      <c r="I402" s="12">
        <f t="shared" si="13"/>
        <v>6</v>
      </c>
    </row>
    <row r="403" spans="1:12" s="5" customFormat="1" ht="27.75" customHeight="1" x14ac:dyDescent="0.4">
      <c r="A403" s="9" t="s">
        <v>137</v>
      </c>
      <c r="B403" s="9" t="s">
        <v>820</v>
      </c>
      <c r="C403" s="9" t="s">
        <v>821</v>
      </c>
      <c r="D403" s="18">
        <v>1412102754</v>
      </c>
      <c r="E403" s="11">
        <v>46387</v>
      </c>
      <c r="F403" s="9" t="s">
        <v>23</v>
      </c>
      <c r="G403" s="12">
        <v>401</v>
      </c>
      <c r="H403" s="12">
        <f t="shared" si="12"/>
        <v>11</v>
      </c>
      <c r="I403" s="12">
        <f t="shared" si="13"/>
        <v>15</v>
      </c>
    </row>
    <row r="404" spans="1:12" s="5" customFormat="1" ht="27.75" customHeight="1" x14ac:dyDescent="0.4">
      <c r="A404" s="9" t="s">
        <v>137</v>
      </c>
      <c r="B404" s="14" t="s">
        <v>822</v>
      </c>
      <c r="C404" s="9" t="s">
        <v>823</v>
      </c>
      <c r="D404" s="18">
        <v>1412104933</v>
      </c>
      <c r="E404" s="11">
        <v>46387</v>
      </c>
      <c r="F404" s="9" t="s">
        <v>23</v>
      </c>
      <c r="G404" s="5">
        <v>402</v>
      </c>
      <c r="H404" s="12">
        <f t="shared" si="12"/>
        <v>14</v>
      </c>
      <c r="I404" s="12">
        <f t="shared" si="13"/>
        <v>19</v>
      </c>
    </row>
    <row r="405" spans="1:12" s="5" customFormat="1" ht="27.75" customHeight="1" x14ac:dyDescent="0.4">
      <c r="A405" s="9" t="s">
        <v>137</v>
      </c>
      <c r="B405" s="9" t="s">
        <v>824</v>
      </c>
      <c r="C405" s="9" t="s">
        <v>825</v>
      </c>
      <c r="D405" s="18">
        <v>1412104743</v>
      </c>
      <c r="E405" s="11">
        <v>46387</v>
      </c>
      <c r="F405" s="9" t="s">
        <v>23</v>
      </c>
      <c r="G405" s="12">
        <v>403</v>
      </c>
      <c r="H405" s="12">
        <f t="shared" si="12"/>
        <v>24</v>
      </c>
      <c r="I405" s="12">
        <f t="shared" si="13"/>
        <v>11</v>
      </c>
    </row>
    <row r="406" spans="1:12" s="5" customFormat="1" ht="27.75" customHeight="1" x14ac:dyDescent="0.4">
      <c r="A406" s="22" t="s">
        <v>137</v>
      </c>
      <c r="B406" s="22" t="s">
        <v>826</v>
      </c>
      <c r="C406" s="22" t="s">
        <v>827</v>
      </c>
      <c r="D406" s="10">
        <v>1412104800</v>
      </c>
      <c r="E406" s="11">
        <v>46752</v>
      </c>
      <c r="F406" s="9" t="s">
        <v>23</v>
      </c>
      <c r="G406" s="5">
        <v>404</v>
      </c>
      <c r="H406" s="12">
        <f t="shared" si="12"/>
        <v>10</v>
      </c>
      <c r="I406" s="12">
        <f t="shared" si="13"/>
        <v>9</v>
      </c>
    </row>
    <row r="407" spans="1:12" s="5" customFormat="1" ht="27.75" customHeight="1" x14ac:dyDescent="0.4">
      <c r="A407" s="9" t="s">
        <v>137</v>
      </c>
      <c r="B407" s="9" t="s">
        <v>828</v>
      </c>
      <c r="C407" s="9" t="s">
        <v>829</v>
      </c>
      <c r="D407" s="18">
        <v>1412103653</v>
      </c>
      <c r="E407" s="11">
        <v>48365</v>
      </c>
      <c r="F407" s="9" t="s">
        <v>23</v>
      </c>
      <c r="G407" s="12">
        <v>405</v>
      </c>
      <c r="H407" s="12">
        <f t="shared" si="12"/>
        <v>25</v>
      </c>
      <c r="I407" s="12">
        <f t="shared" si="13"/>
        <v>7</v>
      </c>
    </row>
    <row r="408" spans="1:12" s="5" customFormat="1" ht="27.75" customHeight="1" x14ac:dyDescent="0.4">
      <c r="A408" s="9" t="s">
        <v>137</v>
      </c>
      <c r="B408" s="9" t="s">
        <v>830</v>
      </c>
      <c r="C408" s="9" t="s">
        <v>831</v>
      </c>
      <c r="D408" s="26">
        <v>1412110153</v>
      </c>
      <c r="E408" s="11">
        <v>46721</v>
      </c>
      <c r="F408" s="9" t="s">
        <v>23</v>
      </c>
      <c r="G408" s="5">
        <v>406</v>
      </c>
      <c r="H408" s="12">
        <f t="shared" si="12"/>
        <v>15</v>
      </c>
      <c r="I408" s="12">
        <f t="shared" si="13"/>
        <v>14</v>
      </c>
    </row>
    <row r="409" spans="1:12" s="5" customFormat="1" ht="27.75" customHeight="1" x14ac:dyDescent="0.4">
      <c r="A409" s="9" t="s">
        <v>137</v>
      </c>
      <c r="B409" s="9" t="s">
        <v>832</v>
      </c>
      <c r="C409" s="9" t="s">
        <v>833</v>
      </c>
      <c r="D409" s="18">
        <v>1412103489</v>
      </c>
      <c r="E409" s="11">
        <v>46387</v>
      </c>
      <c r="F409" s="9" t="s">
        <v>23</v>
      </c>
      <c r="G409" s="12">
        <v>407</v>
      </c>
      <c r="H409" s="12">
        <f t="shared" si="12"/>
        <v>21</v>
      </c>
      <c r="I409" s="12">
        <f t="shared" si="13"/>
        <v>10</v>
      </c>
    </row>
    <row r="410" spans="1:12" s="5" customFormat="1" ht="27.75" customHeight="1" x14ac:dyDescent="0.4">
      <c r="A410" s="9" t="s">
        <v>137</v>
      </c>
      <c r="B410" s="9" t="s">
        <v>834</v>
      </c>
      <c r="C410" s="9" t="s">
        <v>835</v>
      </c>
      <c r="D410" s="18">
        <v>1412103497</v>
      </c>
      <c r="E410" s="11">
        <v>46387</v>
      </c>
      <c r="F410" s="9" t="s">
        <v>23</v>
      </c>
      <c r="G410" s="5">
        <v>408</v>
      </c>
      <c r="H410" s="12">
        <f t="shared" si="12"/>
        <v>21</v>
      </c>
      <c r="I410" s="12">
        <f t="shared" si="13"/>
        <v>10</v>
      </c>
    </row>
    <row r="411" spans="1:12" s="5" customFormat="1" ht="27.75" customHeight="1" x14ac:dyDescent="0.4">
      <c r="A411" s="9" t="s">
        <v>137</v>
      </c>
      <c r="B411" s="9" t="s">
        <v>836</v>
      </c>
      <c r="C411" s="9" t="s">
        <v>837</v>
      </c>
      <c r="D411" s="18">
        <v>1412110872</v>
      </c>
      <c r="E411" s="11">
        <v>48213</v>
      </c>
      <c r="F411" s="9" t="s">
        <v>23</v>
      </c>
      <c r="G411" s="12">
        <v>409</v>
      </c>
      <c r="H411" s="12">
        <f t="shared" si="12"/>
        <v>14</v>
      </c>
      <c r="I411" s="12">
        <f t="shared" si="13"/>
        <v>13</v>
      </c>
    </row>
    <row r="412" spans="1:12" s="5" customFormat="1" ht="27.75" customHeight="1" x14ac:dyDescent="0.4">
      <c r="A412" s="9" t="s">
        <v>137</v>
      </c>
      <c r="B412" s="9" t="s">
        <v>838</v>
      </c>
      <c r="C412" s="9" t="s">
        <v>839</v>
      </c>
      <c r="D412" s="18">
        <v>1412204865</v>
      </c>
      <c r="E412" s="11">
        <v>47999</v>
      </c>
      <c r="F412" s="9" t="s">
        <v>40</v>
      </c>
      <c r="G412" s="5">
        <v>410</v>
      </c>
      <c r="H412" s="12">
        <f t="shared" si="12"/>
        <v>16</v>
      </c>
      <c r="I412" s="12">
        <f t="shared" si="13"/>
        <v>6</v>
      </c>
    </row>
    <row r="413" spans="1:12" s="5" customFormat="1" ht="27.75" customHeight="1" x14ac:dyDescent="0.4">
      <c r="A413" s="9" t="s">
        <v>137</v>
      </c>
      <c r="B413" s="9" t="s">
        <v>840</v>
      </c>
      <c r="C413" s="9" t="s">
        <v>841</v>
      </c>
      <c r="D413" s="18">
        <v>1412212553</v>
      </c>
      <c r="E413" s="11">
        <v>47999</v>
      </c>
      <c r="F413" s="9" t="s">
        <v>40</v>
      </c>
      <c r="G413" s="12">
        <v>411</v>
      </c>
      <c r="H413" s="12">
        <f t="shared" si="12"/>
        <v>13</v>
      </c>
      <c r="I413" s="12">
        <f t="shared" si="13"/>
        <v>13</v>
      </c>
      <c r="J413" s="24"/>
      <c r="K413" s="24"/>
      <c r="L413" s="24"/>
    </row>
    <row r="414" spans="1:12" s="5" customFormat="1" ht="27.75" customHeight="1" x14ac:dyDescent="0.4">
      <c r="A414" s="9" t="s">
        <v>137</v>
      </c>
      <c r="B414" s="9" t="s">
        <v>842</v>
      </c>
      <c r="C414" s="9" t="s">
        <v>843</v>
      </c>
      <c r="D414" s="18">
        <v>1412206068</v>
      </c>
      <c r="E414" s="11">
        <v>46446</v>
      </c>
      <c r="F414" s="9" t="s">
        <v>40</v>
      </c>
      <c r="G414" s="5">
        <v>412</v>
      </c>
      <c r="H414" s="12">
        <f t="shared" si="12"/>
        <v>11</v>
      </c>
      <c r="I414" s="12">
        <f t="shared" si="13"/>
        <v>8</v>
      </c>
    </row>
    <row r="415" spans="1:12" s="5" customFormat="1" ht="27.75" customHeight="1" x14ac:dyDescent="0.4">
      <c r="A415" s="9" t="s">
        <v>137</v>
      </c>
      <c r="B415" s="13" t="s">
        <v>844</v>
      </c>
      <c r="C415" s="13" t="s">
        <v>845</v>
      </c>
      <c r="D415" s="18">
        <v>1412201689</v>
      </c>
      <c r="E415" s="11">
        <v>46387</v>
      </c>
      <c r="F415" s="9" t="s">
        <v>40</v>
      </c>
      <c r="G415" s="12">
        <v>413</v>
      </c>
      <c r="H415" s="12">
        <f t="shared" si="12"/>
        <v>13</v>
      </c>
      <c r="I415" s="12">
        <f t="shared" si="13"/>
        <v>6</v>
      </c>
    </row>
    <row r="416" spans="1:12" s="5" customFormat="1" ht="27.75" customHeight="1" x14ac:dyDescent="0.4">
      <c r="A416" s="9" t="s">
        <v>137</v>
      </c>
      <c r="B416" s="9" t="s">
        <v>846</v>
      </c>
      <c r="C416" s="9" t="s">
        <v>847</v>
      </c>
      <c r="D416" s="18">
        <v>1412207835</v>
      </c>
      <c r="E416" s="11">
        <v>48152</v>
      </c>
      <c r="F416" s="9" t="s">
        <v>40</v>
      </c>
      <c r="G416" s="5">
        <v>414</v>
      </c>
      <c r="H416" s="12">
        <f t="shared" si="12"/>
        <v>11</v>
      </c>
      <c r="I416" s="12">
        <f t="shared" si="13"/>
        <v>4</v>
      </c>
    </row>
    <row r="417" spans="1:35" s="5" customFormat="1" ht="27.75" customHeight="1" x14ac:dyDescent="0.4">
      <c r="A417" s="9" t="s">
        <v>137</v>
      </c>
      <c r="B417" s="9" t="s">
        <v>848</v>
      </c>
      <c r="C417" s="9" t="s">
        <v>849</v>
      </c>
      <c r="D417" s="18">
        <v>1412206951</v>
      </c>
      <c r="E417" s="11">
        <v>46387</v>
      </c>
      <c r="F417" s="9" t="s">
        <v>40</v>
      </c>
      <c r="G417" s="12">
        <v>415</v>
      </c>
      <c r="H417" s="12">
        <f t="shared" si="12"/>
        <v>11</v>
      </c>
      <c r="I417" s="12">
        <f t="shared" si="13"/>
        <v>4</v>
      </c>
    </row>
    <row r="418" spans="1:35" s="5" customFormat="1" ht="27.75" customHeight="1" x14ac:dyDescent="0.4">
      <c r="A418" s="9" t="s">
        <v>137</v>
      </c>
      <c r="B418" s="9" t="s">
        <v>850</v>
      </c>
      <c r="C418" s="9" t="s">
        <v>851</v>
      </c>
      <c r="D418" s="18">
        <v>1412206647</v>
      </c>
      <c r="E418" s="11">
        <v>46387</v>
      </c>
      <c r="F418" s="9" t="s">
        <v>40</v>
      </c>
      <c r="G418" s="5">
        <v>416</v>
      </c>
      <c r="H418" s="12">
        <f t="shared" si="12"/>
        <v>10</v>
      </c>
      <c r="I418" s="12">
        <f t="shared" si="13"/>
        <v>13</v>
      </c>
    </row>
    <row r="419" spans="1:35" s="5" customFormat="1" ht="27.75" customHeight="1" x14ac:dyDescent="0.4">
      <c r="A419" s="17" t="s">
        <v>137</v>
      </c>
      <c r="B419" s="9" t="s">
        <v>852</v>
      </c>
      <c r="C419" s="9" t="s">
        <v>853</v>
      </c>
      <c r="D419" s="18">
        <v>1412210888</v>
      </c>
      <c r="E419" s="11">
        <v>47452</v>
      </c>
      <c r="F419" s="9" t="s">
        <v>40</v>
      </c>
      <c r="G419" s="12">
        <v>417</v>
      </c>
      <c r="H419" s="12">
        <f t="shared" si="12"/>
        <v>11</v>
      </c>
      <c r="I419" s="12">
        <f t="shared" si="13"/>
        <v>16</v>
      </c>
    </row>
    <row r="420" spans="1:35" s="5" customFormat="1" ht="27.75" customHeight="1" x14ac:dyDescent="0.4">
      <c r="A420" s="9" t="s">
        <v>137</v>
      </c>
      <c r="B420" s="9" t="s">
        <v>854</v>
      </c>
      <c r="C420" s="9" t="s">
        <v>855</v>
      </c>
      <c r="D420" s="18">
        <v>1412205805</v>
      </c>
      <c r="E420" s="11">
        <v>46387</v>
      </c>
      <c r="F420" s="9" t="s">
        <v>40</v>
      </c>
      <c r="G420" s="5">
        <v>418</v>
      </c>
      <c r="H420" s="12">
        <f t="shared" si="12"/>
        <v>10</v>
      </c>
      <c r="I420" s="12">
        <f t="shared" si="13"/>
        <v>14</v>
      </c>
      <c r="J420" s="12"/>
      <c r="K420" s="12"/>
      <c r="L420" s="12"/>
      <c r="M420" s="12"/>
      <c r="N420" s="12"/>
      <c r="O420" s="12"/>
      <c r="P420" s="12"/>
      <c r="Q420" s="12"/>
      <c r="R420" s="12"/>
      <c r="S420" s="12"/>
      <c r="T420" s="12"/>
      <c r="U420" s="12"/>
      <c r="V420" s="12"/>
      <c r="W420" s="12"/>
      <c r="X420" s="12"/>
      <c r="Y420" s="12"/>
      <c r="Z420" s="12"/>
      <c r="AA420" s="12"/>
      <c r="AB420" s="12"/>
      <c r="AC420" s="12"/>
      <c r="AD420" s="12"/>
      <c r="AE420" s="12"/>
      <c r="AF420" s="12"/>
      <c r="AG420" s="12"/>
      <c r="AH420" s="12"/>
      <c r="AI420" s="12"/>
    </row>
    <row r="421" spans="1:35" s="5" customFormat="1" ht="27.75" customHeight="1" x14ac:dyDescent="0.4">
      <c r="A421" s="9" t="s">
        <v>137</v>
      </c>
      <c r="B421" s="9" t="s">
        <v>856</v>
      </c>
      <c r="C421" s="9" t="s">
        <v>857</v>
      </c>
      <c r="D421" s="18">
        <v>1412203495</v>
      </c>
      <c r="E421" s="11">
        <v>46387</v>
      </c>
      <c r="F421" s="9" t="s">
        <v>40</v>
      </c>
      <c r="G421" s="12">
        <v>419</v>
      </c>
      <c r="H421" s="12">
        <f t="shared" si="12"/>
        <v>10</v>
      </c>
      <c r="I421" s="12">
        <f t="shared" si="13"/>
        <v>8</v>
      </c>
      <c r="J421" s="12"/>
      <c r="K421" s="12"/>
      <c r="L421" s="12"/>
      <c r="M421" s="12"/>
      <c r="N421" s="12"/>
      <c r="O421" s="12"/>
      <c r="P421" s="12"/>
      <c r="Q421" s="12"/>
      <c r="R421" s="12"/>
      <c r="S421" s="12"/>
      <c r="T421" s="12"/>
      <c r="U421" s="12"/>
      <c r="V421" s="12"/>
      <c r="W421" s="12"/>
      <c r="X421" s="12"/>
      <c r="Y421" s="12"/>
      <c r="Z421" s="12"/>
      <c r="AA421" s="12"/>
      <c r="AB421" s="12"/>
      <c r="AC421" s="12"/>
      <c r="AD421" s="12"/>
      <c r="AE421" s="12"/>
      <c r="AF421" s="12"/>
      <c r="AG421" s="12"/>
      <c r="AH421" s="12"/>
      <c r="AI421" s="12"/>
    </row>
    <row r="422" spans="1:35" s="5" customFormat="1" ht="27.75" customHeight="1" x14ac:dyDescent="0.4">
      <c r="A422" s="9" t="s">
        <v>137</v>
      </c>
      <c r="B422" s="9" t="s">
        <v>858</v>
      </c>
      <c r="C422" s="9" t="s">
        <v>859</v>
      </c>
      <c r="D422" s="18">
        <v>1412205417</v>
      </c>
      <c r="E422" s="11">
        <v>46387</v>
      </c>
      <c r="F422" s="9" t="s">
        <v>40</v>
      </c>
      <c r="G422" s="5">
        <v>420</v>
      </c>
      <c r="H422" s="12">
        <f t="shared" si="12"/>
        <v>10</v>
      </c>
      <c r="I422" s="12">
        <f t="shared" si="13"/>
        <v>24</v>
      </c>
    </row>
    <row r="423" spans="1:35" s="5" customFormat="1" ht="27.75" customHeight="1" x14ac:dyDescent="0.4">
      <c r="A423" s="9" t="s">
        <v>137</v>
      </c>
      <c r="B423" s="9" t="s">
        <v>860</v>
      </c>
      <c r="C423" s="9" t="s">
        <v>861</v>
      </c>
      <c r="D423" s="18">
        <v>1412205656</v>
      </c>
      <c r="E423" s="11">
        <v>46387</v>
      </c>
      <c r="F423" s="9" t="s">
        <v>40</v>
      </c>
      <c r="G423" s="12">
        <v>421</v>
      </c>
      <c r="H423" s="12">
        <f t="shared" si="12"/>
        <v>10</v>
      </c>
      <c r="I423" s="12">
        <f t="shared" si="13"/>
        <v>26</v>
      </c>
    </row>
    <row r="424" spans="1:35" s="5" customFormat="1" ht="27.75" customHeight="1" x14ac:dyDescent="0.4">
      <c r="A424" s="17" t="s">
        <v>137</v>
      </c>
      <c r="B424" s="15" t="s">
        <v>862</v>
      </c>
      <c r="C424" s="16" t="s">
        <v>863</v>
      </c>
      <c r="D424" s="10">
        <v>1412207371</v>
      </c>
      <c r="E424" s="11">
        <v>46387</v>
      </c>
      <c r="F424" s="9" t="s">
        <v>40</v>
      </c>
      <c r="G424" s="5">
        <v>422</v>
      </c>
      <c r="H424" s="12">
        <f t="shared" si="12"/>
        <v>11</v>
      </c>
      <c r="I424" s="12">
        <f t="shared" si="13"/>
        <v>6</v>
      </c>
    </row>
    <row r="425" spans="1:35" s="5" customFormat="1" ht="27.75" customHeight="1" x14ac:dyDescent="0.4">
      <c r="A425" s="9" t="s">
        <v>137</v>
      </c>
      <c r="B425" s="9" t="s">
        <v>864</v>
      </c>
      <c r="C425" s="9" t="s">
        <v>865</v>
      </c>
      <c r="D425" s="18">
        <v>1412207314</v>
      </c>
      <c r="E425" s="11">
        <v>46568</v>
      </c>
      <c r="F425" s="9" t="s">
        <v>40</v>
      </c>
      <c r="G425" s="12">
        <v>423</v>
      </c>
      <c r="H425" s="12">
        <f t="shared" si="12"/>
        <v>17</v>
      </c>
      <c r="I425" s="12">
        <f t="shared" si="13"/>
        <v>7</v>
      </c>
      <c r="J425" s="24"/>
      <c r="K425" s="24"/>
      <c r="L425" s="24"/>
      <c r="M425" s="24"/>
      <c r="N425" s="24"/>
      <c r="O425" s="24"/>
      <c r="P425" s="24"/>
      <c r="Q425" s="24"/>
      <c r="R425" s="24"/>
      <c r="S425" s="24"/>
      <c r="T425" s="24"/>
      <c r="U425" s="24"/>
      <c r="V425" s="24"/>
      <c r="W425" s="24"/>
      <c r="X425" s="24"/>
      <c r="Y425" s="24"/>
      <c r="Z425" s="24"/>
      <c r="AA425" s="24"/>
      <c r="AB425" s="24"/>
      <c r="AC425" s="24"/>
      <c r="AD425" s="24"/>
      <c r="AE425" s="24"/>
      <c r="AF425" s="24"/>
      <c r="AG425" s="24"/>
      <c r="AH425" s="24"/>
      <c r="AI425" s="24"/>
    </row>
    <row r="426" spans="1:35" s="5" customFormat="1" ht="27.75" customHeight="1" x14ac:dyDescent="0.4">
      <c r="A426" s="9" t="s">
        <v>137</v>
      </c>
      <c r="B426" s="9" t="s">
        <v>866</v>
      </c>
      <c r="C426" s="9" t="s">
        <v>867</v>
      </c>
      <c r="D426" s="18">
        <v>1412210565</v>
      </c>
      <c r="E426" s="11">
        <v>46812</v>
      </c>
      <c r="F426" s="9" t="s">
        <v>40</v>
      </c>
      <c r="G426" s="5">
        <v>424</v>
      </c>
      <c r="H426" s="12">
        <f t="shared" si="12"/>
        <v>25</v>
      </c>
      <c r="I426" s="12">
        <f t="shared" si="13"/>
        <v>23</v>
      </c>
    </row>
    <row r="427" spans="1:35" s="5" customFormat="1" ht="27.75" customHeight="1" x14ac:dyDescent="0.4">
      <c r="A427" s="9" t="s">
        <v>137</v>
      </c>
      <c r="B427" s="9" t="s">
        <v>868</v>
      </c>
      <c r="C427" s="9" t="s">
        <v>869</v>
      </c>
      <c r="D427" s="18">
        <v>1412206449</v>
      </c>
      <c r="E427" s="11">
        <v>46387</v>
      </c>
      <c r="F427" s="9" t="s">
        <v>40</v>
      </c>
      <c r="G427" s="12">
        <v>425</v>
      </c>
      <c r="H427" s="12">
        <f t="shared" si="12"/>
        <v>18</v>
      </c>
      <c r="I427" s="12">
        <f t="shared" si="13"/>
        <v>6</v>
      </c>
    </row>
    <row r="428" spans="1:35" s="5" customFormat="1" ht="27.75" customHeight="1" x14ac:dyDescent="0.4">
      <c r="A428" s="9" t="s">
        <v>137</v>
      </c>
      <c r="B428" s="9" t="s">
        <v>870</v>
      </c>
      <c r="C428" s="9" t="s">
        <v>871</v>
      </c>
      <c r="D428" s="18">
        <v>1412207397</v>
      </c>
      <c r="E428" s="11">
        <v>46387</v>
      </c>
      <c r="F428" s="9" t="s">
        <v>40</v>
      </c>
      <c r="G428" s="5">
        <v>426</v>
      </c>
      <c r="H428" s="12">
        <f t="shared" si="12"/>
        <v>11</v>
      </c>
      <c r="I428" s="12">
        <f t="shared" si="13"/>
        <v>10</v>
      </c>
    </row>
    <row r="429" spans="1:35" s="5" customFormat="1" ht="27.75" customHeight="1" x14ac:dyDescent="0.4">
      <c r="A429" s="9" t="s">
        <v>137</v>
      </c>
      <c r="B429" s="9" t="s">
        <v>872</v>
      </c>
      <c r="C429" s="9" t="s">
        <v>873</v>
      </c>
      <c r="D429" s="18">
        <v>1412205052</v>
      </c>
      <c r="E429" s="11">
        <v>46387</v>
      </c>
      <c r="F429" s="9" t="s">
        <v>40</v>
      </c>
      <c r="G429" s="12">
        <v>427</v>
      </c>
      <c r="H429" s="12">
        <f t="shared" si="12"/>
        <v>13</v>
      </c>
      <c r="I429" s="12">
        <f t="shared" si="13"/>
        <v>6</v>
      </c>
    </row>
    <row r="430" spans="1:35" s="5" customFormat="1" ht="27.75" customHeight="1" x14ac:dyDescent="0.4">
      <c r="A430" s="9" t="s">
        <v>137</v>
      </c>
      <c r="B430" s="9" t="s">
        <v>874</v>
      </c>
      <c r="C430" s="9" t="s">
        <v>875</v>
      </c>
      <c r="D430" s="18">
        <v>1412205789</v>
      </c>
      <c r="E430" s="11">
        <v>46387</v>
      </c>
      <c r="F430" s="9" t="s">
        <v>40</v>
      </c>
      <c r="G430" s="5">
        <v>428</v>
      </c>
      <c r="H430" s="12">
        <f t="shared" si="12"/>
        <v>20</v>
      </c>
      <c r="I430" s="12">
        <f t="shared" si="13"/>
        <v>9</v>
      </c>
    </row>
    <row r="431" spans="1:35" s="5" customFormat="1" ht="27.75" customHeight="1" x14ac:dyDescent="0.4">
      <c r="A431" s="9" t="s">
        <v>137</v>
      </c>
      <c r="B431" s="9" t="s">
        <v>876</v>
      </c>
      <c r="C431" s="9" t="s">
        <v>877</v>
      </c>
      <c r="D431" s="18">
        <v>1412211811</v>
      </c>
      <c r="E431" s="11">
        <v>46691</v>
      </c>
      <c r="F431" s="9" t="s">
        <v>40</v>
      </c>
      <c r="G431" s="12">
        <v>429</v>
      </c>
      <c r="H431" s="12">
        <f t="shared" si="12"/>
        <v>13</v>
      </c>
      <c r="I431" s="12">
        <f t="shared" si="13"/>
        <v>12</v>
      </c>
    </row>
    <row r="432" spans="1:35" s="5" customFormat="1" ht="27.75" customHeight="1" x14ac:dyDescent="0.4">
      <c r="A432" s="9" t="s">
        <v>137</v>
      </c>
      <c r="B432" s="9" t="s">
        <v>878</v>
      </c>
      <c r="C432" s="9" t="s">
        <v>879</v>
      </c>
      <c r="D432" s="18">
        <v>1412211951</v>
      </c>
      <c r="E432" s="11">
        <v>46934</v>
      </c>
      <c r="F432" s="9" t="s">
        <v>40</v>
      </c>
      <c r="G432" s="5">
        <v>430</v>
      </c>
      <c r="H432" s="12">
        <f t="shared" si="12"/>
        <v>18</v>
      </c>
      <c r="I432" s="12">
        <f t="shared" si="13"/>
        <v>7</v>
      </c>
    </row>
    <row r="433" spans="1:35" s="5" customFormat="1" ht="27.75" customHeight="1" x14ac:dyDescent="0.4">
      <c r="A433" s="9" t="s">
        <v>137</v>
      </c>
      <c r="B433" s="16" t="s">
        <v>880</v>
      </c>
      <c r="C433" s="16" t="s">
        <v>881</v>
      </c>
      <c r="D433" s="10">
        <v>1412212074</v>
      </c>
      <c r="E433" s="11">
        <v>48273</v>
      </c>
      <c r="F433" s="9" t="s">
        <v>40</v>
      </c>
      <c r="G433" s="12">
        <v>431</v>
      </c>
      <c r="H433" s="12">
        <f t="shared" si="12"/>
        <v>11</v>
      </c>
      <c r="I433" s="12">
        <f t="shared" si="13"/>
        <v>11</v>
      </c>
    </row>
    <row r="434" spans="1:35" s="5" customFormat="1" ht="27.75" customHeight="1" x14ac:dyDescent="0.4">
      <c r="A434" s="9" t="s">
        <v>137</v>
      </c>
      <c r="B434" s="9" t="s">
        <v>882</v>
      </c>
      <c r="C434" s="9" t="s">
        <v>883</v>
      </c>
      <c r="D434" s="18">
        <v>1412206555</v>
      </c>
      <c r="E434" s="11">
        <v>46387</v>
      </c>
      <c r="F434" s="9" t="s">
        <v>40</v>
      </c>
      <c r="G434" s="5">
        <v>432</v>
      </c>
      <c r="H434" s="12">
        <f t="shared" si="12"/>
        <v>13</v>
      </c>
      <c r="I434" s="12">
        <f t="shared" si="13"/>
        <v>13</v>
      </c>
      <c r="J434" s="12"/>
      <c r="K434" s="12"/>
      <c r="L434" s="12"/>
      <c r="M434" s="12"/>
      <c r="N434" s="12"/>
      <c r="O434" s="12"/>
      <c r="P434" s="12"/>
      <c r="Q434" s="12"/>
      <c r="R434" s="12"/>
      <c r="S434" s="12"/>
      <c r="T434" s="12"/>
      <c r="U434" s="12"/>
      <c r="V434" s="12"/>
      <c r="W434" s="12"/>
      <c r="X434" s="12"/>
      <c r="Y434" s="12"/>
      <c r="Z434" s="12"/>
      <c r="AA434" s="12"/>
      <c r="AB434" s="12"/>
      <c r="AC434" s="12"/>
      <c r="AD434" s="12"/>
      <c r="AE434" s="12"/>
      <c r="AF434" s="12"/>
      <c r="AG434" s="12"/>
      <c r="AH434" s="12"/>
      <c r="AI434" s="12"/>
    </row>
    <row r="435" spans="1:35" s="5" customFormat="1" ht="27.75" customHeight="1" x14ac:dyDescent="0.4">
      <c r="A435" s="9" t="s">
        <v>137</v>
      </c>
      <c r="B435" s="9" t="s">
        <v>884</v>
      </c>
      <c r="C435" s="9" t="s">
        <v>885</v>
      </c>
      <c r="D435" s="18">
        <v>1412210086</v>
      </c>
      <c r="E435" s="11">
        <v>46387</v>
      </c>
      <c r="F435" s="9" t="s">
        <v>40</v>
      </c>
      <c r="G435" s="12">
        <v>433</v>
      </c>
      <c r="H435" s="12">
        <f t="shared" si="12"/>
        <v>13</v>
      </c>
      <c r="I435" s="12">
        <f t="shared" si="13"/>
        <v>8</v>
      </c>
    </row>
    <row r="436" spans="1:35" s="5" customFormat="1" ht="27.75" customHeight="1" x14ac:dyDescent="0.4">
      <c r="A436" s="9" t="s">
        <v>137</v>
      </c>
      <c r="B436" s="9" t="s">
        <v>886</v>
      </c>
      <c r="C436" s="49" t="s">
        <v>887</v>
      </c>
      <c r="D436" s="18">
        <v>1412211944</v>
      </c>
      <c r="E436" s="11">
        <v>46934</v>
      </c>
      <c r="F436" s="9" t="s">
        <v>40</v>
      </c>
      <c r="G436" s="5">
        <v>434</v>
      </c>
      <c r="H436" s="12">
        <f t="shared" si="12"/>
        <v>30</v>
      </c>
      <c r="I436" s="12">
        <f t="shared" si="13"/>
        <v>21</v>
      </c>
    </row>
    <row r="437" spans="1:35" s="5" customFormat="1" ht="27.75" customHeight="1" x14ac:dyDescent="0.4">
      <c r="A437" s="9" t="s">
        <v>137</v>
      </c>
      <c r="B437" s="9" t="s">
        <v>888</v>
      </c>
      <c r="C437" s="9" t="s">
        <v>889</v>
      </c>
      <c r="D437" s="18">
        <v>1412210466</v>
      </c>
      <c r="E437" s="11">
        <v>46387</v>
      </c>
      <c r="F437" s="9" t="s">
        <v>40</v>
      </c>
      <c r="G437" s="12">
        <v>435</v>
      </c>
      <c r="H437" s="12">
        <f t="shared" si="12"/>
        <v>11</v>
      </c>
      <c r="I437" s="12">
        <f t="shared" si="13"/>
        <v>8</v>
      </c>
    </row>
    <row r="438" spans="1:35" s="5" customFormat="1" ht="27.75" customHeight="1" x14ac:dyDescent="0.4">
      <c r="A438" s="9" t="s">
        <v>137</v>
      </c>
      <c r="B438" s="9" t="s">
        <v>890</v>
      </c>
      <c r="C438" s="9" t="s">
        <v>891</v>
      </c>
      <c r="D438" s="18">
        <v>1412207744</v>
      </c>
      <c r="E438" s="11">
        <v>46387</v>
      </c>
      <c r="F438" s="9" t="s">
        <v>40</v>
      </c>
      <c r="G438" s="5">
        <v>436</v>
      </c>
      <c r="H438" s="12">
        <f t="shared" si="12"/>
        <v>11</v>
      </c>
      <c r="I438" s="12">
        <f t="shared" si="13"/>
        <v>7</v>
      </c>
    </row>
    <row r="439" spans="1:35" s="5" customFormat="1" ht="27.75" customHeight="1" x14ac:dyDescent="0.4">
      <c r="A439" s="9" t="s">
        <v>137</v>
      </c>
      <c r="B439" s="13" t="s">
        <v>892</v>
      </c>
      <c r="C439" s="13" t="s">
        <v>893</v>
      </c>
      <c r="D439" s="18">
        <v>1412201051</v>
      </c>
      <c r="E439" s="11">
        <v>46387</v>
      </c>
      <c r="F439" s="9" t="s">
        <v>40</v>
      </c>
      <c r="G439" s="12">
        <v>437</v>
      </c>
      <c r="H439" s="12">
        <f t="shared" si="12"/>
        <v>9</v>
      </c>
      <c r="I439" s="12">
        <f t="shared" si="13"/>
        <v>18</v>
      </c>
    </row>
    <row r="440" spans="1:35" s="5" customFormat="1" ht="27.75" customHeight="1" x14ac:dyDescent="0.4">
      <c r="A440" s="9" t="s">
        <v>137</v>
      </c>
      <c r="B440" s="9" t="s">
        <v>894</v>
      </c>
      <c r="C440" s="9" t="s">
        <v>895</v>
      </c>
      <c r="D440" s="18">
        <v>1412205557</v>
      </c>
      <c r="E440" s="11">
        <v>46387</v>
      </c>
      <c r="F440" s="9" t="s">
        <v>40</v>
      </c>
      <c r="G440" s="5">
        <v>438</v>
      </c>
      <c r="H440" s="12">
        <f t="shared" si="12"/>
        <v>10</v>
      </c>
      <c r="I440" s="12">
        <f t="shared" si="13"/>
        <v>4</v>
      </c>
    </row>
    <row r="441" spans="1:35" s="5" customFormat="1" ht="27.75" customHeight="1" x14ac:dyDescent="0.4">
      <c r="A441" s="9" t="s">
        <v>137</v>
      </c>
      <c r="B441" s="9" t="s">
        <v>896</v>
      </c>
      <c r="C441" s="9" t="s">
        <v>897</v>
      </c>
      <c r="D441" s="18">
        <v>1412211381</v>
      </c>
      <c r="E441" s="11">
        <v>48029</v>
      </c>
      <c r="F441" s="9" t="s">
        <v>40</v>
      </c>
      <c r="G441" s="12">
        <v>439</v>
      </c>
      <c r="H441" s="12">
        <f t="shared" si="12"/>
        <v>10</v>
      </c>
      <c r="I441" s="12">
        <f t="shared" si="13"/>
        <v>9</v>
      </c>
    </row>
    <row r="442" spans="1:35" s="5" customFormat="1" ht="27.75" customHeight="1" x14ac:dyDescent="0.4">
      <c r="A442" s="9" t="s">
        <v>137</v>
      </c>
      <c r="B442" s="9" t="s">
        <v>898</v>
      </c>
      <c r="C442" s="9" t="s">
        <v>899</v>
      </c>
      <c r="D442" s="18">
        <v>1412204048</v>
      </c>
      <c r="E442" s="11">
        <v>46387</v>
      </c>
      <c r="F442" s="9" t="s">
        <v>40</v>
      </c>
      <c r="G442" s="5">
        <v>440</v>
      </c>
      <c r="H442" s="12">
        <f t="shared" si="12"/>
        <v>11</v>
      </c>
      <c r="I442" s="12">
        <f t="shared" si="13"/>
        <v>15</v>
      </c>
    </row>
    <row r="443" spans="1:35" s="5" customFormat="1" ht="27.75" customHeight="1" x14ac:dyDescent="0.4">
      <c r="A443" s="9" t="s">
        <v>137</v>
      </c>
      <c r="B443" s="9" t="s">
        <v>900</v>
      </c>
      <c r="C443" s="9" t="s">
        <v>901</v>
      </c>
      <c r="D443" s="18">
        <v>1412208106</v>
      </c>
      <c r="E443" s="11">
        <v>46387</v>
      </c>
      <c r="F443" s="9" t="s">
        <v>40</v>
      </c>
      <c r="G443" s="12">
        <v>441</v>
      </c>
      <c r="H443" s="12">
        <f t="shared" si="12"/>
        <v>21</v>
      </c>
      <c r="I443" s="12">
        <f t="shared" si="13"/>
        <v>12</v>
      </c>
    </row>
    <row r="444" spans="1:35" s="5" customFormat="1" ht="27.75" customHeight="1" x14ac:dyDescent="0.4">
      <c r="A444" s="9" t="s">
        <v>137</v>
      </c>
      <c r="B444" s="9" t="s">
        <v>902</v>
      </c>
      <c r="C444" s="9" t="s">
        <v>903</v>
      </c>
      <c r="D444" s="18">
        <v>1412208528</v>
      </c>
      <c r="E444" s="11">
        <v>46387</v>
      </c>
      <c r="F444" s="9" t="s">
        <v>40</v>
      </c>
      <c r="G444" s="5">
        <v>442</v>
      </c>
      <c r="H444" s="12">
        <f t="shared" si="12"/>
        <v>22</v>
      </c>
      <c r="I444" s="12">
        <f t="shared" si="13"/>
        <v>14</v>
      </c>
    </row>
    <row r="445" spans="1:35" s="5" customFormat="1" ht="27.75" customHeight="1" x14ac:dyDescent="0.4">
      <c r="A445" s="17" t="s">
        <v>137</v>
      </c>
      <c r="B445" s="9" t="s">
        <v>904</v>
      </c>
      <c r="C445" s="9" t="s">
        <v>905</v>
      </c>
      <c r="D445" s="18">
        <v>1412210755</v>
      </c>
      <c r="E445" s="11">
        <v>48060</v>
      </c>
      <c r="F445" s="9" t="s">
        <v>40</v>
      </c>
      <c r="G445" s="12">
        <v>443</v>
      </c>
      <c r="H445" s="12">
        <f t="shared" si="12"/>
        <v>16</v>
      </c>
      <c r="I445" s="12">
        <f t="shared" si="13"/>
        <v>11</v>
      </c>
    </row>
    <row r="446" spans="1:35" s="5" customFormat="1" ht="27.75" customHeight="1" x14ac:dyDescent="0.4">
      <c r="A446" s="9" t="s">
        <v>137</v>
      </c>
      <c r="B446" s="14" t="s">
        <v>906</v>
      </c>
      <c r="C446" s="9" t="s">
        <v>905</v>
      </c>
      <c r="D446" s="18">
        <v>1412212108</v>
      </c>
      <c r="E446" s="11">
        <v>47573</v>
      </c>
      <c r="F446" s="9" t="s">
        <v>40</v>
      </c>
      <c r="G446" s="5">
        <v>444</v>
      </c>
      <c r="H446" s="12">
        <f t="shared" si="12"/>
        <v>16</v>
      </c>
      <c r="I446" s="12">
        <f t="shared" si="13"/>
        <v>11</v>
      </c>
    </row>
    <row r="447" spans="1:35" s="5" customFormat="1" ht="27.75" customHeight="1" x14ac:dyDescent="0.4">
      <c r="A447" s="9" t="s">
        <v>137</v>
      </c>
      <c r="B447" s="9" t="s">
        <v>907</v>
      </c>
      <c r="C447" s="9" t="s">
        <v>908</v>
      </c>
      <c r="D447" s="18">
        <v>1412210623</v>
      </c>
      <c r="E447" s="11">
        <v>46387</v>
      </c>
      <c r="F447" s="9" t="s">
        <v>40</v>
      </c>
      <c r="G447" s="12">
        <v>445</v>
      </c>
      <c r="H447" s="12">
        <f t="shared" si="12"/>
        <v>20</v>
      </c>
      <c r="I447" s="12">
        <f t="shared" si="13"/>
        <v>4</v>
      </c>
    </row>
    <row r="448" spans="1:35" s="5" customFormat="1" ht="27.75" customHeight="1" x14ac:dyDescent="0.4">
      <c r="A448" s="9" t="s">
        <v>137</v>
      </c>
      <c r="B448" s="9" t="s">
        <v>909</v>
      </c>
      <c r="C448" s="9" t="s">
        <v>910</v>
      </c>
      <c r="D448" s="18">
        <v>1412211001</v>
      </c>
      <c r="E448" s="11">
        <v>47634</v>
      </c>
      <c r="F448" s="9" t="s">
        <v>40</v>
      </c>
      <c r="G448" s="5">
        <v>446</v>
      </c>
      <c r="H448" s="12">
        <f t="shared" si="12"/>
        <v>20</v>
      </c>
      <c r="I448" s="12">
        <f t="shared" si="13"/>
        <v>7</v>
      </c>
    </row>
    <row r="449" spans="1:9" s="5" customFormat="1" ht="27.75" customHeight="1" x14ac:dyDescent="0.4">
      <c r="A449" s="9" t="s">
        <v>137</v>
      </c>
      <c r="B449" s="9" t="s">
        <v>911</v>
      </c>
      <c r="C449" s="9" t="s">
        <v>912</v>
      </c>
      <c r="D449" s="18">
        <v>1412212397</v>
      </c>
      <c r="E449" s="11">
        <v>47695</v>
      </c>
      <c r="F449" s="9" t="s">
        <v>40</v>
      </c>
      <c r="G449" s="12">
        <v>447</v>
      </c>
      <c r="H449" s="12">
        <f t="shared" si="12"/>
        <v>20</v>
      </c>
      <c r="I449" s="12">
        <f t="shared" si="13"/>
        <v>16</v>
      </c>
    </row>
    <row r="450" spans="1:9" s="5" customFormat="1" ht="27.75" customHeight="1" x14ac:dyDescent="0.4">
      <c r="A450" s="9" t="s">
        <v>137</v>
      </c>
      <c r="B450" s="9" t="s">
        <v>913</v>
      </c>
      <c r="C450" s="9" t="s">
        <v>914</v>
      </c>
      <c r="D450" s="18">
        <v>1412211449</v>
      </c>
      <c r="E450" s="11">
        <v>48152</v>
      </c>
      <c r="F450" s="9" t="s">
        <v>40</v>
      </c>
      <c r="G450" s="5">
        <v>448</v>
      </c>
      <c r="H450" s="12">
        <f t="shared" si="12"/>
        <v>24</v>
      </c>
      <c r="I450" s="12">
        <f t="shared" si="13"/>
        <v>7</v>
      </c>
    </row>
    <row r="451" spans="1:9" s="5" customFormat="1" ht="27.75" customHeight="1" x14ac:dyDescent="0.4">
      <c r="A451" s="9" t="s">
        <v>137</v>
      </c>
      <c r="B451" s="14" t="s">
        <v>915</v>
      </c>
      <c r="C451" s="9" t="s">
        <v>916</v>
      </c>
      <c r="D451" s="18">
        <v>1412207603</v>
      </c>
      <c r="E451" s="11">
        <v>46387</v>
      </c>
      <c r="F451" s="9" t="s">
        <v>40</v>
      </c>
      <c r="G451" s="12">
        <v>449</v>
      </c>
      <c r="H451" s="12">
        <f t="shared" si="12"/>
        <v>25</v>
      </c>
      <c r="I451" s="12">
        <f t="shared" si="13"/>
        <v>13</v>
      </c>
    </row>
    <row r="452" spans="1:9" s="5" customFormat="1" ht="27.75" customHeight="1" x14ac:dyDescent="0.4">
      <c r="A452" s="9" t="s">
        <v>137</v>
      </c>
      <c r="B452" s="9" t="s">
        <v>917</v>
      </c>
      <c r="C452" s="9" t="s">
        <v>918</v>
      </c>
      <c r="D452" s="18">
        <v>1412206928</v>
      </c>
      <c r="E452" s="11">
        <v>46387</v>
      </c>
      <c r="F452" s="9" t="s">
        <v>40</v>
      </c>
      <c r="G452" s="5">
        <v>450</v>
      </c>
      <c r="H452" s="12">
        <f t="shared" ref="H452:H515" si="14">LEN(C452)</f>
        <v>11</v>
      </c>
      <c r="I452" s="12">
        <f t="shared" ref="I452:I515" si="15">LEN(B452)</f>
        <v>7</v>
      </c>
    </row>
    <row r="453" spans="1:9" s="5" customFormat="1" ht="27.75" customHeight="1" x14ac:dyDescent="0.4">
      <c r="A453" s="9" t="s">
        <v>137</v>
      </c>
      <c r="B453" s="14" t="s">
        <v>919</v>
      </c>
      <c r="C453" s="9" t="s">
        <v>920</v>
      </c>
      <c r="D453" s="18">
        <v>1412208189</v>
      </c>
      <c r="E453" s="11">
        <v>46387</v>
      </c>
      <c r="F453" s="9" t="s">
        <v>40</v>
      </c>
      <c r="G453" s="12">
        <v>451</v>
      </c>
      <c r="H453" s="12">
        <f t="shared" si="14"/>
        <v>14</v>
      </c>
      <c r="I453" s="12">
        <f t="shared" si="15"/>
        <v>13</v>
      </c>
    </row>
    <row r="454" spans="1:9" s="5" customFormat="1" ht="27.75" customHeight="1" x14ac:dyDescent="0.4">
      <c r="A454" s="9" t="s">
        <v>137</v>
      </c>
      <c r="B454" s="9" t="s">
        <v>921</v>
      </c>
      <c r="C454" s="9" t="s">
        <v>922</v>
      </c>
      <c r="D454" s="18">
        <v>1412207066</v>
      </c>
      <c r="E454" s="11">
        <v>46387</v>
      </c>
      <c r="F454" s="9" t="s">
        <v>40</v>
      </c>
      <c r="G454" s="5">
        <v>452</v>
      </c>
      <c r="H454" s="12">
        <f t="shared" si="14"/>
        <v>15</v>
      </c>
      <c r="I454" s="12">
        <f t="shared" si="15"/>
        <v>6</v>
      </c>
    </row>
    <row r="455" spans="1:9" s="5" customFormat="1" ht="27.75" customHeight="1" x14ac:dyDescent="0.4">
      <c r="A455" s="9" t="s">
        <v>137</v>
      </c>
      <c r="B455" s="14" t="s">
        <v>923</v>
      </c>
      <c r="C455" s="9" t="s">
        <v>924</v>
      </c>
      <c r="D455" s="18">
        <v>1412204840</v>
      </c>
      <c r="E455" s="11">
        <v>47879</v>
      </c>
      <c r="F455" s="9" t="s">
        <v>40</v>
      </c>
      <c r="G455" s="12">
        <v>453</v>
      </c>
      <c r="H455" s="12">
        <f t="shared" si="14"/>
        <v>21</v>
      </c>
      <c r="I455" s="12">
        <f t="shared" si="15"/>
        <v>25</v>
      </c>
    </row>
    <row r="456" spans="1:9" s="5" customFormat="1" ht="27.75" customHeight="1" x14ac:dyDescent="0.4">
      <c r="A456" s="9" t="s">
        <v>137</v>
      </c>
      <c r="B456" s="9" t="s">
        <v>925</v>
      </c>
      <c r="C456" s="9" t="s">
        <v>926</v>
      </c>
      <c r="D456" s="18">
        <v>1412211969</v>
      </c>
      <c r="E456" s="11">
        <v>46996</v>
      </c>
      <c r="F456" s="9" t="s">
        <v>40</v>
      </c>
      <c r="G456" s="5">
        <v>454</v>
      </c>
      <c r="H456" s="12">
        <f t="shared" si="14"/>
        <v>15</v>
      </c>
      <c r="I456" s="12">
        <f t="shared" si="15"/>
        <v>8</v>
      </c>
    </row>
    <row r="457" spans="1:9" s="5" customFormat="1" ht="27.75" customHeight="1" x14ac:dyDescent="0.4">
      <c r="A457" s="9" t="s">
        <v>137</v>
      </c>
      <c r="B457" s="9" t="s">
        <v>927</v>
      </c>
      <c r="C457" s="9" t="s">
        <v>928</v>
      </c>
      <c r="D457" s="18">
        <v>1412212298</v>
      </c>
      <c r="E457" s="11">
        <v>47483</v>
      </c>
      <c r="F457" s="9" t="s">
        <v>40</v>
      </c>
      <c r="G457" s="12">
        <v>455</v>
      </c>
      <c r="H457" s="12">
        <f t="shared" si="14"/>
        <v>16</v>
      </c>
      <c r="I457" s="12">
        <f t="shared" si="15"/>
        <v>29</v>
      </c>
    </row>
    <row r="458" spans="1:9" s="5" customFormat="1" ht="27.75" customHeight="1" x14ac:dyDescent="0.4">
      <c r="A458" s="9" t="s">
        <v>137</v>
      </c>
      <c r="B458" s="9" t="s">
        <v>929</v>
      </c>
      <c r="C458" s="9" t="s">
        <v>930</v>
      </c>
      <c r="D458" s="18">
        <v>1412206258</v>
      </c>
      <c r="E458" s="11">
        <v>46387</v>
      </c>
      <c r="F458" s="9" t="s">
        <v>40</v>
      </c>
      <c r="G458" s="5">
        <v>456</v>
      </c>
      <c r="H458" s="12">
        <f t="shared" si="14"/>
        <v>14</v>
      </c>
      <c r="I458" s="12">
        <f t="shared" si="15"/>
        <v>21</v>
      </c>
    </row>
    <row r="459" spans="1:9" s="5" customFormat="1" ht="27.75" customHeight="1" x14ac:dyDescent="0.4">
      <c r="A459" s="9" t="s">
        <v>137</v>
      </c>
      <c r="B459" s="15" t="s">
        <v>931</v>
      </c>
      <c r="C459" s="16" t="s">
        <v>932</v>
      </c>
      <c r="D459" s="10">
        <v>1412207256</v>
      </c>
      <c r="E459" s="11">
        <v>46387</v>
      </c>
      <c r="F459" s="9" t="s">
        <v>40</v>
      </c>
      <c r="G459" s="12">
        <v>457</v>
      </c>
      <c r="H459" s="12">
        <f t="shared" si="14"/>
        <v>15</v>
      </c>
      <c r="I459" s="12">
        <f t="shared" si="15"/>
        <v>6</v>
      </c>
    </row>
    <row r="460" spans="1:9" s="5" customFormat="1" ht="27.75" customHeight="1" x14ac:dyDescent="0.4">
      <c r="A460" s="9" t="s">
        <v>137</v>
      </c>
      <c r="B460" s="9" t="s">
        <v>933</v>
      </c>
      <c r="C460" s="9" t="s">
        <v>934</v>
      </c>
      <c r="D460" s="18">
        <v>1412205953</v>
      </c>
      <c r="E460" s="11">
        <v>46387</v>
      </c>
      <c r="F460" s="9" t="s">
        <v>40</v>
      </c>
      <c r="G460" s="5">
        <v>458</v>
      </c>
      <c r="H460" s="12">
        <f t="shared" si="14"/>
        <v>15</v>
      </c>
      <c r="I460" s="12">
        <f t="shared" si="15"/>
        <v>11</v>
      </c>
    </row>
    <row r="461" spans="1:9" s="5" customFormat="1" ht="27.75" customHeight="1" x14ac:dyDescent="0.4">
      <c r="A461" s="9" t="s">
        <v>137</v>
      </c>
      <c r="B461" s="9" t="s">
        <v>935</v>
      </c>
      <c r="C461" s="9" t="s">
        <v>936</v>
      </c>
      <c r="D461" s="18">
        <v>1412207249</v>
      </c>
      <c r="E461" s="11">
        <v>46387</v>
      </c>
      <c r="F461" s="9" t="s">
        <v>40</v>
      </c>
      <c r="G461" s="12">
        <v>459</v>
      </c>
      <c r="H461" s="12">
        <f t="shared" si="14"/>
        <v>15</v>
      </c>
      <c r="I461" s="12">
        <f t="shared" si="15"/>
        <v>20</v>
      </c>
    </row>
    <row r="462" spans="1:9" s="5" customFormat="1" ht="27.75" customHeight="1" x14ac:dyDescent="0.4">
      <c r="A462" s="9" t="s">
        <v>137</v>
      </c>
      <c r="B462" s="9" t="s">
        <v>937</v>
      </c>
      <c r="C462" s="9" t="s">
        <v>938</v>
      </c>
      <c r="D462" s="18">
        <v>1412212538</v>
      </c>
      <c r="E462" s="11">
        <v>47879</v>
      </c>
      <c r="F462" s="9" t="s">
        <v>40</v>
      </c>
      <c r="G462" s="5">
        <v>460</v>
      </c>
      <c r="H462" s="12">
        <f t="shared" si="14"/>
        <v>12</v>
      </c>
      <c r="I462" s="12">
        <f t="shared" si="15"/>
        <v>9</v>
      </c>
    </row>
    <row r="463" spans="1:9" s="5" customFormat="1" ht="27.75" customHeight="1" x14ac:dyDescent="0.4">
      <c r="A463" s="9" t="s">
        <v>137</v>
      </c>
      <c r="B463" s="9" t="s">
        <v>939</v>
      </c>
      <c r="C463" s="9" t="s">
        <v>940</v>
      </c>
      <c r="D463" s="18">
        <v>1412211589</v>
      </c>
      <c r="E463" s="11">
        <v>48395</v>
      </c>
      <c r="F463" s="9" t="s">
        <v>40</v>
      </c>
      <c r="G463" s="12">
        <v>461</v>
      </c>
      <c r="H463" s="12">
        <f t="shared" si="14"/>
        <v>16</v>
      </c>
      <c r="I463" s="12">
        <f t="shared" si="15"/>
        <v>22</v>
      </c>
    </row>
    <row r="464" spans="1:9" s="5" customFormat="1" ht="27.75" customHeight="1" x14ac:dyDescent="0.4">
      <c r="A464" s="9" t="s">
        <v>137</v>
      </c>
      <c r="B464" s="9" t="s">
        <v>941</v>
      </c>
      <c r="C464" s="9" t="s">
        <v>942</v>
      </c>
      <c r="D464" s="23">
        <v>1412210300</v>
      </c>
      <c r="E464" s="11">
        <v>46387</v>
      </c>
      <c r="F464" s="9" t="s">
        <v>40</v>
      </c>
      <c r="G464" s="5">
        <v>462</v>
      </c>
      <c r="H464" s="12">
        <f t="shared" si="14"/>
        <v>14</v>
      </c>
      <c r="I464" s="12">
        <f t="shared" si="15"/>
        <v>23</v>
      </c>
    </row>
    <row r="465" spans="1:9" s="5" customFormat="1" ht="27.75" customHeight="1" x14ac:dyDescent="0.4">
      <c r="A465" s="9" t="s">
        <v>137</v>
      </c>
      <c r="B465" s="16" t="s">
        <v>943</v>
      </c>
      <c r="C465" s="16" t="s">
        <v>944</v>
      </c>
      <c r="D465" s="26">
        <v>1412210672</v>
      </c>
      <c r="E465" s="11">
        <v>47452</v>
      </c>
      <c r="F465" s="9" t="s">
        <v>40</v>
      </c>
      <c r="G465" s="12">
        <v>463</v>
      </c>
      <c r="H465" s="12">
        <f t="shared" si="14"/>
        <v>23</v>
      </c>
      <c r="I465" s="12">
        <f t="shared" si="15"/>
        <v>11</v>
      </c>
    </row>
    <row r="466" spans="1:9" s="5" customFormat="1" ht="27.75" customHeight="1" x14ac:dyDescent="0.4">
      <c r="A466" s="9" t="s">
        <v>137</v>
      </c>
      <c r="B466" s="9" t="s">
        <v>945</v>
      </c>
      <c r="C466" s="9" t="s">
        <v>946</v>
      </c>
      <c r="D466" s="18">
        <v>1412210789</v>
      </c>
      <c r="E466" s="11">
        <v>47238</v>
      </c>
      <c r="F466" s="9" t="s">
        <v>40</v>
      </c>
      <c r="G466" s="5">
        <v>464</v>
      </c>
      <c r="H466" s="12">
        <f t="shared" si="14"/>
        <v>12</v>
      </c>
      <c r="I466" s="12">
        <f t="shared" si="15"/>
        <v>6</v>
      </c>
    </row>
    <row r="467" spans="1:9" s="5" customFormat="1" ht="27.75" customHeight="1" x14ac:dyDescent="0.4">
      <c r="A467" s="9" t="s">
        <v>137</v>
      </c>
      <c r="B467" s="9" t="s">
        <v>947</v>
      </c>
      <c r="C467" s="9" t="s">
        <v>948</v>
      </c>
      <c r="D467" s="18">
        <v>1412210797</v>
      </c>
      <c r="E467" s="11">
        <v>47238</v>
      </c>
      <c r="F467" s="9" t="s">
        <v>40</v>
      </c>
      <c r="G467" s="12">
        <v>465</v>
      </c>
      <c r="H467" s="12">
        <f t="shared" si="14"/>
        <v>15</v>
      </c>
      <c r="I467" s="12">
        <f t="shared" si="15"/>
        <v>12</v>
      </c>
    </row>
    <row r="468" spans="1:9" s="5" customFormat="1" ht="27.75" customHeight="1" x14ac:dyDescent="0.4">
      <c r="A468" s="9" t="s">
        <v>137</v>
      </c>
      <c r="B468" s="9" t="s">
        <v>949</v>
      </c>
      <c r="C468" s="9" t="s">
        <v>950</v>
      </c>
      <c r="D468" s="18">
        <v>1412204501</v>
      </c>
      <c r="E468" s="11">
        <v>46387</v>
      </c>
      <c r="F468" s="9" t="s">
        <v>40</v>
      </c>
      <c r="G468" s="5">
        <v>466</v>
      </c>
      <c r="H468" s="12">
        <f t="shared" si="14"/>
        <v>13</v>
      </c>
      <c r="I468" s="12">
        <f t="shared" si="15"/>
        <v>16</v>
      </c>
    </row>
    <row r="469" spans="1:9" s="5" customFormat="1" ht="27.75" customHeight="1" x14ac:dyDescent="0.4">
      <c r="A469" s="9" t="s">
        <v>137</v>
      </c>
      <c r="B469" s="9" t="s">
        <v>951</v>
      </c>
      <c r="C469" s="9" t="s">
        <v>952</v>
      </c>
      <c r="D469" s="18">
        <v>1412206845</v>
      </c>
      <c r="E469" s="11">
        <v>46387</v>
      </c>
      <c r="F469" s="9" t="s">
        <v>40</v>
      </c>
      <c r="G469" s="12">
        <v>467</v>
      </c>
      <c r="H469" s="12">
        <f t="shared" si="14"/>
        <v>14</v>
      </c>
      <c r="I469" s="12">
        <f t="shared" si="15"/>
        <v>10</v>
      </c>
    </row>
    <row r="470" spans="1:9" s="5" customFormat="1" ht="27.75" customHeight="1" x14ac:dyDescent="0.4">
      <c r="A470" s="9" t="s">
        <v>137</v>
      </c>
      <c r="B470" s="9" t="s">
        <v>953</v>
      </c>
      <c r="C470" s="9" t="s">
        <v>954</v>
      </c>
      <c r="D470" s="18">
        <v>1412207975</v>
      </c>
      <c r="E470" s="11">
        <v>46752</v>
      </c>
      <c r="F470" s="9" t="s">
        <v>40</v>
      </c>
      <c r="G470" s="5">
        <v>468</v>
      </c>
      <c r="H470" s="12">
        <f t="shared" si="14"/>
        <v>17</v>
      </c>
      <c r="I470" s="12">
        <f t="shared" si="15"/>
        <v>7</v>
      </c>
    </row>
    <row r="471" spans="1:9" s="5" customFormat="1" ht="27.75" customHeight="1" x14ac:dyDescent="0.4">
      <c r="A471" s="9" t="s">
        <v>137</v>
      </c>
      <c r="B471" s="9" t="s">
        <v>955</v>
      </c>
      <c r="C471" s="9" t="s">
        <v>956</v>
      </c>
      <c r="D471" s="18">
        <v>1412212793</v>
      </c>
      <c r="E471" s="11">
        <v>48213</v>
      </c>
      <c r="F471" s="9" t="s">
        <v>40</v>
      </c>
      <c r="G471" s="12">
        <v>469</v>
      </c>
      <c r="H471" s="12">
        <f t="shared" si="14"/>
        <v>10</v>
      </c>
      <c r="I471" s="12">
        <f t="shared" si="15"/>
        <v>22</v>
      </c>
    </row>
    <row r="472" spans="1:9" s="5" customFormat="1" ht="27.75" customHeight="1" x14ac:dyDescent="0.4">
      <c r="A472" s="9" t="s">
        <v>137</v>
      </c>
      <c r="B472" s="13" t="s">
        <v>957</v>
      </c>
      <c r="C472" s="13" t="s">
        <v>958</v>
      </c>
      <c r="D472" s="18">
        <v>1412211555</v>
      </c>
      <c r="E472" s="11">
        <v>48365</v>
      </c>
      <c r="F472" s="9" t="s">
        <v>40</v>
      </c>
      <c r="G472" s="5">
        <v>470</v>
      </c>
      <c r="H472" s="12">
        <f t="shared" si="14"/>
        <v>15</v>
      </c>
      <c r="I472" s="12">
        <f t="shared" si="15"/>
        <v>10</v>
      </c>
    </row>
    <row r="473" spans="1:9" s="5" customFormat="1" ht="27.75" customHeight="1" x14ac:dyDescent="0.4">
      <c r="A473" s="9" t="s">
        <v>137</v>
      </c>
      <c r="B473" s="9" t="s">
        <v>959</v>
      </c>
      <c r="C473" s="9" t="s">
        <v>960</v>
      </c>
      <c r="D473" s="18">
        <v>1412210060</v>
      </c>
      <c r="E473" s="11">
        <v>46387</v>
      </c>
      <c r="F473" s="9" t="s">
        <v>40</v>
      </c>
      <c r="G473" s="12">
        <v>471</v>
      </c>
      <c r="H473" s="12">
        <f t="shared" si="14"/>
        <v>16</v>
      </c>
      <c r="I473" s="12">
        <f t="shared" si="15"/>
        <v>6</v>
      </c>
    </row>
    <row r="474" spans="1:9" s="5" customFormat="1" ht="27.75" customHeight="1" x14ac:dyDescent="0.4">
      <c r="A474" s="9" t="s">
        <v>137</v>
      </c>
      <c r="B474" s="9" t="s">
        <v>961</v>
      </c>
      <c r="C474" s="9" t="s">
        <v>962</v>
      </c>
      <c r="D474" s="18">
        <v>1412212652</v>
      </c>
      <c r="E474" s="11">
        <v>48091</v>
      </c>
      <c r="F474" s="9" t="s">
        <v>40</v>
      </c>
      <c r="G474" s="5">
        <v>472</v>
      </c>
      <c r="H474" s="12">
        <f t="shared" si="14"/>
        <v>16</v>
      </c>
      <c r="I474" s="12">
        <f t="shared" si="15"/>
        <v>17</v>
      </c>
    </row>
    <row r="475" spans="1:9" s="5" customFormat="1" ht="27.75" customHeight="1" x14ac:dyDescent="0.4">
      <c r="A475" s="9" t="s">
        <v>137</v>
      </c>
      <c r="B475" s="9" t="s">
        <v>963</v>
      </c>
      <c r="C475" s="9" t="s">
        <v>964</v>
      </c>
      <c r="D475" s="18">
        <v>1412202356</v>
      </c>
      <c r="E475" s="11">
        <v>46387</v>
      </c>
      <c r="F475" s="9" t="s">
        <v>40</v>
      </c>
      <c r="G475" s="12">
        <v>473</v>
      </c>
      <c r="H475" s="12">
        <f t="shared" si="14"/>
        <v>8</v>
      </c>
      <c r="I475" s="12">
        <f t="shared" si="15"/>
        <v>4</v>
      </c>
    </row>
    <row r="476" spans="1:9" s="5" customFormat="1" ht="27.75" customHeight="1" x14ac:dyDescent="0.4">
      <c r="A476" s="9" t="s">
        <v>137</v>
      </c>
      <c r="B476" s="9" t="s">
        <v>965</v>
      </c>
      <c r="C476" s="9" t="s">
        <v>966</v>
      </c>
      <c r="D476" s="18">
        <v>1412210557</v>
      </c>
      <c r="E476" s="11">
        <v>46630</v>
      </c>
      <c r="F476" s="9" t="s">
        <v>40</v>
      </c>
      <c r="G476" s="5">
        <v>474</v>
      </c>
      <c r="H476" s="12">
        <f t="shared" si="14"/>
        <v>28</v>
      </c>
      <c r="I476" s="12">
        <f t="shared" si="15"/>
        <v>20</v>
      </c>
    </row>
    <row r="477" spans="1:9" s="5" customFormat="1" ht="27.75" customHeight="1" x14ac:dyDescent="0.4">
      <c r="A477" s="9" t="s">
        <v>137</v>
      </c>
      <c r="B477" s="9" t="s">
        <v>967</v>
      </c>
      <c r="C477" s="9" t="s">
        <v>968</v>
      </c>
      <c r="D477" s="18">
        <v>1412206670</v>
      </c>
      <c r="E477" s="11">
        <v>46387</v>
      </c>
      <c r="F477" s="9" t="s">
        <v>40</v>
      </c>
      <c r="G477" s="12">
        <v>475</v>
      </c>
      <c r="H477" s="12">
        <f t="shared" si="14"/>
        <v>21</v>
      </c>
      <c r="I477" s="12">
        <f t="shared" si="15"/>
        <v>20</v>
      </c>
    </row>
    <row r="478" spans="1:9" s="5" customFormat="1" ht="27.75" customHeight="1" x14ac:dyDescent="0.4">
      <c r="A478" s="9" t="s">
        <v>137</v>
      </c>
      <c r="B478" s="9" t="s">
        <v>969</v>
      </c>
      <c r="C478" s="9" t="s">
        <v>970</v>
      </c>
      <c r="D478" s="18">
        <v>1412211688</v>
      </c>
      <c r="E478" s="11">
        <v>46418</v>
      </c>
      <c r="F478" s="9" t="s">
        <v>40</v>
      </c>
      <c r="G478" s="5">
        <v>476</v>
      </c>
      <c r="H478" s="12">
        <f t="shared" si="14"/>
        <v>12</v>
      </c>
      <c r="I478" s="12">
        <f t="shared" si="15"/>
        <v>6</v>
      </c>
    </row>
    <row r="479" spans="1:9" s="5" customFormat="1" ht="27.75" customHeight="1" x14ac:dyDescent="0.4">
      <c r="A479" s="9" t="s">
        <v>137</v>
      </c>
      <c r="B479" s="13" t="s">
        <v>971</v>
      </c>
      <c r="C479" s="13" t="s">
        <v>972</v>
      </c>
      <c r="D479" s="18">
        <v>1412212116</v>
      </c>
      <c r="E479" s="11">
        <v>47422</v>
      </c>
      <c r="F479" s="9" t="s">
        <v>40</v>
      </c>
      <c r="G479" s="12">
        <v>477</v>
      </c>
      <c r="H479" s="12">
        <f t="shared" si="14"/>
        <v>15</v>
      </c>
      <c r="I479" s="12">
        <f t="shared" si="15"/>
        <v>28</v>
      </c>
    </row>
    <row r="480" spans="1:9" s="5" customFormat="1" ht="27.75" customHeight="1" x14ac:dyDescent="0.4">
      <c r="A480" s="9" t="s">
        <v>137</v>
      </c>
      <c r="B480" s="9" t="s">
        <v>973</v>
      </c>
      <c r="C480" s="9" t="s">
        <v>974</v>
      </c>
      <c r="D480" s="18">
        <v>1412208288</v>
      </c>
      <c r="E480" s="11">
        <v>46387</v>
      </c>
      <c r="F480" s="9" t="s">
        <v>40</v>
      </c>
      <c r="G480" s="5">
        <v>478</v>
      </c>
      <c r="H480" s="12">
        <f t="shared" si="14"/>
        <v>20</v>
      </c>
      <c r="I480" s="12">
        <f t="shared" si="15"/>
        <v>7</v>
      </c>
    </row>
    <row r="481" spans="1:35" s="5" customFormat="1" ht="27.75" customHeight="1" x14ac:dyDescent="0.4">
      <c r="A481" s="9" t="s">
        <v>137</v>
      </c>
      <c r="B481" s="9" t="s">
        <v>975</v>
      </c>
      <c r="C481" s="9" t="s">
        <v>976</v>
      </c>
      <c r="D481" s="18">
        <v>1412210953</v>
      </c>
      <c r="E481" s="11">
        <v>46812</v>
      </c>
      <c r="F481" s="9" t="s">
        <v>40</v>
      </c>
      <c r="G481" s="12">
        <v>479</v>
      </c>
      <c r="H481" s="12">
        <f t="shared" si="14"/>
        <v>22</v>
      </c>
      <c r="I481" s="12">
        <f t="shared" si="15"/>
        <v>13</v>
      </c>
    </row>
    <row r="482" spans="1:35" s="5" customFormat="1" ht="27.75" customHeight="1" x14ac:dyDescent="0.4">
      <c r="A482" s="9" t="s">
        <v>137</v>
      </c>
      <c r="B482" s="9" t="s">
        <v>977</v>
      </c>
      <c r="C482" s="9" t="s">
        <v>978</v>
      </c>
      <c r="D482" s="18">
        <v>1412211829</v>
      </c>
      <c r="E482" s="11">
        <v>46691</v>
      </c>
      <c r="F482" s="9" t="s">
        <v>40</v>
      </c>
      <c r="G482" s="5">
        <v>480</v>
      </c>
      <c r="H482" s="12">
        <f t="shared" si="14"/>
        <v>28</v>
      </c>
      <c r="I482" s="12">
        <f t="shared" si="15"/>
        <v>20</v>
      </c>
    </row>
    <row r="483" spans="1:35" s="5" customFormat="1" ht="27.75" customHeight="1" x14ac:dyDescent="0.4">
      <c r="A483" s="9" t="s">
        <v>137</v>
      </c>
      <c r="B483" s="9" t="s">
        <v>45</v>
      </c>
      <c r="C483" s="49" t="s">
        <v>46</v>
      </c>
      <c r="D483" s="18">
        <v>1412211142</v>
      </c>
      <c r="E483" s="11">
        <v>47999</v>
      </c>
      <c r="F483" s="9" t="s">
        <v>40</v>
      </c>
      <c r="G483" s="12">
        <v>481</v>
      </c>
      <c r="H483" s="12">
        <f t="shared" si="14"/>
        <v>32</v>
      </c>
      <c r="I483" s="12">
        <f t="shared" si="15"/>
        <v>18</v>
      </c>
    </row>
    <row r="484" spans="1:35" s="5" customFormat="1" ht="27.75" customHeight="1" x14ac:dyDescent="0.4">
      <c r="A484" s="9" t="s">
        <v>137</v>
      </c>
      <c r="B484" s="9" t="s">
        <v>979</v>
      </c>
      <c r="C484" s="9" t="s">
        <v>980</v>
      </c>
      <c r="D484" s="18">
        <v>1412212090</v>
      </c>
      <c r="E484" s="11">
        <v>47118</v>
      </c>
      <c r="F484" s="9" t="s">
        <v>40</v>
      </c>
      <c r="G484" s="5">
        <v>482</v>
      </c>
      <c r="H484" s="12">
        <f t="shared" si="14"/>
        <v>29</v>
      </c>
      <c r="I484" s="12">
        <f t="shared" si="15"/>
        <v>12</v>
      </c>
    </row>
    <row r="485" spans="1:35" s="5" customFormat="1" ht="27.75" customHeight="1" x14ac:dyDescent="0.4">
      <c r="A485" s="9" t="s">
        <v>137</v>
      </c>
      <c r="B485" s="9" t="s">
        <v>981</v>
      </c>
      <c r="C485" s="9" t="s">
        <v>982</v>
      </c>
      <c r="D485" s="18">
        <v>1412212207</v>
      </c>
      <c r="E485" s="11">
        <v>47238</v>
      </c>
      <c r="F485" s="9" t="s">
        <v>40</v>
      </c>
      <c r="G485" s="12">
        <v>483</v>
      </c>
      <c r="H485" s="12">
        <f t="shared" si="14"/>
        <v>15</v>
      </c>
      <c r="I485" s="12">
        <f t="shared" si="15"/>
        <v>12</v>
      </c>
    </row>
    <row r="486" spans="1:35" s="5" customFormat="1" ht="27.75" customHeight="1" x14ac:dyDescent="0.4">
      <c r="A486" s="9" t="s">
        <v>137</v>
      </c>
      <c r="B486" s="9" t="s">
        <v>983</v>
      </c>
      <c r="C486" s="9" t="s">
        <v>984</v>
      </c>
      <c r="D486" s="18">
        <v>1412212678</v>
      </c>
      <c r="E486" s="11">
        <v>48121</v>
      </c>
      <c r="F486" s="9" t="s">
        <v>40</v>
      </c>
      <c r="G486" s="5">
        <v>484</v>
      </c>
      <c r="H486" s="12">
        <f t="shared" si="14"/>
        <v>22</v>
      </c>
      <c r="I486" s="12">
        <f t="shared" si="15"/>
        <v>9</v>
      </c>
      <c r="J486" s="24"/>
      <c r="K486" s="24"/>
      <c r="L486" s="24"/>
      <c r="M486" s="24"/>
      <c r="N486" s="24"/>
      <c r="O486" s="24"/>
      <c r="P486" s="24"/>
      <c r="Q486" s="24"/>
      <c r="R486" s="24"/>
      <c r="S486" s="24"/>
      <c r="T486" s="24"/>
      <c r="U486" s="24"/>
      <c r="V486" s="24"/>
      <c r="W486" s="24"/>
      <c r="X486" s="24"/>
      <c r="Y486" s="24"/>
      <c r="Z486" s="24"/>
      <c r="AA486" s="24"/>
      <c r="AB486" s="24"/>
      <c r="AC486" s="24"/>
      <c r="AD486" s="24"/>
      <c r="AE486" s="24"/>
      <c r="AF486" s="24"/>
      <c r="AG486" s="24"/>
      <c r="AH486" s="24"/>
      <c r="AI486" s="24"/>
    </row>
    <row r="487" spans="1:35" s="5" customFormat="1" ht="27.75" customHeight="1" x14ac:dyDescent="0.4">
      <c r="A487" s="9" t="s">
        <v>137</v>
      </c>
      <c r="B487" s="14" t="s">
        <v>985</v>
      </c>
      <c r="C487" s="9" t="s">
        <v>986</v>
      </c>
      <c r="D487" s="18">
        <v>1412205797</v>
      </c>
      <c r="E487" s="11">
        <v>46387</v>
      </c>
      <c r="F487" s="9" t="s">
        <v>40</v>
      </c>
      <c r="G487" s="12">
        <v>485</v>
      </c>
      <c r="H487" s="12">
        <f t="shared" si="14"/>
        <v>12</v>
      </c>
      <c r="I487" s="12">
        <f t="shared" si="15"/>
        <v>6</v>
      </c>
    </row>
    <row r="488" spans="1:35" s="5" customFormat="1" ht="27.75" customHeight="1" x14ac:dyDescent="0.4">
      <c r="A488" s="9" t="s">
        <v>137</v>
      </c>
      <c r="B488" s="9" t="s">
        <v>987</v>
      </c>
      <c r="C488" s="9" t="s">
        <v>988</v>
      </c>
      <c r="D488" s="18">
        <v>1412208593</v>
      </c>
      <c r="E488" s="11">
        <v>47999</v>
      </c>
      <c r="F488" s="9" t="s">
        <v>40</v>
      </c>
      <c r="G488" s="5">
        <v>486</v>
      </c>
      <c r="H488" s="12">
        <f t="shared" si="14"/>
        <v>14</v>
      </c>
      <c r="I488" s="12">
        <f t="shared" si="15"/>
        <v>10</v>
      </c>
    </row>
    <row r="489" spans="1:35" s="5" customFormat="1" ht="27.75" customHeight="1" x14ac:dyDescent="0.4">
      <c r="A489" s="9" t="s">
        <v>137</v>
      </c>
      <c r="B489" s="9" t="s">
        <v>989</v>
      </c>
      <c r="C489" s="9" t="s">
        <v>990</v>
      </c>
      <c r="D489" s="26">
        <v>1412205565</v>
      </c>
      <c r="E489" s="11">
        <v>46387</v>
      </c>
      <c r="F489" s="9" t="s">
        <v>40</v>
      </c>
      <c r="G489" s="12">
        <v>487</v>
      </c>
      <c r="H489" s="12">
        <f t="shared" si="14"/>
        <v>20</v>
      </c>
      <c r="I489" s="12">
        <f t="shared" si="15"/>
        <v>18</v>
      </c>
    </row>
    <row r="490" spans="1:35" s="5" customFormat="1" ht="27.75" customHeight="1" x14ac:dyDescent="0.4">
      <c r="A490" s="9" t="s">
        <v>137</v>
      </c>
      <c r="B490" s="9" t="s">
        <v>991</v>
      </c>
      <c r="C490" s="9" t="s">
        <v>992</v>
      </c>
      <c r="D490" s="18">
        <v>1412204634</v>
      </c>
      <c r="E490" s="11">
        <v>46387</v>
      </c>
      <c r="F490" s="9" t="s">
        <v>40</v>
      </c>
      <c r="G490" s="5">
        <v>488</v>
      </c>
      <c r="H490" s="12">
        <f t="shared" si="14"/>
        <v>20</v>
      </c>
      <c r="I490" s="12">
        <f t="shared" si="15"/>
        <v>6</v>
      </c>
    </row>
    <row r="491" spans="1:35" s="5" customFormat="1" ht="27.75" customHeight="1" x14ac:dyDescent="0.4">
      <c r="A491" s="9" t="s">
        <v>137</v>
      </c>
      <c r="B491" s="14" t="s">
        <v>993</v>
      </c>
      <c r="C491" s="49" t="s">
        <v>994</v>
      </c>
      <c r="D491" s="18">
        <v>1412212132</v>
      </c>
      <c r="E491" s="11">
        <v>47177</v>
      </c>
      <c r="F491" s="9" t="s">
        <v>40</v>
      </c>
      <c r="G491" s="12">
        <v>489</v>
      </c>
      <c r="H491" s="12">
        <f t="shared" si="14"/>
        <v>30</v>
      </c>
      <c r="I491" s="12">
        <f t="shared" si="15"/>
        <v>31</v>
      </c>
    </row>
    <row r="492" spans="1:35" s="28" customFormat="1" ht="27.75" customHeight="1" x14ac:dyDescent="0.4">
      <c r="A492" s="9" t="s">
        <v>137</v>
      </c>
      <c r="B492" s="9" t="s">
        <v>995</v>
      </c>
      <c r="C492" s="9" t="s">
        <v>996</v>
      </c>
      <c r="D492" s="18">
        <v>1412210987</v>
      </c>
      <c r="E492" s="11">
        <v>47573</v>
      </c>
      <c r="F492" s="9" t="s">
        <v>40</v>
      </c>
      <c r="G492" s="5">
        <v>490</v>
      </c>
      <c r="H492" s="12">
        <f t="shared" si="14"/>
        <v>24</v>
      </c>
      <c r="I492" s="12">
        <f t="shared" si="15"/>
        <v>15</v>
      </c>
      <c r="J492" s="5"/>
      <c r="K492" s="5"/>
      <c r="L492" s="5"/>
      <c r="M492" s="5"/>
      <c r="N492" s="5"/>
      <c r="O492" s="5"/>
      <c r="P492" s="5"/>
      <c r="Q492" s="5"/>
      <c r="R492" s="5"/>
      <c r="S492" s="5"/>
      <c r="T492" s="5"/>
      <c r="U492" s="5"/>
      <c r="V492" s="5"/>
      <c r="W492" s="5"/>
      <c r="X492" s="5"/>
      <c r="Y492" s="5"/>
      <c r="Z492" s="5"/>
      <c r="AA492" s="5"/>
      <c r="AB492" s="5"/>
      <c r="AC492" s="5"/>
      <c r="AD492" s="5"/>
      <c r="AE492" s="5"/>
      <c r="AF492" s="5"/>
      <c r="AG492" s="5"/>
      <c r="AH492" s="5"/>
      <c r="AI492" s="5"/>
    </row>
    <row r="493" spans="1:35" s="5" customFormat="1" ht="27.75" customHeight="1" x14ac:dyDescent="0.4">
      <c r="A493" s="9" t="s">
        <v>137</v>
      </c>
      <c r="B493" s="9" t="s">
        <v>997</v>
      </c>
      <c r="C493" s="9" t="s">
        <v>998</v>
      </c>
      <c r="D493" s="18">
        <v>1412211423</v>
      </c>
      <c r="E493" s="11">
        <v>48457</v>
      </c>
      <c r="F493" s="9" t="s">
        <v>40</v>
      </c>
      <c r="G493" s="12">
        <v>491</v>
      </c>
      <c r="H493" s="12">
        <f t="shared" si="14"/>
        <v>22</v>
      </c>
      <c r="I493" s="12">
        <f t="shared" si="15"/>
        <v>5</v>
      </c>
    </row>
    <row r="494" spans="1:35" s="5" customFormat="1" ht="27.75" customHeight="1" x14ac:dyDescent="0.4">
      <c r="A494" s="9" t="s">
        <v>137</v>
      </c>
      <c r="B494" s="9" t="s">
        <v>999</v>
      </c>
      <c r="C494" s="9" t="s">
        <v>1000</v>
      </c>
      <c r="D494" s="26">
        <v>1412211415</v>
      </c>
      <c r="E494" s="11">
        <v>48060</v>
      </c>
      <c r="F494" s="9" t="s">
        <v>40</v>
      </c>
      <c r="G494" s="5">
        <v>492</v>
      </c>
      <c r="H494" s="12">
        <f t="shared" si="14"/>
        <v>22</v>
      </c>
      <c r="I494" s="12">
        <f t="shared" si="15"/>
        <v>9</v>
      </c>
    </row>
    <row r="495" spans="1:35" s="5" customFormat="1" ht="27.75" customHeight="1" x14ac:dyDescent="0.4">
      <c r="A495" s="9" t="s">
        <v>137</v>
      </c>
      <c r="B495" s="9" t="s">
        <v>1001</v>
      </c>
      <c r="C495" s="9" t="s">
        <v>1002</v>
      </c>
      <c r="D495" s="18">
        <v>1412210458</v>
      </c>
      <c r="E495" s="11">
        <v>46630</v>
      </c>
      <c r="F495" s="9" t="s">
        <v>40</v>
      </c>
      <c r="G495" s="12">
        <v>493</v>
      </c>
      <c r="H495" s="12">
        <f t="shared" si="14"/>
        <v>20</v>
      </c>
      <c r="I495" s="12">
        <f t="shared" si="15"/>
        <v>9</v>
      </c>
    </row>
    <row r="496" spans="1:35" s="5" customFormat="1" ht="27.75" customHeight="1" x14ac:dyDescent="0.4">
      <c r="A496" s="9" t="s">
        <v>137</v>
      </c>
      <c r="B496" s="9" t="s">
        <v>1003</v>
      </c>
      <c r="C496" s="9" t="s">
        <v>1004</v>
      </c>
      <c r="D496" s="18">
        <v>1412212140</v>
      </c>
      <c r="E496" s="11">
        <v>47208</v>
      </c>
      <c r="F496" s="9" t="s">
        <v>40</v>
      </c>
      <c r="G496" s="5">
        <v>494</v>
      </c>
      <c r="H496" s="12">
        <f t="shared" si="14"/>
        <v>24</v>
      </c>
      <c r="I496" s="12">
        <f t="shared" si="15"/>
        <v>13</v>
      </c>
    </row>
    <row r="497" spans="1:35" s="5" customFormat="1" ht="27.75" customHeight="1" x14ac:dyDescent="0.4">
      <c r="A497" s="9" t="s">
        <v>137</v>
      </c>
      <c r="B497" s="14" t="s">
        <v>1005</v>
      </c>
      <c r="C497" s="9" t="s">
        <v>1006</v>
      </c>
      <c r="D497" s="18">
        <v>1412211548</v>
      </c>
      <c r="E497" s="11">
        <v>48334</v>
      </c>
      <c r="F497" s="9" t="s">
        <v>40</v>
      </c>
      <c r="G497" s="12">
        <v>495</v>
      </c>
      <c r="H497" s="12">
        <f t="shared" si="14"/>
        <v>29</v>
      </c>
      <c r="I497" s="12">
        <f t="shared" si="15"/>
        <v>23</v>
      </c>
    </row>
    <row r="498" spans="1:35" s="5" customFormat="1" ht="27.75" customHeight="1" x14ac:dyDescent="0.4">
      <c r="A498" s="9" t="s">
        <v>137</v>
      </c>
      <c r="B498" s="9" t="s">
        <v>1007</v>
      </c>
      <c r="C498" s="49" t="s">
        <v>1008</v>
      </c>
      <c r="D498" s="18">
        <v>1412212413</v>
      </c>
      <c r="E498" s="11">
        <v>47756</v>
      </c>
      <c r="F498" s="9" t="s">
        <v>40</v>
      </c>
      <c r="G498" s="5">
        <v>496</v>
      </c>
      <c r="H498" s="12">
        <f t="shared" si="14"/>
        <v>30</v>
      </c>
      <c r="I498" s="12">
        <f t="shared" si="15"/>
        <v>12</v>
      </c>
    </row>
    <row r="499" spans="1:35" s="5" customFormat="1" ht="27.75" customHeight="1" x14ac:dyDescent="0.4">
      <c r="A499" s="9" t="s">
        <v>137</v>
      </c>
      <c r="B499" s="9" t="s">
        <v>1009</v>
      </c>
      <c r="C499" s="9" t="s">
        <v>1010</v>
      </c>
      <c r="D499" s="18">
        <v>1412212215</v>
      </c>
      <c r="E499" s="11">
        <v>47269</v>
      </c>
      <c r="F499" s="9" t="s">
        <v>40</v>
      </c>
      <c r="G499" s="12">
        <v>497</v>
      </c>
      <c r="H499" s="12">
        <f t="shared" si="14"/>
        <v>22</v>
      </c>
      <c r="I499" s="12">
        <f t="shared" si="15"/>
        <v>15</v>
      </c>
    </row>
    <row r="500" spans="1:35" s="5" customFormat="1" ht="27.75" customHeight="1" x14ac:dyDescent="0.4">
      <c r="A500" s="9" t="s">
        <v>137</v>
      </c>
      <c r="B500" s="9" t="s">
        <v>1011</v>
      </c>
      <c r="C500" s="9" t="s">
        <v>1012</v>
      </c>
      <c r="D500" s="18">
        <v>1412211696</v>
      </c>
      <c r="E500" s="11">
        <v>46477</v>
      </c>
      <c r="F500" s="9" t="s">
        <v>40</v>
      </c>
      <c r="G500" s="5">
        <v>498</v>
      </c>
      <c r="H500" s="12">
        <f t="shared" si="14"/>
        <v>28</v>
      </c>
      <c r="I500" s="12">
        <f t="shared" si="15"/>
        <v>8</v>
      </c>
    </row>
    <row r="501" spans="1:35" s="5" customFormat="1" ht="27.75" customHeight="1" x14ac:dyDescent="0.4">
      <c r="A501" s="9" t="s">
        <v>137</v>
      </c>
      <c r="B501" s="9" t="s">
        <v>1013</v>
      </c>
      <c r="C501" s="49" t="s">
        <v>1014</v>
      </c>
      <c r="D501" s="18">
        <v>1412212611</v>
      </c>
      <c r="E501" s="11">
        <v>47938</v>
      </c>
      <c r="F501" s="9" t="s">
        <v>40</v>
      </c>
      <c r="G501" s="12">
        <v>499</v>
      </c>
      <c r="H501" s="12">
        <f t="shared" si="14"/>
        <v>39</v>
      </c>
      <c r="I501" s="12">
        <f t="shared" si="15"/>
        <v>13</v>
      </c>
    </row>
    <row r="502" spans="1:35" s="5" customFormat="1" ht="27.75" customHeight="1" x14ac:dyDescent="0.4">
      <c r="A502" s="9" t="s">
        <v>137</v>
      </c>
      <c r="B502" s="14" t="s">
        <v>1015</v>
      </c>
      <c r="C502" s="9" t="s">
        <v>1016</v>
      </c>
      <c r="D502" s="18">
        <v>1412204899</v>
      </c>
      <c r="E502" s="11">
        <v>46387</v>
      </c>
      <c r="F502" s="9" t="s">
        <v>40</v>
      </c>
      <c r="G502" s="5">
        <v>500</v>
      </c>
      <c r="H502" s="12">
        <f t="shared" si="14"/>
        <v>14</v>
      </c>
      <c r="I502" s="12">
        <f t="shared" si="15"/>
        <v>21</v>
      </c>
    </row>
    <row r="503" spans="1:35" s="5" customFormat="1" ht="27.75" customHeight="1" x14ac:dyDescent="0.4">
      <c r="A503" s="9" t="s">
        <v>137</v>
      </c>
      <c r="B503" s="9" t="s">
        <v>1017</v>
      </c>
      <c r="C503" s="9" t="s">
        <v>1018</v>
      </c>
      <c r="D503" s="18">
        <v>1412205615</v>
      </c>
      <c r="E503" s="11">
        <v>46387</v>
      </c>
      <c r="F503" s="9" t="s">
        <v>40</v>
      </c>
      <c r="G503" s="12">
        <v>501</v>
      </c>
      <c r="H503" s="12">
        <f t="shared" si="14"/>
        <v>12</v>
      </c>
      <c r="I503" s="12">
        <f t="shared" si="15"/>
        <v>6</v>
      </c>
    </row>
    <row r="504" spans="1:35" s="5" customFormat="1" ht="27.75" customHeight="1" x14ac:dyDescent="0.4">
      <c r="A504" s="9" t="s">
        <v>137</v>
      </c>
      <c r="B504" s="13" t="s">
        <v>1019</v>
      </c>
      <c r="C504" s="9" t="s">
        <v>1020</v>
      </c>
      <c r="D504" s="18">
        <v>1412208270</v>
      </c>
      <c r="E504" s="11">
        <v>46387</v>
      </c>
      <c r="F504" s="9" t="s">
        <v>40</v>
      </c>
      <c r="G504" s="5">
        <v>502</v>
      </c>
      <c r="H504" s="12">
        <f t="shared" si="14"/>
        <v>25</v>
      </c>
      <c r="I504" s="12">
        <f t="shared" si="15"/>
        <v>18</v>
      </c>
    </row>
    <row r="505" spans="1:35" s="5" customFormat="1" ht="27.75" customHeight="1" x14ac:dyDescent="0.4">
      <c r="A505" s="9" t="s">
        <v>137</v>
      </c>
      <c r="B505" s="9" t="s">
        <v>794</v>
      </c>
      <c r="C505" s="9" t="s">
        <v>1021</v>
      </c>
      <c r="D505" s="18">
        <v>1412206613</v>
      </c>
      <c r="E505" s="11">
        <v>46387</v>
      </c>
      <c r="F505" s="9" t="s">
        <v>40</v>
      </c>
      <c r="G505" s="12">
        <v>503</v>
      </c>
      <c r="H505" s="12">
        <f t="shared" si="14"/>
        <v>25</v>
      </c>
      <c r="I505" s="12">
        <f t="shared" si="15"/>
        <v>7</v>
      </c>
    </row>
    <row r="506" spans="1:35" s="5" customFormat="1" ht="27.75" customHeight="1" x14ac:dyDescent="0.4">
      <c r="A506" s="9" t="s">
        <v>137</v>
      </c>
      <c r="B506" s="16" t="s">
        <v>1022</v>
      </c>
      <c r="C506" s="16" t="s">
        <v>1023</v>
      </c>
      <c r="D506" s="10">
        <v>1412212199</v>
      </c>
      <c r="E506" s="11">
        <v>47238</v>
      </c>
      <c r="F506" s="9" t="s">
        <v>40</v>
      </c>
      <c r="G506" s="5">
        <v>504</v>
      </c>
      <c r="H506" s="12">
        <f t="shared" si="14"/>
        <v>16</v>
      </c>
      <c r="I506" s="12">
        <f t="shared" si="15"/>
        <v>18</v>
      </c>
    </row>
    <row r="507" spans="1:35" s="5" customFormat="1" ht="27.75" customHeight="1" x14ac:dyDescent="0.4">
      <c r="A507" s="9" t="s">
        <v>137</v>
      </c>
      <c r="B507" s="9" t="s">
        <v>1024</v>
      </c>
      <c r="C507" s="9" t="s">
        <v>1025</v>
      </c>
      <c r="D507" s="18">
        <v>1412206795</v>
      </c>
      <c r="E507" s="11">
        <v>46387</v>
      </c>
      <c r="F507" s="9" t="s">
        <v>40</v>
      </c>
      <c r="G507" s="12">
        <v>505</v>
      </c>
      <c r="H507" s="12">
        <f t="shared" si="14"/>
        <v>19</v>
      </c>
      <c r="I507" s="12">
        <f t="shared" si="15"/>
        <v>6</v>
      </c>
    </row>
    <row r="508" spans="1:35" s="5" customFormat="1" ht="27.75" customHeight="1" x14ac:dyDescent="0.4">
      <c r="A508" s="9" t="s">
        <v>137</v>
      </c>
      <c r="B508" s="14" t="s">
        <v>1026</v>
      </c>
      <c r="C508" s="9" t="s">
        <v>1027</v>
      </c>
      <c r="D508" s="18">
        <v>1412212785</v>
      </c>
      <c r="E508" s="11">
        <v>48304</v>
      </c>
      <c r="F508" s="9" t="s">
        <v>40</v>
      </c>
      <c r="G508" s="5">
        <v>506</v>
      </c>
      <c r="H508" s="12">
        <f t="shared" si="14"/>
        <v>28</v>
      </c>
      <c r="I508" s="12">
        <f t="shared" si="15"/>
        <v>23</v>
      </c>
      <c r="J508" s="24"/>
      <c r="K508" s="24"/>
      <c r="L508" s="24"/>
      <c r="M508" s="24"/>
      <c r="N508" s="24"/>
      <c r="O508" s="24"/>
      <c r="P508" s="24"/>
      <c r="Q508" s="24"/>
      <c r="R508" s="24"/>
      <c r="S508" s="24"/>
      <c r="T508" s="24"/>
      <c r="U508" s="24"/>
      <c r="V508" s="24"/>
      <c r="W508" s="24"/>
      <c r="X508" s="24"/>
      <c r="Y508" s="24"/>
      <c r="Z508" s="24"/>
      <c r="AA508" s="24"/>
      <c r="AB508" s="24"/>
      <c r="AC508" s="24"/>
      <c r="AD508" s="24"/>
      <c r="AE508" s="24"/>
      <c r="AF508" s="24"/>
      <c r="AG508" s="24"/>
      <c r="AH508" s="24"/>
      <c r="AI508" s="24"/>
    </row>
    <row r="509" spans="1:35" s="5" customFormat="1" ht="27.75" customHeight="1" x14ac:dyDescent="0.4">
      <c r="A509" s="9" t="s">
        <v>137</v>
      </c>
      <c r="B509" s="9" t="s">
        <v>1028</v>
      </c>
      <c r="C509" s="9" t="s">
        <v>1029</v>
      </c>
      <c r="D509" s="18">
        <v>1412212314</v>
      </c>
      <c r="E509" s="11">
        <v>47603</v>
      </c>
      <c r="F509" s="9" t="s">
        <v>40</v>
      </c>
      <c r="G509" s="12">
        <v>507</v>
      </c>
      <c r="H509" s="12">
        <f t="shared" si="14"/>
        <v>28</v>
      </c>
      <c r="I509" s="12">
        <f t="shared" si="15"/>
        <v>11</v>
      </c>
    </row>
    <row r="510" spans="1:35" s="5" customFormat="1" ht="27.75" customHeight="1" x14ac:dyDescent="0.4">
      <c r="A510" s="9" t="s">
        <v>137</v>
      </c>
      <c r="B510" s="9" t="s">
        <v>1030</v>
      </c>
      <c r="C510" s="9" t="s">
        <v>1031</v>
      </c>
      <c r="D510" s="18">
        <v>1412204527</v>
      </c>
      <c r="E510" s="11">
        <v>46387</v>
      </c>
      <c r="F510" s="9" t="s">
        <v>40</v>
      </c>
      <c r="G510" s="5">
        <v>508</v>
      </c>
      <c r="H510" s="12">
        <f t="shared" si="14"/>
        <v>12</v>
      </c>
      <c r="I510" s="12">
        <f t="shared" si="15"/>
        <v>14</v>
      </c>
    </row>
    <row r="511" spans="1:35" s="5" customFormat="1" ht="27.75" customHeight="1" x14ac:dyDescent="0.4">
      <c r="A511" s="9" t="s">
        <v>137</v>
      </c>
      <c r="B511" s="9" t="s">
        <v>1032</v>
      </c>
      <c r="C511" s="9" t="s">
        <v>1033</v>
      </c>
      <c r="D511" s="18">
        <v>1412206852</v>
      </c>
      <c r="E511" s="11">
        <v>46387</v>
      </c>
      <c r="F511" s="9" t="s">
        <v>40</v>
      </c>
      <c r="G511" s="12">
        <v>509</v>
      </c>
      <c r="H511" s="12">
        <f t="shared" si="14"/>
        <v>11</v>
      </c>
      <c r="I511" s="12">
        <f t="shared" si="15"/>
        <v>7</v>
      </c>
    </row>
    <row r="512" spans="1:35" s="5" customFormat="1" ht="27.75" customHeight="1" x14ac:dyDescent="0.4">
      <c r="A512" s="9" t="s">
        <v>137</v>
      </c>
      <c r="B512" s="15" t="s">
        <v>1034</v>
      </c>
      <c r="C512" s="16" t="s">
        <v>1035</v>
      </c>
      <c r="D512" s="10">
        <v>1412204006</v>
      </c>
      <c r="E512" s="11">
        <v>46387</v>
      </c>
      <c r="F512" s="9" t="s">
        <v>40</v>
      </c>
      <c r="G512" s="5">
        <v>510</v>
      </c>
      <c r="H512" s="12">
        <f t="shared" si="14"/>
        <v>13</v>
      </c>
      <c r="I512" s="12">
        <f t="shared" si="15"/>
        <v>4</v>
      </c>
    </row>
    <row r="513" spans="1:9" s="5" customFormat="1" ht="27.75" customHeight="1" x14ac:dyDescent="0.4">
      <c r="A513" s="9" t="s">
        <v>137</v>
      </c>
      <c r="B513" s="9" t="s">
        <v>1036</v>
      </c>
      <c r="C513" s="9" t="s">
        <v>1037</v>
      </c>
      <c r="D513" s="18">
        <v>1412207553</v>
      </c>
      <c r="E513" s="11">
        <v>46387</v>
      </c>
      <c r="F513" s="9" t="s">
        <v>40</v>
      </c>
      <c r="G513" s="12">
        <v>511</v>
      </c>
      <c r="H513" s="12">
        <f t="shared" si="14"/>
        <v>12</v>
      </c>
      <c r="I513" s="12">
        <f t="shared" si="15"/>
        <v>4</v>
      </c>
    </row>
    <row r="514" spans="1:9" s="5" customFormat="1" ht="27.75" customHeight="1" x14ac:dyDescent="0.4">
      <c r="A514" s="9" t="s">
        <v>137</v>
      </c>
      <c r="B514" s="13" t="s">
        <v>1038</v>
      </c>
      <c r="C514" s="9" t="s">
        <v>1039</v>
      </c>
      <c r="D514" s="18">
        <v>1412211613</v>
      </c>
      <c r="E514" s="11">
        <v>46812</v>
      </c>
      <c r="F514" s="9" t="s">
        <v>40</v>
      </c>
      <c r="G514" s="5">
        <v>512</v>
      </c>
      <c r="H514" s="12">
        <f t="shared" si="14"/>
        <v>12</v>
      </c>
      <c r="I514" s="12">
        <f t="shared" si="15"/>
        <v>17</v>
      </c>
    </row>
    <row r="515" spans="1:9" s="5" customFormat="1" ht="27.75" customHeight="1" x14ac:dyDescent="0.4">
      <c r="A515" s="9" t="s">
        <v>137</v>
      </c>
      <c r="B515" s="13" t="s">
        <v>1040</v>
      </c>
      <c r="C515" s="9" t="s">
        <v>1041</v>
      </c>
      <c r="D515" s="18">
        <v>1412207199</v>
      </c>
      <c r="E515" s="11">
        <v>46387</v>
      </c>
      <c r="F515" s="9" t="s">
        <v>40</v>
      </c>
      <c r="G515" s="12">
        <v>513</v>
      </c>
      <c r="H515" s="12">
        <f t="shared" si="14"/>
        <v>9</v>
      </c>
      <c r="I515" s="12">
        <f t="shared" si="15"/>
        <v>23</v>
      </c>
    </row>
    <row r="516" spans="1:9" s="5" customFormat="1" ht="27.75" customHeight="1" x14ac:dyDescent="0.4">
      <c r="A516" s="9" t="s">
        <v>137</v>
      </c>
      <c r="B516" s="9" t="s">
        <v>1042</v>
      </c>
      <c r="C516" s="9" t="s">
        <v>1043</v>
      </c>
      <c r="D516" s="18">
        <v>1412211027</v>
      </c>
      <c r="E516" s="11">
        <v>47603</v>
      </c>
      <c r="F516" s="9" t="s">
        <v>40</v>
      </c>
      <c r="G516" s="5">
        <v>514</v>
      </c>
      <c r="H516" s="12">
        <f t="shared" ref="H516:H579" si="16">LEN(C516)</f>
        <v>24</v>
      </c>
      <c r="I516" s="12">
        <f t="shared" ref="I516:I579" si="17">LEN(B516)</f>
        <v>21</v>
      </c>
    </row>
    <row r="517" spans="1:9" s="5" customFormat="1" ht="27.75" customHeight="1" x14ac:dyDescent="0.4">
      <c r="A517" s="9" t="s">
        <v>137</v>
      </c>
      <c r="B517" s="9" t="s">
        <v>1044</v>
      </c>
      <c r="C517" s="9" t="s">
        <v>1045</v>
      </c>
      <c r="D517" s="18">
        <v>1412206480</v>
      </c>
      <c r="E517" s="11">
        <v>46387</v>
      </c>
      <c r="F517" s="9" t="s">
        <v>40</v>
      </c>
      <c r="G517" s="12">
        <v>515</v>
      </c>
      <c r="H517" s="12">
        <f t="shared" si="16"/>
        <v>12</v>
      </c>
      <c r="I517" s="12">
        <f t="shared" si="17"/>
        <v>10</v>
      </c>
    </row>
    <row r="518" spans="1:9" s="5" customFormat="1" ht="27.75" customHeight="1" x14ac:dyDescent="0.4">
      <c r="A518" s="9" t="s">
        <v>137</v>
      </c>
      <c r="B518" s="13" t="s">
        <v>1046</v>
      </c>
      <c r="C518" s="13" t="s">
        <v>1047</v>
      </c>
      <c r="D518" s="18">
        <v>1412203487</v>
      </c>
      <c r="E518" s="11">
        <v>46752</v>
      </c>
      <c r="F518" s="9" t="s">
        <v>40</v>
      </c>
      <c r="G518" s="5">
        <v>516</v>
      </c>
      <c r="H518" s="12">
        <f t="shared" si="16"/>
        <v>10</v>
      </c>
      <c r="I518" s="12">
        <f t="shared" si="17"/>
        <v>10</v>
      </c>
    </row>
    <row r="519" spans="1:9" s="5" customFormat="1" ht="27.75" customHeight="1" x14ac:dyDescent="0.4">
      <c r="A519" s="9" t="s">
        <v>137</v>
      </c>
      <c r="B519" s="13" t="s">
        <v>1048</v>
      </c>
      <c r="C519" s="13" t="s">
        <v>1049</v>
      </c>
      <c r="D519" s="18">
        <v>1412208320</v>
      </c>
      <c r="E519" s="11">
        <v>46387</v>
      </c>
      <c r="F519" s="9" t="s">
        <v>40</v>
      </c>
      <c r="G519" s="12">
        <v>517</v>
      </c>
      <c r="H519" s="12">
        <f t="shared" si="16"/>
        <v>11</v>
      </c>
      <c r="I519" s="12">
        <f t="shared" si="17"/>
        <v>12</v>
      </c>
    </row>
    <row r="520" spans="1:9" s="5" customFormat="1" ht="27.75" customHeight="1" x14ac:dyDescent="0.4">
      <c r="A520" s="9" t="s">
        <v>137</v>
      </c>
      <c r="B520" s="9" t="s">
        <v>1050</v>
      </c>
      <c r="C520" s="9" t="s">
        <v>1051</v>
      </c>
      <c r="D520" s="18">
        <v>1412204204</v>
      </c>
      <c r="E520" s="11">
        <v>46387</v>
      </c>
      <c r="F520" s="9" t="s">
        <v>40</v>
      </c>
      <c r="G520" s="5">
        <v>518</v>
      </c>
      <c r="H520" s="12">
        <f t="shared" si="16"/>
        <v>21</v>
      </c>
      <c r="I520" s="12">
        <f t="shared" si="17"/>
        <v>6</v>
      </c>
    </row>
    <row r="521" spans="1:9" s="5" customFormat="1" ht="27.75" customHeight="1" x14ac:dyDescent="0.4">
      <c r="A521" s="9" t="s">
        <v>137</v>
      </c>
      <c r="B521" s="9" t="s">
        <v>1052</v>
      </c>
      <c r="C521" s="9" t="s">
        <v>1053</v>
      </c>
      <c r="D521" s="18">
        <v>1412206274</v>
      </c>
      <c r="E521" s="11">
        <v>46387</v>
      </c>
      <c r="F521" s="9" t="s">
        <v>40</v>
      </c>
      <c r="G521" s="12">
        <v>519</v>
      </c>
      <c r="H521" s="12">
        <f t="shared" si="16"/>
        <v>19</v>
      </c>
      <c r="I521" s="12">
        <f t="shared" si="17"/>
        <v>9</v>
      </c>
    </row>
    <row r="522" spans="1:9" s="5" customFormat="1" ht="27.75" customHeight="1" x14ac:dyDescent="0.4">
      <c r="A522" s="9" t="s">
        <v>137</v>
      </c>
      <c r="B522" s="9" t="s">
        <v>1054</v>
      </c>
      <c r="C522" s="9" t="s">
        <v>1055</v>
      </c>
      <c r="D522" s="18">
        <v>1412212751</v>
      </c>
      <c r="E522" s="11">
        <v>48182</v>
      </c>
      <c r="F522" s="9" t="s">
        <v>40</v>
      </c>
      <c r="G522" s="5">
        <v>520</v>
      </c>
      <c r="H522" s="12">
        <f t="shared" si="16"/>
        <v>19</v>
      </c>
      <c r="I522" s="12">
        <f t="shared" si="17"/>
        <v>7</v>
      </c>
    </row>
    <row r="523" spans="1:9" s="5" customFormat="1" ht="27.75" customHeight="1" x14ac:dyDescent="0.4">
      <c r="A523" s="9" t="s">
        <v>137</v>
      </c>
      <c r="B523" s="15" t="s">
        <v>1056</v>
      </c>
      <c r="C523" s="16" t="s">
        <v>1057</v>
      </c>
      <c r="D523" s="10">
        <v>1412212579</v>
      </c>
      <c r="E523" s="11">
        <v>47879</v>
      </c>
      <c r="F523" s="9" t="s">
        <v>40</v>
      </c>
      <c r="G523" s="12">
        <v>521</v>
      </c>
      <c r="H523" s="12">
        <f t="shared" si="16"/>
        <v>15</v>
      </c>
      <c r="I523" s="12">
        <f t="shared" si="17"/>
        <v>7</v>
      </c>
    </row>
    <row r="524" spans="1:9" s="5" customFormat="1" ht="27.75" customHeight="1" x14ac:dyDescent="0.4">
      <c r="A524" s="9" t="s">
        <v>137</v>
      </c>
      <c r="B524" s="9" t="s">
        <v>1058</v>
      </c>
      <c r="C524" s="9" t="s">
        <v>1059</v>
      </c>
      <c r="D524" s="18">
        <v>1412208031</v>
      </c>
      <c r="E524" s="11">
        <v>46387</v>
      </c>
      <c r="F524" s="9" t="s">
        <v>40</v>
      </c>
      <c r="G524" s="5">
        <v>522</v>
      </c>
      <c r="H524" s="12">
        <f t="shared" si="16"/>
        <v>10</v>
      </c>
      <c r="I524" s="12">
        <f t="shared" si="17"/>
        <v>7</v>
      </c>
    </row>
    <row r="525" spans="1:9" s="5" customFormat="1" ht="27.75" customHeight="1" x14ac:dyDescent="0.4">
      <c r="A525" s="17" t="s">
        <v>137</v>
      </c>
      <c r="B525" s="9" t="s">
        <v>1060</v>
      </c>
      <c r="C525" s="9" t="s">
        <v>1061</v>
      </c>
      <c r="D525" s="18">
        <v>1412204295</v>
      </c>
      <c r="E525" s="11">
        <v>46387</v>
      </c>
      <c r="F525" s="9" t="s">
        <v>40</v>
      </c>
      <c r="G525" s="12">
        <v>523</v>
      </c>
      <c r="H525" s="12">
        <f t="shared" si="16"/>
        <v>11</v>
      </c>
      <c r="I525" s="12">
        <f t="shared" si="17"/>
        <v>11</v>
      </c>
    </row>
    <row r="526" spans="1:9" s="5" customFormat="1" ht="27.75" customHeight="1" x14ac:dyDescent="0.4">
      <c r="A526" s="9" t="s">
        <v>137</v>
      </c>
      <c r="B526" s="9" t="s">
        <v>1062</v>
      </c>
      <c r="C526" s="9" t="s">
        <v>1063</v>
      </c>
      <c r="D526" s="26">
        <v>1412202893</v>
      </c>
      <c r="E526" s="11">
        <v>46387</v>
      </c>
      <c r="F526" s="9" t="s">
        <v>40</v>
      </c>
      <c r="G526" s="5">
        <v>524</v>
      </c>
      <c r="H526" s="12">
        <f t="shared" si="16"/>
        <v>10</v>
      </c>
      <c r="I526" s="12">
        <f t="shared" si="17"/>
        <v>4</v>
      </c>
    </row>
    <row r="527" spans="1:9" s="5" customFormat="1" ht="27.75" customHeight="1" x14ac:dyDescent="0.4">
      <c r="A527" s="9" t="s">
        <v>137</v>
      </c>
      <c r="B527" s="9" t="s">
        <v>1064</v>
      </c>
      <c r="C527" s="9" t="s">
        <v>1065</v>
      </c>
      <c r="D527" s="18">
        <v>1412212272</v>
      </c>
      <c r="E527" s="11">
        <v>47483</v>
      </c>
      <c r="F527" s="9" t="s">
        <v>40</v>
      </c>
      <c r="G527" s="12">
        <v>525</v>
      </c>
      <c r="H527" s="12">
        <f t="shared" si="16"/>
        <v>14</v>
      </c>
      <c r="I527" s="12">
        <f t="shared" si="17"/>
        <v>12</v>
      </c>
    </row>
    <row r="528" spans="1:9" s="5" customFormat="1" ht="27.75" customHeight="1" x14ac:dyDescent="0.4">
      <c r="A528" s="9" t="s">
        <v>137</v>
      </c>
      <c r="B528" s="9" t="s">
        <v>1066</v>
      </c>
      <c r="C528" s="9" t="s">
        <v>1067</v>
      </c>
      <c r="D528" s="18">
        <v>1412204618</v>
      </c>
      <c r="E528" s="11">
        <v>46387</v>
      </c>
      <c r="F528" s="9" t="s">
        <v>40</v>
      </c>
      <c r="G528" s="5">
        <v>526</v>
      </c>
      <c r="H528" s="12">
        <f t="shared" si="16"/>
        <v>22</v>
      </c>
      <c r="I528" s="12">
        <f t="shared" si="17"/>
        <v>6</v>
      </c>
    </row>
    <row r="529" spans="1:35" s="5" customFormat="1" ht="27.75" customHeight="1" x14ac:dyDescent="0.4">
      <c r="A529" s="9" t="s">
        <v>137</v>
      </c>
      <c r="B529" s="13" t="s">
        <v>1068</v>
      </c>
      <c r="C529" s="13" t="s">
        <v>1069</v>
      </c>
      <c r="D529" s="18">
        <v>1412211753</v>
      </c>
      <c r="E529" s="11">
        <v>46477</v>
      </c>
      <c r="F529" s="9" t="s">
        <v>40</v>
      </c>
      <c r="G529" s="12">
        <v>527</v>
      </c>
      <c r="H529" s="12">
        <f t="shared" si="16"/>
        <v>12</v>
      </c>
      <c r="I529" s="12">
        <f t="shared" si="17"/>
        <v>14</v>
      </c>
      <c r="J529" s="12"/>
      <c r="K529" s="12"/>
      <c r="L529" s="12"/>
      <c r="M529" s="12"/>
      <c r="N529" s="12"/>
      <c r="O529" s="12"/>
      <c r="P529" s="12"/>
      <c r="Q529" s="12"/>
      <c r="R529" s="12"/>
      <c r="S529" s="12"/>
      <c r="T529" s="12"/>
      <c r="U529" s="12"/>
      <c r="V529" s="12"/>
      <c r="W529" s="12"/>
      <c r="X529" s="12"/>
      <c r="Y529" s="12"/>
      <c r="Z529" s="12"/>
      <c r="AA529" s="12"/>
      <c r="AB529" s="12"/>
      <c r="AC529" s="12"/>
      <c r="AD529" s="12"/>
      <c r="AE529" s="12"/>
      <c r="AF529" s="12"/>
      <c r="AG529" s="12"/>
      <c r="AH529" s="12"/>
      <c r="AI529" s="12"/>
    </row>
    <row r="530" spans="1:35" s="5" customFormat="1" ht="27.75" customHeight="1" x14ac:dyDescent="0.4">
      <c r="A530" s="9" t="s">
        <v>137</v>
      </c>
      <c r="B530" s="9" t="s">
        <v>1070</v>
      </c>
      <c r="C530" s="9" t="s">
        <v>1071</v>
      </c>
      <c r="D530" s="18">
        <v>1412208312</v>
      </c>
      <c r="E530" s="11">
        <v>46387</v>
      </c>
      <c r="F530" s="9" t="s">
        <v>40</v>
      </c>
      <c r="G530" s="5">
        <v>528</v>
      </c>
      <c r="H530" s="12">
        <f t="shared" si="16"/>
        <v>13</v>
      </c>
      <c r="I530" s="12">
        <f t="shared" si="17"/>
        <v>9</v>
      </c>
    </row>
    <row r="531" spans="1:35" s="5" customFormat="1" ht="27.75" customHeight="1" x14ac:dyDescent="0.4">
      <c r="A531" s="9" t="s">
        <v>137</v>
      </c>
      <c r="B531" s="9" t="s">
        <v>1072</v>
      </c>
      <c r="C531" s="9" t="s">
        <v>1073</v>
      </c>
      <c r="D531" s="18">
        <v>1412207561</v>
      </c>
      <c r="E531" s="11">
        <v>46387</v>
      </c>
      <c r="F531" s="9" t="s">
        <v>40</v>
      </c>
      <c r="G531" s="12">
        <v>529</v>
      </c>
      <c r="H531" s="12">
        <f t="shared" si="16"/>
        <v>11</v>
      </c>
      <c r="I531" s="12">
        <f t="shared" si="17"/>
        <v>9</v>
      </c>
    </row>
    <row r="532" spans="1:35" s="5" customFormat="1" ht="27.75" customHeight="1" x14ac:dyDescent="0.4">
      <c r="A532" s="9" t="s">
        <v>137</v>
      </c>
      <c r="B532" s="9" t="s">
        <v>1074</v>
      </c>
      <c r="C532" s="9" t="s">
        <v>1075</v>
      </c>
      <c r="D532" s="18">
        <v>1412206977</v>
      </c>
      <c r="E532" s="11">
        <v>46387</v>
      </c>
      <c r="F532" s="9" t="s">
        <v>40</v>
      </c>
      <c r="G532" s="5">
        <v>530</v>
      </c>
      <c r="H532" s="12">
        <f t="shared" si="16"/>
        <v>18</v>
      </c>
      <c r="I532" s="12">
        <f t="shared" si="17"/>
        <v>6</v>
      </c>
    </row>
    <row r="533" spans="1:35" s="5" customFormat="1" ht="27.75" customHeight="1" x14ac:dyDescent="0.4">
      <c r="A533" s="9" t="s">
        <v>137</v>
      </c>
      <c r="B533" s="9" t="s">
        <v>1076</v>
      </c>
      <c r="C533" s="9" t="s">
        <v>1077</v>
      </c>
      <c r="D533" s="26">
        <v>1412212587</v>
      </c>
      <c r="E533" s="11">
        <v>48244</v>
      </c>
      <c r="F533" s="9" t="s">
        <v>40</v>
      </c>
      <c r="G533" s="12">
        <v>531</v>
      </c>
      <c r="H533" s="12">
        <f t="shared" si="16"/>
        <v>19</v>
      </c>
      <c r="I533" s="12">
        <f t="shared" si="17"/>
        <v>10</v>
      </c>
    </row>
    <row r="534" spans="1:35" s="5" customFormat="1" ht="27.75" customHeight="1" x14ac:dyDescent="0.4">
      <c r="A534" s="9" t="s">
        <v>137</v>
      </c>
      <c r="B534" s="13" t="s">
        <v>1078</v>
      </c>
      <c r="C534" s="13" t="s">
        <v>1079</v>
      </c>
      <c r="D534" s="18">
        <v>1412203396</v>
      </c>
      <c r="E534" s="11">
        <v>46387</v>
      </c>
      <c r="F534" s="9" t="s">
        <v>40</v>
      </c>
      <c r="G534" s="5">
        <v>532</v>
      </c>
      <c r="H534" s="12">
        <f t="shared" si="16"/>
        <v>11</v>
      </c>
      <c r="I534" s="12">
        <f t="shared" si="17"/>
        <v>12</v>
      </c>
    </row>
    <row r="535" spans="1:35" s="5" customFormat="1" ht="27.75" customHeight="1" x14ac:dyDescent="0.4">
      <c r="A535" s="17" t="s">
        <v>137</v>
      </c>
      <c r="B535" s="13" t="s">
        <v>1080</v>
      </c>
      <c r="C535" s="13" t="s">
        <v>1081</v>
      </c>
      <c r="D535" s="18">
        <v>1412204931</v>
      </c>
      <c r="E535" s="11">
        <v>46387</v>
      </c>
      <c r="F535" s="9" t="s">
        <v>40</v>
      </c>
      <c r="G535" s="12">
        <v>533</v>
      </c>
      <c r="H535" s="12">
        <f t="shared" si="16"/>
        <v>11</v>
      </c>
      <c r="I535" s="12">
        <f t="shared" si="17"/>
        <v>13</v>
      </c>
    </row>
    <row r="536" spans="1:35" s="5" customFormat="1" ht="27.75" customHeight="1" x14ac:dyDescent="0.4">
      <c r="A536" s="9" t="s">
        <v>137</v>
      </c>
      <c r="B536" s="9" t="s">
        <v>1082</v>
      </c>
      <c r="C536" s="9" t="s">
        <v>1083</v>
      </c>
      <c r="D536" s="18">
        <v>1412206266</v>
      </c>
      <c r="E536" s="11">
        <v>46387</v>
      </c>
      <c r="F536" s="9" t="s">
        <v>40</v>
      </c>
      <c r="G536" s="5">
        <v>534</v>
      </c>
      <c r="H536" s="12">
        <f t="shared" si="16"/>
        <v>11</v>
      </c>
      <c r="I536" s="12">
        <f t="shared" si="17"/>
        <v>14</v>
      </c>
    </row>
    <row r="537" spans="1:35" s="5" customFormat="1" ht="27.75" customHeight="1" x14ac:dyDescent="0.4">
      <c r="A537" s="9" t="s">
        <v>137</v>
      </c>
      <c r="B537" s="9" t="s">
        <v>1084</v>
      </c>
      <c r="C537" s="9" t="s">
        <v>1085</v>
      </c>
      <c r="D537" s="18">
        <v>1412204972</v>
      </c>
      <c r="E537" s="11">
        <v>46387</v>
      </c>
      <c r="F537" s="9" t="s">
        <v>40</v>
      </c>
      <c r="G537" s="12">
        <v>535</v>
      </c>
      <c r="H537" s="12">
        <f t="shared" si="16"/>
        <v>11</v>
      </c>
      <c r="I537" s="12">
        <f t="shared" si="17"/>
        <v>16</v>
      </c>
    </row>
    <row r="538" spans="1:35" s="5" customFormat="1" ht="27.75" customHeight="1" x14ac:dyDescent="0.4">
      <c r="A538" s="22" t="s">
        <v>137</v>
      </c>
      <c r="B538" s="22" t="s">
        <v>1086</v>
      </c>
      <c r="C538" s="22" t="s">
        <v>1087</v>
      </c>
      <c r="D538" s="10">
        <v>1412205474</v>
      </c>
      <c r="E538" s="11">
        <v>46387</v>
      </c>
      <c r="F538" s="9" t="s">
        <v>40</v>
      </c>
      <c r="G538" s="5">
        <v>536</v>
      </c>
      <c r="H538" s="12">
        <f t="shared" si="16"/>
        <v>11</v>
      </c>
      <c r="I538" s="12">
        <f t="shared" si="17"/>
        <v>5</v>
      </c>
    </row>
    <row r="539" spans="1:35" s="5" customFormat="1" ht="27.75" customHeight="1" x14ac:dyDescent="0.4">
      <c r="A539" s="9" t="s">
        <v>137</v>
      </c>
      <c r="B539" s="9" t="s">
        <v>1088</v>
      </c>
      <c r="C539" s="9" t="s">
        <v>1089</v>
      </c>
      <c r="D539" s="18">
        <v>1412210813</v>
      </c>
      <c r="E539" s="11">
        <v>47299</v>
      </c>
      <c r="F539" s="9" t="s">
        <v>40</v>
      </c>
      <c r="G539" s="12">
        <v>537</v>
      </c>
      <c r="H539" s="12">
        <f t="shared" si="16"/>
        <v>14</v>
      </c>
      <c r="I539" s="12">
        <f t="shared" si="17"/>
        <v>19</v>
      </c>
    </row>
    <row r="540" spans="1:35" s="5" customFormat="1" ht="27.75" customHeight="1" x14ac:dyDescent="0.4">
      <c r="A540" s="9" t="s">
        <v>137</v>
      </c>
      <c r="B540" s="16" t="s">
        <v>1090</v>
      </c>
      <c r="C540" s="16" t="s">
        <v>1091</v>
      </c>
      <c r="D540" s="10">
        <v>1412212322</v>
      </c>
      <c r="E540" s="11">
        <v>47573</v>
      </c>
      <c r="F540" s="9" t="s">
        <v>40</v>
      </c>
      <c r="G540" s="5">
        <v>538</v>
      </c>
      <c r="H540" s="12">
        <f t="shared" si="16"/>
        <v>11</v>
      </c>
      <c r="I540" s="12">
        <f t="shared" si="17"/>
        <v>12</v>
      </c>
    </row>
    <row r="541" spans="1:35" s="5" customFormat="1" ht="27.75" customHeight="1" x14ac:dyDescent="0.4">
      <c r="A541" s="9" t="s">
        <v>137</v>
      </c>
      <c r="B541" s="9" t="s">
        <v>1092</v>
      </c>
      <c r="C541" s="9" t="s">
        <v>1093</v>
      </c>
      <c r="D541" s="18">
        <v>1412212348</v>
      </c>
      <c r="E541" s="11">
        <v>47542</v>
      </c>
      <c r="F541" s="9" t="s">
        <v>40</v>
      </c>
      <c r="G541" s="12">
        <v>539</v>
      </c>
      <c r="H541" s="12">
        <f t="shared" si="16"/>
        <v>22</v>
      </c>
      <c r="I541" s="12">
        <f t="shared" si="17"/>
        <v>11</v>
      </c>
    </row>
    <row r="542" spans="1:35" s="5" customFormat="1" ht="27.75" customHeight="1" x14ac:dyDescent="0.4">
      <c r="A542" s="9" t="s">
        <v>137</v>
      </c>
      <c r="B542" s="9" t="s">
        <v>1094</v>
      </c>
      <c r="C542" s="9" t="s">
        <v>1095</v>
      </c>
      <c r="D542" s="18">
        <v>1412211563</v>
      </c>
      <c r="E542" s="11">
        <v>48395</v>
      </c>
      <c r="F542" s="9" t="s">
        <v>40</v>
      </c>
      <c r="G542" s="5">
        <v>540</v>
      </c>
      <c r="H542" s="12">
        <f t="shared" si="16"/>
        <v>14</v>
      </c>
      <c r="I542" s="12">
        <f t="shared" si="17"/>
        <v>9</v>
      </c>
    </row>
    <row r="543" spans="1:35" s="5" customFormat="1" ht="27.75" customHeight="1" x14ac:dyDescent="0.4">
      <c r="A543" s="9" t="s">
        <v>137</v>
      </c>
      <c r="B543" s="9" t="s">
        <v>1096</v>
      </c>
      <c r="C543" s="9" t="s">
        <v>1097</v>
      </c>
      <c r="D543" s="18">
        <v>1412205201</v>
      </c>
      <c r="E543" s="11">
        <v>46387</v>
      </c>
      <c r="F543" s="9" t="s">
        <v>40</v>
      </c>
      <c r="G543" s="12">
        <v>541</v>
      </c>
      <c r="H543" s="12">
        <f t="shared" si="16"/>
        <v>11</v>
      </c>
      <c r="I543" s="12">
        <f t="shared" si="17"/>
        <v>16</v>
      </c>
    </row>
    <row r="544" spans="1:35" s="5" customFormat="1" ht="27.75" customHeight="1" x14ac:dyDescent="0.4">
      <c r="A544" s="9" t="s">
        <v>137</v>
      </c>
      <c r="B544" s="9" t="s">
        <v>1098</v>
      </c>
      <c r="C544" s="9" t="s">
        <v>1099</v>
      </c>
      <c r="D544" s="10">
        <v>1412205193</v>
      </c>
      <c r="E544" s="11">
        <v>46387</v>
      </c>
      <c r="F544" s="9" t="s">
        <v>40</v>
      </c>
      <c r="G544" s="5">
        <v>542</v>
      </c>
      <c r="H544" s="12">
        <f t="shared" si="16"/>
        <v>13</v>
      </c>
      <c r="I544" s="12">
        <f t="shared" si="17"/>
        <v>14</v>
      </c>
    </row>
    <row r="545" spans="1:9" s="5" customFormat="1" ht="27.75" customHeight="1" x14ac:dyDescent="0.4">
      <c r="A545" s="9" t="s">
        <v>137</v>
      </c>
      <c r="B545" s="15" t="s">
        <v>1100</v>
      </c>
      <c r="C545" s="16" t="s">
        <v>1101</v>
      </c>
      <c r="D545" s="10">
        <v>1412212306</v>
      </c>
      <c r="E545" s="27">
        <v>47483</v>
      </c>
      <c r="F545" s="9" t="s">
        <v>40</v>
      </c>
      <c r="G545" s="12">
        <v>543</v>
      </c>
      <c r="H545" s="12">
        <f t="shared" si="16"/>
        <v>28</v>
      </c>
      <c r="I545" s="12">
        <f t="shared" si="17"/>
        <v>21</v>
      </c>
    </row>
    <row r="546" spans="1:9" s="5" customFormat="1" ht="27.75" customHeight="1" x14ac:dyDescent="0.4">
      <c r="A546" s="9" t="s">
        <v>137</v>
      </c>
      <c r="B546" s="9" t="s">
        <v>1102</v>
      </c>
      <c r="C546" s="9" t="s">
        <v>1103</v>
      </c>
      <c r="D546" s="10">
        <v>1412205813</v>
      </c>
      <c r="E546" s="11">
        <v>46387</v>
      </c>
      <c r="F546" s="9" t="s">
        <v>40</v>
      </c>
      <c r="G546" s="5">
        <v>544</v>
      </c>
      <c r="H546" s="12">
        <f t="shared" si="16"/>
        <v>15</v>
      </c>
      <c r="I546" s="12">
        <f t="shared" si="17"/>
        <v>29</v>
      </c>
    </row>
    <row r="547" spans="1:9" s="5" customFormat="1" ht="27.75" customHeight="1" x14ac:dyDescent="0.4">
      <c r="A547" s="9" t="s">
        <v>137</v>
      </c>
      <c r="B547" s="9" t="s">
        <v>1104</v>
      </c>
      <c r="C547" s="9" t="s">
        <v>1105</v>
      </c>
      <c r="D547" s="18">
        <v>1412205516</v>
      </c>
      <c r="E547" s="11">
        <v>46507</v>
      </c>
      <c r="F547" s="9" t="s">
        <v>40</v>
      </c>
      <c r="G547" s="12">
        <v>545</v>
      </c>
      <c r="H547" s="12">
        <f t="shared" si="16"/>
        <v>19</v>
      </c>
      <c r="I547" s="12">
        <f t="shared" si="17"/>
        <v>9</v>
      </c>
    </row>
    <row r="548" spans="1:9" s="5" customFormat="1" ht="27.75" customHeight="1" x14ac:dyDescent="0.4">
      <c r="A548" s="9" t="s">
        <v>137</v>
      </c>
      <c r="B548" s="16" t="s">
        <v>1106</v>
      </c>
      <c r="C548" s="16" t="s">
        <v>1107</v>
      </c>
      <c r="D548" s="10">
        <v>1412205482</v>
      </c>
      <c r="E548" s="11">
        <v>46387</v>
      </c>
      <c r="F548" s="9" t="s">
        <v>40</v>
      </c>
      <c r="G548" s="5">
        <v>546</v>
      </c>
      <c r="H548" s="12">
        <f t="shared" si="16"/>
        <v>19</v>
      </c>
      <c r="I548" s="12">
        <f t="shared" si="17"/>
        <v>11</v>
      </c>
    </row>
    <row r="549" spans="1:9" s="5" customFormat="1" ht="27.75" customHeight="1" x14ac:dyDescent="0.4">
      <c r="A549" s="9" t="s">
        <v>137</v>
      </c>
      <c r="B549" s="9" t="s">
        <v>1108</v>
      </c>
      <c r="C549" s="9" t="s">
        <v>1109</v>
      </c>
      <c r="D549" s="18">
        <v>1412212371</v>
      </c>
      <c r="E549" s="11">
        <v>47634</v>
      </c>
      <c r="F549" s="9" t="s">
        <v>40</v>
      </c>
      <c r="G549" s="12">
        <v>547</v>
      </c>
      <c r="H549" s="12">
        <f t="shared" si="16"/>
        <v>24</v>
      </c>
      <c r="I549" s="12">
        <f t="shared" si="17"/>
        <v>9</v>
      </c>
    </row>
    <row r="550" spans="1:9" s="5" customFormat="1" ht="27.75" customHeight="1" x14ac:dyDescent="0.4">
      <c r="A550" s="9" t="s">
        <v>137</v>
      </c>
      <c r="B550" s="9" t="s">
        <v>1110</v>
      </c>
      <c r="C550" s="9" t="s">
        <v>1111</v>
      </c>
      <c r="D550" s="18">
        <v>1412202604</v>
      </c>
      <c r="E550" s="11">
        <v>46387</v>
      </c>
      <c r="F550" s="9" t="s">
        <v>40</v>
      </c>
      <c r="G550" s="5">
        <v>548</v>
      </c>
      <c r="H550" s="12">
        <f t="shared" si="16"/>
        <v>10</v>
      </c>
      <c r="I550" s="12">
        <f t="shared" si="17"/>
        <v>4</v>
      </c>
    </row>
    <row r="551" spans="1:9" s="5" customFormat="1" ht="27.75" customHeight="1" x14ac:dyDescent="0.4">
      <c r="A551" s="9" t="s">
        <v>137</v>
      </c>
      <c r="B551" s="16" t="s">
        <v>1112</v>
      </c>
      <c r="C551" s="16" t="s">
        <v>1113</v>
      </c>
      <c r="D551" s="10">
        <v>1412206209</v>
      </c>
      <c r="E551" s="11">
        <v>46387</v>
      </c>
      <c r="F551" s="9" t="s">
        <v>40</v>
      </c>
      <c r="G551" s="12">
        <v>549</v>
      </c>
      <c r="H551" s="12">
        <f t="shared" si="16"/>
        <v>9</v>
      </c>
      <c r="I551" s="12">
        <f t="shared" si="17"/>
        <v>9</v>
      </c>
    </row>
    <row r="552" spans="1:9" s="5" customFormat="1" ht="27.75" customHeight="1" x14ac:dyDescent="0.4">
      <c r="A552" s="9" t="s">
        <v>137</v>
      </c>
      <c r="B552" s="9" t="s">
        <v>1114</v>
      </c>
      <c r="C552" s="9" t="s">
        <v>1115</v>
      </c>
      <c r="D552" s="18">
        <v>1412212355</v>
      </c>
      <c r="E552" s="11">
        <v>47634</v>
      </c>
      <c r="F552" s="9" t="s">
        <v>40</v>
      </c>
      <c r="G552" s="5">
        <v>550</v>
      </c>
      <c r="H552" s="12">
        <f t="shared" si="16"/>
        <v>10</v>
      </c>
      <c r="I552" s="12">
        <f t="shared" si="17"/>
        <v>12</v>
      </c>
    </row>
    <row r="553" spans="1:9" s="5" customFormat="1" ht="27.75" customHeight="1" x14ac:dyDescent="0.4">
      <c r="A553" s="9" t="s">
        <v>137</v>
      </c>
      <c r="B553" s="9" t="s">
        <v>1116</v>
      </c>
      <c r="C553" s="9" t="s">
        <v>1117</v>
      </c>
      <c r="D553" s="18">
        <v>1412201580</v>
      </c>
      <c r="E553" s="11">
        <v>48244</v>
      </c>
      <c r="F553" s="9" t="s">
        <v>40</v>
      </c>
      <c r="G553" s="12">
        <v>551</v>
      </c>
      <c r="H553" s="12">
        <f t="shared" si="16"/>
        <v>8</v>
      </c>
      <c r="I553" s="12">
        <f t="shared" si="17"/>
        <v>4</v>
      </c>
    </row>
    <row r="554" spans="1:9" s="5" customFormat="1" ht="27.75" customHeight="1" x14ac:dyDescent="0.4">
      <c r="A554" s="9" t="s">
        <v>137</v>
      </c>
      <c r="B554" s="9" t="s">
        <v>1118</v>
      </c>
      <c r="C554" s="9" t="s">
        <v>1119</v>
      </c>
      <c r="D554" s="18">
        <v>1412208353</v>
      </c>
      <c r="E554" s="11">
        <v>46387</v>
      </c>
      <c r="F554" s="9" t="s">
        <v>40</v>
      </c>
      <c r="G554" s="5">
        <v>552</v>
      </c>
      <c r="H554" s="12">
        <f t="shared" si="16"/>
        <v>19</v>
      </c>
      <c r="I554" s="12">
        <f t="shared" si="17"/>
        <v>8</v>
      </c>
    </row>
    <row r="555" spans="1:9" s="5" customFormat="1" ht="27.75" customHeight="1" x14ac:dyDescent="0.4">
      <c r="A555" s="17" t="s">
        <v>137</v>
      </c>
      <c r="B555" s="9" t="s">
        <v>1120</v>
      </c>
      <c r="C555" s="9" t="s">
        <v>1121</v>
      </c>
      <c r="D555" s="18">
        <v>1412211852</v>
      </c>
      <c r="E555" s="11">
        <v>46812</v>
      </c>
      <c r="F555" s="9" t="s">
        <v>40</v>
      </c>
      <c r="G555" s="12">
        <v>553</v>
      </c>
      <c r="H555" s="12">
        <f t="shared" si="16"/>
        <v>10</v>
      </c>
      <c r="I555" s="12">
        <f t="shared" si="17"/>
        <v>16</v>
      </c>
    </row>
    <row r="556" spans="1:9" s="5" customFormat="1" ht="27.75" customHeight="1" x14ac:dyDescent="0.4">
      <c r="A556" s="9" t="s">
        <v>137</v>
      </c>
      <c r="B556" s="9" t="s">
        <v>1122</v>
      </c>
      <c r="C556" s="9" t="s">
        <v>1123</v>
      </c>
      <c r="D556" s="18">
        <v>1412204493</v>
      </c>
      <c r="E556" s="11">
        <v>46387</v>
      </c>
      <c r="F556" s="9" t="s">
        <v>40</v>
      </c>
      <c r="G556" s="5">
        <v>554</v>
      </c>
      <c r="H556" s="12">
        <f t="shared" si="16"/>
        <v>12</v>
      </c>
      <c r="I556" s="12">
        <f t="shared" si="17"/>
        <v>11</v>
      </c>
    </row>
    <row r="557" spans="1:9" s="5" customFormat="1" ht="27.75" customHeight="1" x14ac:dyDescent="0.4">
      <c r="A557" s="9" t="s">
        <v>137</v>
      </c>
      <c r="B557" s="9" t="s">
        <v>1124</v>
      </c>
      <c r="C557" s="9" t="s">
        <v>1125</v>
      </c>
      <c r="D557" s="18">
        <v>1412210961</v>
      </c>
      <c r="E557" s="11">
        <v>47573</v>
      </c>
      <c r="F557" s="9" t="s">
        <v>40</v>
      </c>
      <c r="G557" s="12">
        <v>555</v>
      </c>
      <c r="H557" s="12">
        <f t="shared" si="16"/>
        <v>12</v>
      </c>
      <c r="I557" s="12">
        <f t="shared" si="17"/>
        <v>17</v>
      </c>
    </row>
    <row r="558" spans="1:9" s="5" customFormat="1" ht="27.75" customHeight="1" x14ac:dyDescent="0.4">
      <c r="A558" s="9" t="s">
        <v>137</v>
      </c>
      <c r="B558" s="14" t="s">
        <v>1126</v>
      </c>
      <c r="C558" s="9" t="s">
        <v>1127</v>
      </c>
      <c r="D558" s="18">
        <v>1412211886</v>
      </c>
      <c r="E558" s="11">
        <v>46843</v>
      </c>
      <c r="F558" s="9" t="s">
        <v>40</v>
      </c>
      <c r="G558" s="5">
        <v>556</v>
      </c>
      <c r="H558" s="12">
        <f t="shared" si="16"/>
        <v>19</v>
      </c>
      <c r="I558" s="12">
        <f t="shared" si="17"/>
        <v>10</v>
      </c>
    </row>
    <row r="559" spans="1:9" s="5" customFormat="1" ht="27.75" customHeight="1" x14ac:dyDescent="0.4">
      <c r="A559" s="9" t="s">
        <v>137</v>
      </c>
      <c r="B559" s="9" t="s">
        <v>1128</v>
      </c>
      <c r="C559" s="9" t="s">
        <v>1129</v>
      </c>
      <c r="D559" s="18">
        <v>1412210037</v>
      </c>
      <c r="E559" s="11">
        <v>46387</v>
      </c>
      <c r="F559" s="9" t="s">
        <v>40</v>
      </c>
      <c r="G559" s="12">
        <v>557</v>
      </c>
      <c r="H559" s="12">
        <f t="shared" si="16"/>
        <v>19</v>
      </c>
      <c r="I559" s="12">
        <f t="shared" si="17"/>
        <v>8</v>
      </c>
    </row>
    <row r="560" spans="1:9" s="5" customFormat="1" ht="27.75" customHeight="1" x14ac:dyDescent="0.4">
      <c r="A560" s="9" t="s">
        <v>137</v>
      </c>
      <c r="B560" s="9" t="s">
        <v>1130</v>
      </c>
      <c r="C560" s="9" t="s">
        <v>1131</v>
      </c>
      <c r="D560" s="18">
        <v>1412208635</v>
      </c>
      <c r="E560" s="11">
        <v>46446</v>
      </c>
      <c r="F560" s="9" t="s">
        <v>40</v>
      </c>
      <c r="G560" s="5">
        <v>558</v>
      </c>
      <c r="H560" s="12">
        <f t="shared" si="16"/>
        <v>14</v>
      </c>
      <c r="I560" s="12">
        <f t="shared" si="17"/>
        <v>9</v>
      </c>
    </row>
    <row r="561" spans="1:35" s="5" customFormat="1" ht="27.75" customHeight="1" x14ac:dyDescent="0.4">
      <c r="A561" s="9" t="s">
        <v>137</v>
      </c>
      <c r="B561" s="9" t="s">
        <v>1132</v>
      </c>
      <c r="C561" s="13" t="s">
        <v>1133</v>
      </c>
      <c r="D561" s="18">
        <v>1412208478</v>
      </c>
      <c r="E561" s="11">
        <v>46387</v>
      </c>
      <c r="F561" s="9" t="s">
        <v>40</v>
      </c>
      <c r="G561" s="12">
        <v>559</v>
      </c>
      <c r="H561" s="12">
        <f t="shared" si="16"/>
        <v>21</v>
      </c>
      <c r="I561" s="12">
        <f t="shared" si="17"/>
        <v>7</v>
      </c>
    </row>
    <row r="562" spans="1:35" s="5" customFormat="1" ht="27.75" customHeight="1" x14ac:dyDescent="0.4">
      <c r="A562" s="9" t="s">
        <v>137</v>
      </c>
      <c r="B562" s="9" t="s">
        <v>1134</v>
      </c>
      <c r="C562" s="9" t="s">
        <v>1135</v>
      </c>
      <c r="D562" s="18">
        <v>1412200012</v>
      </c>
      <c r="E562" s="11">
        <v>46387</v>
      </c>
      <c r="F562" s="9" t="s">
        <v>40</v>
      </c>
      <c r="G562" s="5">
        <v>560</v>
      </c>
      <c r="H562" s="12">
        <f t="shared" si="16"/>
        <v>11</v>
      </c>
      <c r="I562" s="12">
        <f t="shared" si="17"/>
        <v>16</v>
      </c>
      <c r="J562" s="12"/>
      <c r="K562" s="12"/>
      <c r="L562" s="12"/>
      <c r="M562" s="12"/>
      <c r="N562" s="12"/>
      <c r="O562" s="12"/>
      <c r="P562" s="12"/>
      <c r="Q562" s="12"/>
      <c r="R562" s="12"/>
      <c r="S562" s="12"/>
      <c r="T562" s="12"/>
      <c r="U562" s="12"/>
      <c r="V562" s="12"/>
      <c r="W562" s="12"/>
      <c r="X562" s="12"/>
      <c r="Y562" s="12"/>
      <c r="Z562" s="12"/>
      <c r="AA562" s="12"/>
      <c r="AB562" s="12"/>
      <c r="AC562" s="12"/>
      <c r="AD562" s="12"/>
      <c r="AE562" s="12"/>
      <c r="AF562" s="12"/>
      <c r="AG562" s="12"/>
      <c r="AH562" s="12"/>
      <c r="AI562" s="12"/>
    </row>
    <row r="563" spans="1:35" s="5" customFormat="1" ht="27.75" customHeight="1" x14ac:dyDescent="0.4">
      <c r="A563" s="9" t="s">
        <v>137</v>
      </c>
      <c r="B563" s="9" t="s">
        <v>1136</v>
      </c>
      <c r="C563" s="9" t="s">
        <v>1137</v>
      </c>
      <c r="D563" s="18">
        <v>1412206332</v>
      </c>
      <c r="E563" s="11">
        <v>47634</v>
      </c>
      <c r="F563" s="9" t="s">
        <v>40</v>
      </c>
      <c r="G563" s="12">
        <v>561</v>
      </c>
      <c r="H563" s="12">
        <f t="shared" si="16"/>
        <v>11</v>
      </c>
      <c r="I563" s="12">
        <f t="shared" si="17"/>
        <v>19</v>
      </c>
    </row>
    <row r="564" spans="1:35" s="5" customFormat="1" ht="27.75" customHeight="1" x14ac:dyDescent="0.4">
      <c r="A564" s="13" t="s">
        <v>137</v>
      </c>
      <c r="B564" s="13" t="s">
        <v>1138</v>
      </c>
      <c r="C564" s="13" t="s">
        <v>1139</v>
      </c>
      <c r="D564" s="18">
        <v>1412212223</v>
      </c>
      <c r="E564" s="11">
        <v>47299</v>
      </c>
      <c r="F564" s="9" t="s">
        <v>40</v>
      </c>
      <c r="G564" s="5">
        <v>562</v>
      </c>
      <c r="H564" s="12">
        <f t="shared" si="16"/>
        <v>16</v>
      </c>
      <c r="I564" s="12">
        <f t="shared" si="17"/>
        <v>13</v>
      </c>
    </row>
    <row r="565" spans="1:35" s="5" customFormat="1" ht="27.75" customHeight="1" x14ac:dyDescent="0.4">
      <c r="A565" s="9" t="s">
        <v>137</v>
      </c>
      <c r="B565" s="9" t="s">
        <v>1140</v>
      </c>
      <c r="C565" s="9" t="s">
        <v>1141</v>
      </c>
      <c r="D565" s="18">
        <v>1412210524</v>
      </c>
      <c r="E565" s="11">
        <v>48457</v>
      </c>
      <c r="F565" s="9" t="s">
        <v>40</v>
      </c>
      <c r="G565" s="12">
        <v>563</v>
      </c>
      <c r="H565" s="12">
        <f t="shared" si="16"/>
        <v>13</v>
      </c>
      <c r="I565" s="12">
        <f t="shared" si="17"/>
        <v>14</v>
      </c>
    </row>
    <row r="566" spans="1:35" s="5" customFormat="1" ht="27.75" customHeight="1" x14ac:dyDescent="0.4">
      <c r="A566" s="9" t="s">
        <v>137</v>
      </c>
      <c r="B566" s="22" t="s">
        <v>1142</v>
      </c>
      <c r="C566" s="50" t="s">
        <v>1143</v>
      </c>
      <c r="D566" s="10">
        <v>1412212447</v>
      </c>
      <c r="E566" s="11">
        <v>47756</v>
      </c>
      <c r="F566" s="9" t="s">
        <v>40</v>
      </c>
      <c r="G566" s="5">
        <v>564</v>
      </c>
      <c r="H566" s="12">
        <f t="shared" si="16"/>
        <v>35</v>
      </c>
      <c r="I566" s="12">
        <f t="shared" si="17"/>
        <v>18</v>
      </c>
    </row>
    <row r="567" spans="1:35" s="5" customFormat="1" ht="27.75" customHeight="1" x14ac:dyDescent="0.4">
      <c r="A567" s="9" t="s">
        <v>137</v>
      </c>
      <c r="B567" s="9" t="s">
        <v>1144</v>
      </c>
      <c r="C567" s="51" t="s">
        <v>1145</v>
      </c>
      <c r="D567" s="18">
        <v>1412210631</v>
      </c>
      <c r="E567" s="11">
        <v>47026</v>
      </c>
      <c r="F567" s="9" t="s">
        <v>40</v>
      </c>
      <c r="G567" s="12">
        <v>565</v>
      </c>
      <c r="H567" s="12">
        <f t="shared" si="16"/>
        <v>37</v>
      </c>
      <c r="I567" s="12">
        <f t="shared" si="17"/>
        <v>30</v>
      </c>
    </row>
    <row r="568" spans="1:35" s="5" customFormat="1" ht="27.75" customHeight="1" x14ac:dyDescent="0.4">
      <c r="A568" s="9" t="s">
        <v>137</v>
      </c>
      <c r="B568" s="9" t="s">
        <v>1146</v>
      </c>
      <c r="C568" s="9" t="s">
        <v>1147</v>
      </c>
      <c r="D568" s="18">
        <v>1412207595</v>
      </c>
      <c r="E568" s="11">
        <v>46387</v>
      </c>
      <c r="F568" s="9" t="s">
        <v>40</v>
      </c>
      <c r="G568" s="5">
        <v>566</v>
      </c>
      <c r="H568" s="12">
        <f t="shared" si="16"/>
        <v>16</v>
      </c>
      <c r="I568" s="12">
        <f t="shared" si="17"/>
        <v>7</v>
      </c>
    </row>
    <row r="569" spans="1:35" s="5" customFormat="1" ht="27.75" customHeight="1" x14ac:dyDescent="0.4">
      <c r="A569" s="17" t="s">
        <v>137</v>
      </c>
      <c r="B569" s="13" t="s">
        <v>1148</v>
      </c>
      <c r="C569" s="13" t="s">
        <v>1149</v>
      </c>
      <c r="D569" s="18">
        <v>1412208023</v>
      </c>
      <c r="E569" s="11">
        <v>46387</v>
      </c>
      <c r="F569" s="9" t="s">
        <v>40</v>
      </c>
      <c r="G569" s="12">
        <v>567</v>
      </c>
      <c r="H569" s="12">
        <f t="shared" si="16"/>
        <v>24</v>
      </c>
      <c r="I569" s="12">
        <f t="shared" si="17"/>
        <v>10</v>
      </c>
    </row>
    <row r="570" spans="1:35" s="5" customFormat="1" ht="27.75" customHeight="1" x14ac:dyDescent="0.4">
      <c r="A570" s="9" t="s">
        <v>137</v>
      </c>
      <c r="B570" s="9" t="s">
        <v>931</v>
      </c>
      <c r="C570" s="9" t="s">
        <v>1150</v>
      </c>
      <c r="D570" s="18">
        <v>1412204691</v>
      </c>
      <c r="E570" s="11">
        <v>46387</v>
      </c>
      <c r="F570" s="9" t="s">
        <v>40</v>
      </c>
      <c r="G570" s="5">
        <v>568</v>
      </c>
      <c r="H570" s="12">
        <f t="shared" si="16"/>
        <v>16</v>
      </c>
      <c r="I570" s="12">
        <f t="shared" si="17"/>
        <v>6</v>
      </c>
    </row>
    <row r="571" spans="1:35" s="5" customFormat="1" ht="27.75" customHeight="1" x14ac:dyDescent="0.4">
      <c r="A571" s="9" t="s">
        <v>137</v>
      </c>
      <c r="B571" s="9" t="s">
        <v>1151</v>
      </c>
      <c r="C571" s="9" t="s">
        <v>1152</v>
      </c>
      <c r="D571" s="18">
        <v>1412212181</v>
      </c>
      <c r="E571" s="11">
        <v>47269</v>
      </c>
      <c r="F571" s="9" t="s">
        <v>40</v>
      </c>
      <c r="G571" s="12">
        <v>569</v>
      </c>
      <c r="H571" s="12">
        <f t="shared" si="16"/>
        <v>26</v>
      </c>
      <c r="I571" s="12">
        <f t="shared" si="17"/>
        <v>6</v>
      </c>
    </row>
    <row r="572" spans="1:35" s="5" customFormat="1" ht="27.75" customHeight="1" x14ac:dyDescent="0.4">
      <c r="A572" s="9" t="s">
        <v>137</v>
      </c>
      <c r="B572" s="9" t="s">
        <v>1153</v>
      </c>
      <c r="C572" s="9" t="s">
        <v>1154</v>
      </c>
      <c r="D572" s="18">
        <v>1412210334</v>
      </c>
      <c r="E572" s="11">
        <v>46538</v>
      </c>
      <c r="F572" s="9" t="s">
        <v>40</v>
      </c>
      <c r="G572" s="5">
        <v>570</v>
      </c>
      <c r="H572" s="12">
        <f t="shared" si="16"/>
        <v>21</v>
      </c>
      <c r="I572" s="12">
        <f t="shared" si="17"/>
        <v>10</v>
      </c>
    </row>
    <row r="573" spans="1:35" s="5" customFormat="1" ht="27.75" customHeight="1" x14ac:dyDescent="0.4">
      <c r="A573" s="9" t="s">
        <v>137</v>
      </c>
      <c r="B573" s="9" t="s">
        <v>1155</v>
      </c>
      <c r="C573" s="49" t="s">
        <v>1156</v>
      </c>
      <c r="D573" s="18">
        <v>1412212827</v>
      </c>
      <c r="E573" s="11">
        <v>48213</v>
      </c>
      <c r="F573" s="9" t="s">
        <v>40</v>
      </c>
      <c r="G573" s="12">
        <v>571</v>
      </c>
      <c r="H573" s="12">
        <f t="shared" si="16"/>
        <v>33</v>
      </c>
      <c r="I573" s="12">
        <f t="shared" si="17"/>
        <v>21</v>
      </c>
    </row>
    <row r="574" spans="1:35" s="5" customFormat="1" ht="27.75" customHeight="1" x14ac:dyDescent="0.4">
      <c r="A574" s="13" t="s">
        <v>137</v>
      </c>
      <c r="B574" s="13" t="s">
        <v>1157</v>
      </c>
      <c r="C574" s="13" t="s">
        <v>1158</v>
      </c>
      <c r="D574" s="26">
        <v>1412208536</v>
      </c>
      <c r="E574" s="11">
        <v>46387</v>
      </c>
      <c r="F574" s="9" t="s">
        <v>40</v>
      </c>
      <c r="G574" s="5">
        <v>572</v>
      </c>
      <c r="H574" s="12">
        <f t="shared" si="16"/>
        <v>13</v>
      </c>
      <c r="I574" s="12">
        <f t="shared" si="17"/>
        <v>17</v>
      </c>
    </row>
    <row r="575" spans="1:35" s="5" customFormat="1" ht="27.75" customHeight="1" x14ac:dyDescent="0.4">
      <c r="A575" s="9" t="s">
        <v>137</v>
      </c>
      <c r="B575" s="9" t="s">
        <v>1159</v>
      </c>
      <c r="C575" s="9" t="s">
        <v>1160</v>
      </c>
      <c r="D575" s="18">
        <v>1412208452</v>
      </c>
      <c r="E575" s="11">
        <v>46387</v>
      </c>
      <c r="F575" s="9" t="s">
        <v>40</v>
      </c>
      <c r="G575" s="12">
        <v>573</v>
      </c>
      <c r="H575" s="12">
        <f t="shared" si="16"/>
        <v>23</v>
      </c>
      <c r="I575" s="12">
        <f t="shared" si="17"/>
        <v>11</v>
      </c>
    </row>
    <row r="576" spans="1:35" s="5" customFormat="1" ht="27.75" customHeight="1" x14ac:dyDescent="0.4">
      <c r="A576" s="9" t="s">
        <v>137</v>
      </c>
      <c r="B576" s="9" t="s">
        <v>1161</v>
      </c>
      <c r="C576" s="9" t="s">
        <v>1162</v>
      </c>
      <c r="D576" s="18">
        <v>1412211522</v>
      </c>
      <c r="E576" s="11">
        <v>46843</v>
      </c>
      <c r="F576" s="9" t="s">
        <v>40</v>
      </c>
      <c r="G576" s="5">
        <v>574</v>
      </c>
      <c r="H576" s="12">
        <f t="shared" si="16"/>
        <v>14</v>
      </c>
      <c r="I576" s="12">
        <f t="shared" si="17"/>
        <v>4</v>
      </c>
    </row>
    <row r="577" spans="1:35" s="5" customFormat="1" ht="27.75" customHeight="1" x14ac:dyDescent="0.4">
      <c r="A577" s="9" t="s">
        <v>137</v>
      </c>
      <c r="B577" s="9" t="s">
        <v>1163</v>
      </c>
      <c r="C577" s="9" t="s">
        <v>1164</v>
      </c>
      <c r="D577" s="18">
        <v>1412211670</v>
      </c>
      <c r="E577" s="11">
        <v>46446</v>
      </c>
      <c r="F577" s="9" t="s">
        <v>40</v>
      </c>
      <c r="G577" s="12">
        <v>575</v>
      </c>
      <c r="H577" s="12">
        <f t="shared" si="16"/>
        <v>22</v>
      </c>
      <c r="I577" s="12">
        <f t="shared" si="17"/>
        <v>9</v>
      </c>
    </row>
    <row r="578" spans="1:35" s="5" customFormat="1" ht="27.75" customHeight="1" x14ac:dyDescent="0.4">
      <c r="A578" s="9" t="s">
        <v>137</v>
      </c>
      <c r="B578" s="9" t="s">
        <v>1165</v>
      </c>
      <c r="C578" s="9" t="s">
        <v>1166</v>
      </c>
      <c r="D578" s="18">
        <v>1412207223</v>
      </c>
      <c r="E578" s="11">
        <v>46387</v>
      </c>
      <c r="F578" s="9" t="s">
        <v>40</v>
      </c>
      <c r="G578" s="5">
        <v>576</v>
      </c>
      <c r="H578" s="12">
        <f t="shared" si="16"/>
        <v>15</v>
      </c>
      <c r="I578" s="12">
        <f t="shared" si="17"/>
        <v>18</v>
      </c>
    </row>
    <row r="579" spans="1:35" s="5" customFormat="1" ht="27.75" customHeight="1" x14ac:dyDescent="0.4">
      <c r="A579" s="9" t="s">
        <v>137</v>
      </c>
      <c r="B579" s="9" t="s">
        <v>1167</v>
      </c>
      <c r="C579" s="9" t="s">
        <v>1168</v>
      </c>
      <c r="D579" s="18">
        <v>1412207611</v>
      </c>
      <c r="E579" s="11">
        <v>46387</v>
      </c>
      <c r="F579" s="9" t="s">
        <v>40</v>
      </c>
      <c r="G579" s="12">
        <v>577</v>
      </c>
      <c r="H579" s="12">
        <f t="shared" si="16"/>
        <v>15</v>
      </c>
      <c r="I579" s="12">
        <f t="shared" si="17"/>
        <v>6</v>
      </c>
    </row>
    <row r="580" spans="1:35" s="5" customFormat="1" ht="27.75" customHeight="1" x14ac:dyDescent="0.4">
      <c r="A580" s="9" t="s">
        <v>137</v>
      </c>
      <c r="B580" s="9" t="s">
        <v>1169</v>
      </c>
      <c r="C580" s="9" t="s">
        <v>1170</v>
      </c>
      <c r="D580" s="18">
        <v>1412210045</v>
      </c>
      <c r="E580" s="11">
        <v>46387</v>
      </c>
      <c r="F580" s="9" t="s">
        <v>40</v>
      </c>
      <c r="G580" s="5">
        <v>578</v>
      </c>
      <c r="H580" s="12">
        <f t="shared" ref="H580:H643" si="18">LEN(C580)</f>
        <v>27</v>
      </c>
      <c r="I580" s="12">
        <f t="shared" ref="I580:I643" si="19">LEN(B580)</f>
        <v>10</v>
      </c>
    </row>
    <row r="581" spans="1:35" s="5" customFormat="1" ht="27.75" customHeight="1" x14ac:dyDescent="0.4">
      <c r="A581" s="9" t="s">
        <v>137</v>
      </c>
      <c r="B581" s="9" t="s">
        <v>1171</v>
      </c>
      <c r="C581" s="9" t="s">
        <v>1172</v>
      </c>
      <c r="D581" s="18">
        <v>1412212363</v>
      </c>
      <c r="E581" s="11">
        <v>47603</v>
      </c>
      <c r="F581" s="9" t="s">
        <v>40</v>
      </c>
      <c r="G581" s="12">
        <v>579</v>
      </c>
      <c r="H581" s="12">
        <f t="shared" si="18"/>
        <v>27</v>
      </c>
      <c r="I581" s="12">
        <f t="shared" si="19"/>
        <v>23</v>
      </c>
    </row>
    <row r="582" spans="1:35" s="5" customFormat="1" ht="27.75" customHeight="1" x14ac:dyDescent="0.4">
      <c r="A582" s="9" t="s">
        <v>137</v>
      </c>
      <c r="B582" s="9" t="s">
        <v>1173</v>
      </c>
      <c r="C582" s="9" t="s">
        <v>1174</v>
      </c>
      <c r="D582" s="18">
        <v>1412205045</v>
      </c>
      <c r="E582" s="11">
        <v>46387</v>
      </c>
      <c r="F582" s="9" t="s">
        <v>40</v>
      </c>
      <c r="G582" s="5">
        <v>580</v>
      </c>
      <c r="H582" s="12">
        <f t="shared" si="18"/>
        <v>14</v>
      </c>
      <c r="I582" s="12">
        <f t="shared" si="19"/>
        <v>3</v>
      </c>
    </row>
    <row r="583" spans="1:35" s="5" customFormat="1" ht="27.75" customHeight="1" x14ac:dyDescent="0.4">
      <c r="A583" s="9" t="s">
        <v>137</v>
      </c>
      <c r="B583" s="9" t="s">
        <v>1175</v>
      </c>
      <c r="C583" s="9" t="s">
        <v>1176</v>
      </c>
      <c r="D583" s="18">
        <v>1412206167</v>
      </c>
      <c r="E583" s="11">
        <v>46387</v>
      </c>
      <c r="F583" s="9" t="s">
        <v>40</v>
      </c>
      <c r="G583" s="12">
        <v>581</v>
      </c>
      <c r="H583" s="12">
        <f t="shared" si="18"/>
        <v>23</v>
      </c>
      <c r="I583" s="12">
        <f t="shared" si="19"/>
        <v>6</v>
      </c>
    </row>
    <row r="584" spans="1:35" s="5" customFormat="1" ht="27.75" customHeight="1" x14ac:dyDescent="0.4">
      <c r="A584" s="9" t="s">
        <v>137</v>
      </c>
      <c r="B584" s="13" t="s">
        <v>1177</v>
      </c>
      <c r="C584" s="13" t="s">
        <v>1178</v>
      </c>
      <c r="D584" s="18">
        <v>1412205920</v>
      </c>
      <c r="E584" s="11">
        <v>46387</v>
      </c>
      <c r="F584" s="9" t="s">
        <v>40</v>
      </c>
      <c r="G584" s="5">
        <v>582</v>
      </c>
      <c r="H584" s="12">
        <f t="shared" si="18"/>
        <v>14</v>
      </c>
      <c r="I584" s="12">
        <f t="shared" si="19"/>
        <v>5</v>
      </c>
    </row>
    <row r="585" spans="1:35" s="5" customFormat="1" ht="27.75" customHeight="1" x14ac:dyDescent="0.4">
      <c r="A585" s="9" t="s">
        <v>137</v>
      </c>
      <c r="B585" s="9" t="s">
        <v>1179</v>
      </c>
      <c r="C585" s="9" t="s">
        <v>1180</v>
      </c>
      <c r="D585" s="18">
        <v>1412211704</v>
      </c>
      <c r="E585" s="11">
        <v>47726</v>
      </c>
      <c r="F585" s="9" t="s">
        <v>40</v>
      </c>
      <c r="G585" s="12">
        <v>583</v>
      </c>
      <c r="H585" s="12">
        <f t="shared" si="18"/>
        <v>22</v>
      </c>
      <c r="I585" s="12">
        <f t="shared" si="19"/>
        <v>21</v>
      </c>
    </row>
    <row r="586" spans="1:35" s="5" customFormat="1" ht="27.75" customHeight="1" x14ac:dyDescent="0.4">
      <c r="A586" s="9" t="s">
        <v>137</v>
      </c>
      <c r="B586" s="9" t="s">
        <v>1181</v>
      </c>
      <c r="C586" s="9" t="s">
        <v>1182</v>
      </c>
      <c r="D586" s="18">
        <v>1412210383</v>
      </c>
      <c r="E586" s="11">
        <v>46660</v>
      </c>
      <c r="F586" s="9" t="s">
        <v>40</v>
      </c>
      <c r="G586" s="5">
        <v>584</v>
      </c>
      <c r="H586" s="12">
        <f t="shared" si="18"/>
        <v>12</v>
      </c>
      <c r="I586" s="12">
        <f t="shared" si="19"/>
        <v>8</v>
      </c>
      <c r="J586" s="12"/>
      <c r="K586" s="12"/>
      <c r="L586" s="12"/>
      <c r="M586" s="12"/>
      <c r="N586" s="12"/>
      <c r="O586" s="12"/>
      <c r="P586" s="12"/>
      <c r="Q586" s="12"/>
      <c r="R586" s="12"/>
      <c r="S586" s="12"/>
      <c r="T586" s="12"/>
      <c r="U586" s="12"/>
      <c r="V586" s="12"/>
      <c r="W586" s="12"/>
      <c r="X586" s="12"/>
      <c r="Y586" s="12"/>
      <c r="Z586" s="12"/>
      <c r="AA586" s="12"/>
      <c r="AB586" s="12"/>
      <c r="AC586" s="12"/>
      <c r="AD586" s="12"/>
      <c r="AE586" s="12"/>
      <c r="AF586" s="12"/>
      <c r="AG586" s="12"/>
      <c r="AH586" s="12"/>
      <c r="AI586" s="12"/>
    </row>
    <row r="587" spans="1:35" s="5" customFormat="1" ht="27.75" customHeight="1" x14ac:dyDescent="0.4">
      <c r="A587" s="9" t="s">
        <v>137</v>
      </c>
      <c r="B587" s="9" t="s">
        <v>1183</v>
      </c>
      <c r="C587" s="9" t="s">
        <v>1184</v>
      </c>
      <c r="D587" s="18">
        <v>1412212421</v>
      </c>
      <c r="E587" s="11">
        <v>47664</v>
      </c>
      <c r="F587" s="9" t="s">
        <v>40</v>
      </c>
      <c r="G587" s="12">
        <v>585</v>
      </c>
      <c r="H587" s="12">
        <f t="shared" si="18"/>
        <v>14</v>
      </c>
      <c r="I587" s="12">
        <f t="shared" si="19"/>
        <v>6</v>
      </c>
    </row>
    <row r="588" spans="1:35" s="5" customFormat="1" ht="27.75" customHeight="1" x14ac:dyDescent="0.4">
      <c r="A588" s="9" t="s">
        <v>137</v>
      </c>
      <c r="B588" s="9" t="s">
        <v>1185</v>
      </c>
      <c r="C588" s="9" t="s">
        <v>1186</v>
      </c>
      <c r="D588" s="18">
        <v>1412204089</v>
      </c>
      <c r="E588" s="11">
        <v>46477</v>
      </c>
      <c r="F588" s="9" t="s">
        <v>40</v>
      </c>
      <c r="G588" s="5">
        <v>586</v>
      </c>
      <c r="H588" s="12">
        <f t="shared" si="18"/>
        <v>11</v>
      </c>
      <c r="I588" s="12">
        <f t="shared" si="19"/>
        <v>6</v>
      </c>
    </row>
    <row r="589" spans="1:35" s="5" customFormat="1" ht="27.75" customHeight="1" x14ac:dyDescent="0.4">
      <c r="A589" s="13" t="s">
        <v>137</v>
      </c>
      <c r="B589" s="13" t="s">
        <v>1187</v>
      </c>
      <c r="C589" s="13" t="s">
        <v>1188</v>
      </c>
      <c r="D589" s="26">
        <v>1412208213</v>
      </c>
      <c r="E589" s="11">
        <v>46387</v>
      </c>
      <c r="F589" s="9" t="s">
        <v>40</v>
      </c>
      <c r="G589" s="12">
        <v>587</v>
      </c>
      <c r="H589" s="12">
        <f t="shared" si="18"/>
        <v>11</v>
      </c>
      <c r="I589" s="12">
        <f t="shared" si="19"/>
        <v>20</v>
      </c>
    </row>
    <row r="590" spans="1:35" s="5" customFormat="1" ht="27.75" customHeight="1" x14ac:dyDescent="0.4">
      <c r="A590" s="9" t="s">
        <v>137</v>
      </c>
      <c r="B590" s="9" t="s">
        <v>1189</v>
      </c>
      <c r="C590" s="9" t="s">
        <v>1190</v>
      </c>
      <c r="D590" s="18">
        <v>1412205680</v>
      </c>
      <c r="E590" s="11">
        <v>46387</v>
      </c>
      <c r="F590" s="9" t="s">
        <v>40</v>
      </c>
      <c r="G590" s="5">
        <v>588</v>
      </c>
      <c r="H590" s="12">
        <f t="shared" si="18"/>
        <v>9</v>
      </c>
      <c r="I590" s="12">
        <f t="shared" si="19"/>
        <v>6</v>
      </c>
    </row>
    <row r="591" spans="1:35" s="5" customFormat="1" ht="27.75" customHeight="1" x14ac:dyDescent="0.4">
      <c r="A591" s="9" t="s">
        <v>137</v>
      </c>
      <c r="B591" s="9" t="s">
        <v>1191</v>
      </c>
      <c r="C591" s="9" t="s">
        <v>1192</v>
      </c>
      <c r="D591" s="18">
        <v>1412206241</v>
      </c>
      <c r="E591" s="11">
        <v>46387</v>
      </c>
      <c r="F591" s="9" t="s">
        <v>40</v>
      </c>
      <c r="G591" s="12">
        <v>589</v>
      </c>
      <c r="H591" s="12">
        <f t="shared" si="18"/>
        <v>10</v>
      </c>
      <c r="I591" s="12">
        <f t="shared" si="19"/>
        <v>7</v>
      </c>
    </row>
    <row r="592" spans="1:35" s="5" customFormat="1" ht="27.75" customHeight="1" x14ac:dyDescent="0.4">
      <c r="A592" s="9" t="s">
        <v>137</v>
      </c>
      <c r="B592" s="13" t="s">
        <v>1193</v>
      </c>
      <c r="C592" s="13" t="s">
        <v>1194</v>
      </c>
      <c r="D592" s="18">
        <v>1412207892</v>
      </c>
      <c r="E592" s="11">
        <v>46387</v>
      </c>
      <c r="F592" s="9" t="s">
        <v>40</v>
      </c>
      <c r="G592" s="5">
        <v>590</v>
      </c>
      <c r="H592" s="12">
        <f t="shared" si="18"/>
        <v>18</v>
      </c>
      <c r="I592" s="12">
        <f t="shared" si="19"/>
        <v>10</v>
      </c>
    </row>
    <row r="593" spans="1:35" s="5" customFormat="1" ht="27.75" customHeight="1" x14ac:dyDescent="0.4">
      <c r="A593" s="9" t="s">
        <v>137</v>
      </c>
      <c r="B593" s="9" t="s">
        <v>1195</v>
      </c>
      <c r="C593" s="9" t="s">
        <v>1196</v>
      </c>
      <c r="D593" s="18">
        <v>1412208015</v>
      </c>
      <c r="E593" s="11">
        <v>47026</v>
      </c>
      <c r="F593" s="9" t="s">
        <v>40</v>
      </c>
      <c r="G593" s="12">
        <v>591</v>
      </c>
      <c r="H593" s="12">
        <f t="shared" si="18"/>
        <v>18</v>
      </c>
      <c r="I593" s="12">
        <f t="shared" si="19"/>
        <v>8</v>
      </c>
    </row>
    <row r="594" spans="1:35" s="5" customFormat="1" ht="27.75" customHeight="1" x14ac:dyDescent="0.4">
      <c r="A594" s="9" t="s">
        <v>137</v>
      </c>
      <c r="B594" s="9" t="s">
        <v>1197</v>
      </c>
      <c r="C594" s="9" t="s">
        <v>1198</v>
      </c>
      <c r="D594" s="18">
        <v>1412212439</v>
      </c>
      <c r="E594" s="11">
        <v>48152</v>
      </c>
      <c r="F594" s="9" t="s">
        <v>40</v>
      </c>
      <c r="G594" s="5">
        <v>592</v>
      </c>
      <c r="H594" s="12">
        <f t="shared" si="18"/>
        <v>20</v>
      </c>
      <c r="I594" s="12">
        <f t="shared" si="19"/>
        <v>10</v>
      </c>
    </row>
    <row r="595" spans="1:35" s="5" customFormat="1" ht="27.75" customHeight="1" x14ac:dyDescent="0.4">
      <c r="A595" s="9" t="s">
        <v>137</v>
      </c>
      <c r="B595" s="9" t="s">
        <v>1199</v>
      </c>
      <c r="C595" s="9" t="s">
        <v>1200</v>
      </c>
      <c r="D595" s="18">
        <v>1412211761</v>
      </c>
      <c r="E595" s="11">
        <v>46477</v>
      </c>
      <c r="F595" s="9" t="s">
        <v>40</v>
      </c>
      <c r="G595" s="12">
        <v>593</v>
      </c>
      <c r="H595" s="12">
        <f t="shared" si="18"/>
        <v>10</v>
      </c>
      <c r="I595" s="12">
        <f t="shared" si="19"/>
        <v>16</v>
      </c>
    </row>
    <row r="596" spans="1:35" s="5" customFormat="1" ht="27.75" customHeight="1" x14ac:dyDescent="0.4">
      <c r="A596" s="9" t="s">
        <v>137</v>
      </c>
      <c r="B596" s="13" t="s">
        <v>1201</v>
      </c>
      <c r="C596" s="9" t="s">
        <v>1202</v>
      </c>
      <c r="D596" s="18">
        <v>1412207132</v>
      </c>
      <c r="E596" s="11">
        <v>46387</v>
      </c>
      <c r="F596" s="9" t="s">
        <v>40</v>
      </c>
      <c r="G596" s="5">
        <v>594</v>
      </c>
      <c r="H596" s="12">
        <f t="shared" si="18"/>
        <v>22</v>
      </c>
      <c r="I596" s="12">
        <f t="shared" si="19"/>
        <v>11</v>
      </c>
    </row>
    <row r="597" spans="1:35" s="5" customFormat="1" ht="27.75" customHeight="1" x14ac:dyDescent="0.4">
      <c r="A597" s="15" t="s">
        <v>137</v>
      </c>
      <c r="B597" s="16" t="s">
        <v>1203</v>
      </c>
      <c r="C597" s="22" t="s">
        <v>1204</v>
      </c>
      <c r="D597" s="10">
        <v>1412211498</v>
      </c>
      <c r="E597" s="11">
        <v>48244</v>
      </c>
      <c r="F597" s="9" t="s">
        <v>40</v>
      </c>
      <c r="G597" s="12">
        <v>595</v>
      </c>
      <c r="H597" s="12">
        <f t="shared" si="18"/>
        <v>24</v>
      </c>
      <c r="I597" s="12">
        <f t="shared" si="19"/>
        <v>11</v>
      </c>
    </row>
    <row r="598" spans="1:35" s="5" customFormat="1" ht="27.75" customHeight="1" x14ac:dyDescent="0.4">
      <c r="A598" s="9" t="s">
        <v>137</v>
      </c>
      <c r="B598" s="13" t="s">
        <v>1205</v>
      </c>
      <c r="C598" s="13" t="s">
        <v>1206</v>
      </c>
      <c r="D598" s="18">
        <v>1412202778</v>
      </c>
      <c r="E598" s="11">
        <v>46387</v>
      </c>
      <c r="F598" s="9" t="s">
        <v>40</v>
      </c>
      <c r="G598" s="5">
        <v>596</v>
      </c>
      <c r="H598" s="12">
        <f t="shared" si="18"/>
        <v>12</v>
      </c>
      <c r="I598" s="12">
        <f t="shared" si="19"/>
        <v>6</v>
      </c>
    </row>
    <row r="599" spans="1:35" s="5" customFormat="1" ht="27.75" customHeight="1" x14ac:dyDescent="0.4">
      <c r="A599" s="9" t="s">
        <v>137</v>
      </c>
      <c r="B599" s="9" t="s">
        <v>1207</v>
      </c>
      <c r="C599" s="9" t="s">
        <v>1208</v>
      </c>
      <c r="D599" s="18">
        <v>1412204956</v>
      </c>
      <c r="E599" s="11">
        <v>46387</v>
      </c>
      <c r="F599" s="9" t="s">
        <v>40</v>
      </c>
      <c r="G599" s="12">
        <v>597</v>
      </c>
      <c r="H599" s="12">
        <f t="shared" si="18"/>
        <v>11</v>
      </c>
      <c r="I599" s="12">
        <f t="shared" si="19"/>
        <v>14</v>
      </c>
    </row>
    <row r="600" spans="1:35" s="5" customFormat="1" ht="27.75" customHeight="1" x14ac:dyDescent="0.4">
      <c r="A600" s="9" t="s">
        <v>137</v>
      </c>
      <c r="B600" s="9" t="s">
        <v>1209</v>
      </c>
      <c r="C600" s="9" t="s">
        <v>1210</v>
      </c>
      <c r="D600" s="18">
        <v>1412206589</v>
      </c>
      <c r="E600" s="11">
        <v>46387</v>
      </c>
      <c r="F600" s="9" t="s">
        <v>40</v>
      </c>
      <c r="G600" s="5">
        <v>598</v>
      </c>
      <c r="H600" s="12">
        <f t="shared" si="18"/>
        <v>9</v>
      </c>
      <c r="I600" s="12">
        <f t="shared" si="19"/>
        <v>9</v>
      </c>
    </row>
    <row r="601" spans="1:35" s="5" customFormat="1" ht="27.75" customHeight="1" x14ac:dyDescent="0.4">
      <c r="A601" s="9" t="s">
        <v>137</v>
      </c>
      <c r="B601" s="9" t="s">
        <v>1211</v>
      </c>
      <c r="C601" s="9" t="s">
        <v>1212</v>
      </c>
      <c r="D601" s="18">
        <v>1412204733</v>
      </c>
      <c r="E601" s="11">
        <v>46387</v>
      </c>
      <c r="F601" s="9" t="s">
        <v>40</v>
      </c>
      <c r="G601" s="12">
        <v>599</v>
      </c>
      <c r="H601" s="12">
        <f t="shared" si="18"/>
        <v>10</v>
      </c>
      <c r="I601" s="12">
        <f t="shared" si="19"/>
        <v>6</v>
      </c>
    </row>
    <row r="602" spans="1:35" s="5" customFormat="1" ht="27.75" customHeight="1" x14ac:dyDescent="0.4">
      <c r="A602" s="9" t="s">
        <v>137</v>
      </c>
      <c r="B602" s="9" t="s">
        <v>1213</v>
      </c>
      <c r="C602" s="9" t="s">
        <v>1214</v>
      </c>
      <c r="D602" s="18">
        <v>1412206639</v>
      </c>
      <c r="E602" s="11">
        <v>46387</v>
      </c>
      <c r="F602" s="9" t="s">
        <v>40</v>
      </c>
      <c r="G602" s="5">
        <v>600</v>
      </c>
      <c r="H602" s="12">
        <f t="shared" si="18"/>
        <v>27</v>
      </c>
      <c r="I602" s="12">
        <f t="shared" si="19"/>
        <v>16</v>
      </c>
    </row>
    <row r="603" spans="1:35" s="5" customFormat="1" ht="27.75" customHeight="1" x14ac:dyDescent="0.4">
      <c r="A603" s="9" t="s">
        <v>137</v>
      </c>
      <c r="B603" s="9" t="s">
        <v>1215</v>
      </c>
      <c r="C603" s="9" t="s">
        <v>1216</v>
      </c>
      <c r="D603" s="18">
        <v>1412212561</v>
      </c>
      <c r="E603" s="11">
        <v>47879</v>
      </c>
      <c r="F603" s="9" t="s">
        <v>40</v>
      </c>
      <c r="G603" s="12">
        <v>601</v>
      </c>
      <c r="H603" s="12">
        <f t="shared" si="18"/>
        <v>24</v>
      </c>
      <c r="I603" s="12">
        <f t="shared" si="19"/>
        <v>22</v>
      </c>
    </row>
    <row r="604" spans="1:35" s="5" customFormat="1" ht="27.75" customHeight="1" x14ac:dyDescent="0.4">
      <c r="A604" s="9" t="s">
        <v>137</v>
      </c>
      <c r="B604" s="15" t="s">
        <v>1217</v>
      </c>
      <c r="C604" s="16" t="s">
        <v>1218</v>
      </c>
      <c r="D604" s="10">
        <v>1412212124</v>
      </c>
      <c r="E604" s="11">
        <v>47208</v>
      </c>
      <c r="F604" s="9" t="s">
        <v>40</v>
      </c>
      <c r="G604" s="5">
        <v>602</v>
      </c>
      <c r="H604" s="12">
        <f t="shared" si="18"/>
        <v>21</v>
      </c>
      <c r="I604" s="12">
        <f t="shared" si="19"/>
        <v>10</v>
      </c>
    </row>
    <row r="605" spans="1:35" s="5" customFormat="1" ht="27.75" customHeight="1" x14ac:dyDescent="0.4">
      <c r="A605" s="9" t="s">
        <v>137</v>
      </c>
      <c r="B605" s="9" t="s">
        <v>1219</v>
      </c>
      <c r="C605" s="9" t="s">
        <v>1220</v>
      </c>
      <c r="D605" s="18">
        <v>1412211845</v>
      </c>
      <c r="E605" s="11">
        <v>46752</v>
      </c>
      <c r="F605" s="9" t="s">
        <v>40</v>
      </c>
      <c r="G605" s="12">
        <v>603</v>
      </c>
      <c r="H605" s="12">
        <f t="shared" si="18"/>
        <v>25</v>
      </c>
      <c r="I605" s="12">
        <f t="shared" si="19"/>
        <v>8</v>
      </c>
    </row>
    <row r="606" spans="1:35" s="5" customFormat="1" ht="27.75" customHeight="1" x14ac:dyDescent="0.4">
      <c r="A606" s="9" t="s">
        <v>137</v>
      </c>
      <c r="B606" s="9" t="s">
        <v>1221</v>
      </c>
      <c r="C606" s="9" t="s">
        <v>1222</v>
      </c>
      <c r="D606" s="18">
        <v>1412211399</v>
      </c>
      <c r="E606" s="11">
        <v>48029</v>
      </c>
      <c r="F606" s="9" t="s">
        <v>40</v>
      </c>
      <c r="G606" s="5">
        <v>604</v>
      </c>
      <c r="H606" s="12">
        <f t="shared" si="18"/>
        <v>13</v>
      </c>
      <c r="I606" s="12">
        <f t="shared" si="19"/>
        <v>23</v>
      </c>
    </row>
    <row r="607" spans="1:35" s="5" customFormat="1" ht="27.75" customHeight="1" x14ac:dyDescent="0.4">
      <c r="A607" s="17" t="s">
        <v>137</v>
      </c>
      <c r="B607" s="9" t="s">
        <v>1223</v>
      </c>
      <c r="C607" s="9" t="s">
        <v>1224</v>
      </c>
      <c r="D607" s="18">
        <v>1412212629</v>
      </c>
      <c r="E607" s="11">
        <v>47968</v>
      </c>
      <c r="F607" s="9" t="s">
        <v>40</v>
      </c>
      <c r="G607" s="12">
        <v>605</v>
      </c>
      <c r="H607" s="12">
        <f t="shared" si="18"/>
        <v>8</v>
      </c>
      <c r="I607" s="12">
        <f t="shared" si="19"/>
        <v>4</v>
      </c>
    </row>
    <row r="608" spans="1:35" s="5" customFormat="1" ht="27.75" customHeight="1" x14ac:dyDescent="0.4">
      <c r="A608" s="9" t="s">
        <v>137</v>
      </c>
      <c r="B608" s="13" t="s">
        <v>1225</v>
      </c>
      <c r="C608" s="13" t="s">
        <v>1226</v>
      </c>
      <c r="D608" s="18">
        <v>1412205847</v>
      </c>
      <c r="E608" s="11">
        <v>46387</v>
      </c>
      <c r="F608" s="9" t="s">
        <v>40</v>
      </c>
      <c r="G608" s="5">
        <v>606</v>
      </c>
      <c r="H608" s="12">
        <f t="shared" si="18"/>
        <v>15</v>
      </c>
      <c r="I608" s="12">
        <f t="shared" si="19"/>
        <v>6</v>
      </c>
      <c r="J608" s="12"/>
      <c r="K608" s="12"/>
      <c r="L608" s="12"/>
      <c r="M608" s="12"/>
      <c r="N608" s="12"/>
      <c r="O608" s="12"/>
      <c r="P608" s="12"/>
      <c r="Q608" s="12"/>
      <c r="R608" s="12"/>
      <c r="S608" s="12"/>
      <c r="T608" s="12"/>
      <c r="U608" s="12"/>
      <c r="V608" s="12"/>
      <c r="W608" s="12"/>
      <c r="X608" s="12"/>
      <c r="Y608" s="12"/>
      <c r="Z608" s="12"/>
      <c r="AA608" s="12"/>
      <c r="AB608" s="12"/>
      <c r="AC608" s="12"/>
      <c r="AD608" s="12"/>
      <c r="AE608" s="12"/>
      <c r="AF608" s="12"/>
      <c r="AG608" s="12"/>
      <c r="AH608" s="12"/>
      <c r="AI608" s="12"/>
    </row>
    <row r="609" spans="1:35" s="5" customFormat="1" ht="27.75" customHeight="1" x14ac:dyDescent="0.4">
      <c r="A609" s="9" t="s">
        <v>137</v>
      </c>
      <c r="B609" s="9" t="s">
        <v>1227</v>
      </c>
      <c r="C609" s="9" t="s">
        <v>1228</v>
      </c>
      <c r="D609" s="18">
        <v>1412211514</v>
      </c>
      <c r="E609" s="11">
        <v>48304</v>
      </c>
      <c r="F609" s="9" t="s">
        <v>40</v>
      </c>
      <c r="G609" s="12">
        <v>607</v>
      </c>
      <c r="H609" s="12">
        <f t="shared" si="18"/>
        <v>20</v>
      </c>
      <c r="I609" s="12">
        <f t="shared" si="19"/>
        <v>6</v>
      </c>
    </row>
    <row r="610" spans="1:35" s="5" customFormat="1" ht="27.75" customHeight="1" x14ac:dyDescent="0.4">
      <c r="A610" s="9" t="s">
        <v>137</v>
      </c>
      <c r="B610" s="9" t="s">
        <v>1229</v>
      </c>
      <c r="C610" s="9" t="s">
        <v>1230</v>
      </c>
      <c r="D610" s="18">
        <v>1412211472</v>
      </c>
      <c r="E610" s="11">
        <v>48121</v>
      </c>
      <c r="F610" s="9" t="s">
        <v>40</v>
      </c>
      <c r="G610" s="5">
        <v>608</v>
      </c>
      <c r="H610" s="12">
        <f t="shared" si="18"/>
        <v>15</v>
      </c>
      <c r="I610" s="12">
        <f t="shared" si="19"/>
        <v>14</v>
      </c>
    </row>
    <row r="611" spans="1:35" s="5" customFormat="1" ht="27.75" customHeight="1" x14ac:dyDescent="0.4">
      <c r="A611" s="9" t="s">
        <v>137</v>
      </c>
      <c r="B611" s="9" t="s">
        <v>1231</v>
      </c>
      <c r="C611" s="9" t="s">
        <v>1232</v>
      </c>
      <c r="D611" s="18">
        <v>1412211373</v>
      </c>
      <c r="E611" s="11">
        <v>47999</v>
      </c>
      <c r="F611" s="9" t="s">
        <v>40</v>
      </c>
      <c r="G611" s="12">
        <v>609</v>
      </c>
      <c r="H611" s="12">
        <f t="shared" si="18"/>
        <v>16</v>
      </c>
      <c r="I611" s="12">
        <f t="shared" si="19"/>
        <v>26</v>
      </c>
    </row>
    <row r="612" spans="1:35" s="5" customFormat="1" ht="27.75" customHeight="1" x14ac:dyDescent="0.4">
      <c r="A612" s="9" t="s">
        <v>137</v>
      </c>
      <c r="B612" s="9" t="s">
        <v>1233</v>
      </c>
      <c r="C612" s="9" t="s">
        <v>1234</v>
      </c>
      <c r="D612" s="18">
        <v>1412212066</v>
      </c>
      <c r="E612" s="11">
        <v>47118</v>
      </c>
      <c r="F612" s="9" t="s">
        <v>40</v>
      </c>
      <c r="G612" s="5">
        <v>610</v>
      </c>
      <c r="H612" s="12">
        <f t="shared" si="18"/>
        <v>18</v>
      </c>
      <c r="I612" s="12">
        <f t="shared" si="19"/>
        <v>16</v>
      </c>
    </row>
    <row r="613" spans="1:35" s="5" customFormat="1" ht="27.75" customHeight="1" x14ac:dyDescent="0.4">
      <c r="A613" s="22" t="s">
        <v>137</v>
      </c>
      <c r="B613" s="22" t="s">
        <v>1235</v>
      </c>
      <c r="C613" s="50" t="s">
        <v>1236</v>
      </c>
      <c r="D613" s="10">
        <v>1412212082</v>
      </c>
      <c r="E613" s="11">
        <v>47118</v>
      </c>
      <c r="F613" s="9" t="s">
        <v>40</v>
      </c>
      <c r="G613" s="12">
        <v>611</v>
      </c>
      <c r="H613" s="12">
        <f t="shared" si="18"/>
        <v>32</v>
      </c>
      <c r="I613" s="12">
        <f t="shared" si="19"/>
        <v>12</v>
      </c>
    </row>
    <row r="614" spans="1:35" s="5" customFormat="1" ht="27.75" customHeight="1" x14ac:dyDescent="0.4">
      <c r="A614" s="9" t="s">
        <v>137</v>
      </c>
      <c r="B614" s="9" t="s">
        <v>1237</v>
      </c>
      <c r="C614" s="9" t="s">
        <v>1238</v>
      </c>
      <c r="D614" s="18">
        <v>1412203230</v>
      </c>
      <c r="E614" s="11">
        <v>46387</v>
      </c>
      <c r="F614" s="9" t="s">
        <v>40</v>
      </c>
      <c r="G614" s="5">
        <v>612</v>
      </c>
      <c r="H614" s="12">
        <f t="shared" si="18"/>
        <v>10</v>
      </c>
      <c r="I614" s="12">
        <f t="shared" si="19"/>
        <v>20</v>
      </c>
    </row>
    <row r="615" spans="1:35" s="5" customFormat="1" ht="27.75" customHeight="1" x14ac:dyDescent="0.4">
      <c r="A615" s="9" t="s">
        <v>137</v>
      </c>
      <c r="B615" s="9" t="s">
        <v>1239</v>
      </c>
      <c r="C615" s="9" t="s">
        <v>1240</v>
      </c>
      <c r="D615" s="18">
        <v>1412205649</v>
      </c>
      <c r="E615" s="11">
        <v>46387</v>
      </c>
      <c r="F615" s="9" t="s">
        <v>40</v>
      </c>
      <c r="G615" s="12">
        <v>613</v>
      </c>
      <c r="H615" s="12">
        <f t="shared" si="18"/>
        <v>9</v>
      </c>
      <c r="I615" s="12">
        <f t="shared" si="19"/>
        <v>7</v>
      </c>
    </row>
    <row r="616" spans="1:35" s="5" customFormat="1" ht="27.75" customHeight="1" x14ac:dyDescent="0.4">
      <c r="A616" s="9" t="s">
        <v>137</v>
      </c>
      <c r="B616" s="9" t="s">
        <v>1241</v>
      </c>
      <c r="C616" s="9" t="s">
        <v>1242</v>
      </c>
      <c r="D616" s="18">
        <v>1412204378</v>
      </c>
      <c r="E616" s="11">
        <v>46387</v>
      </c>
      <c r="F616" s="9" t="s">
        <v>40</v>
      </c>
      <c r="G616" s="5">
        <v>614</v>
      </c>
      <c r="H616" s="12">
        <f t="shared" si="18"/>
        <v>11</v>
      </c>
      <c r="I616" s="12">
        <f t="shared" si="19"/>
        <v>14</v>
      </c>
    </row>
    <row r="617" spans="1:35" s="5" customFormat="1" ht="27.75" customHeight="1" x14ac:dyDescent="0.4">
      <c r="A617" s="9" t="s">
        <v>137</v>
      </c>
      <c r="B617" s="9" t="s">
        <v>1243</v>
      </c>
      <c r="C617" s="9" t="s">
        <v>1244</v>
      </c>
      <c r="D617" s="18">
        <v>1412210508</v>
      </c>
      <c r="E617" s="11">
        <v>46387</v>
      </c>
      <c r="F617" s="9" t="s">
        <v>40</v>
      </c>
      <c r="G617" s="12">
        <v>615</v>
      </c>
      <c r="H617" s="12">
        <f t="shared" si="18"/>
        <v>21</v>
      </c>
      <c r="I617" s="12">
        <f t="shared" si="19"/>
        <v>19</v>
      </c>
    </row>
    <row r="618" spans="1:35" s="5" customFormat="1" ht="27.75" customHeight="1" x14ac:dyDescent="0.4">
      <c r="A618" s="9" t="s">
        <v>137</v>
      </c>
      <c r="B618" s="9" t="s">
        <v>1245</v>
      </c>
      <c r="C618" s="9" t="s">
        <v>1246</v>
      </c>
      <c r="D618" s="18">
        <v>1412212710</v>
      </c>
      <c r="E618" s="11">
        <v>48121</v>
      </c>
      <c r="F618" s="9" t="s">
        <v>40</v>
      </c>
      <c r="G618" s="5">
        <v>616</v>
      </c>
      <c r="H618" s="12">
        <f t="shared" si="18"/>
        <v>25</v>
      </c>
      <c r="I618" s="12">
        <f t="shared" si="19"/>
        <v>18</v>
      </c>
    </row>
    <row r="619" spans="1:35" s="5" customFormat="1" ht="27.75" customHeight="1" x14ac:dyDescent="0.4">
      <c r="A619" s="9" t="s">
        <v>137</v>
      </c>
      <c r="B619" s="9" t="s">
        <v>1247</v>
      </c>
      <c r="C619" s="9" t="s">
        <v>1248</v>
      </c>
      <c r="D619" s="18">
        <v>1412207413</v>
      </c>
      <c r="E619" s="11">
        <v>46387</v>
      </c>
      <c r="F619" s="9" t="s">
        <v>40</v>
      </c>
      <c r="G619" s="12">
        <v>617</v>
      </c>
      <c r="H619" s="12">
        <f t="shared" si="18"/>
        <v>11</v>
      </c>
      <c r="I619" s="12">
        <f t="shared" si="19"/>
        <v>11</v>
      </c>
    </row>
    <row r="620" spans="1:35" s="5" customFormat="1" ht="27.75" customHeight="1" x14ac:dyDescent="0.4">
      <c r="A620" s="9" t="s">
        <v>137</v>
      </c>
      <c r="B620" s="13" t="s">
        <v>1249</v>
      </c>
      <c r="C620" s="9" t="s">
        <v>1250</v>
      </c>
      <c r="D620" s="18">
        <v>1412211605</v>
      </c>
      <c r="E620" s="11">
        <v>46234</v>
      </c>
      <c r="F620" s="9" t="s">
        <v>40</v>
      </c>
      <c r="G620" s="5">
        <v>618</v>
      </c>
      <c r="H620" s="12">
        <f t="shared" si="18"/>
        <v>20</v>
      </c>
      <c r="I620" s="12">
        <f t="shared" si="19"/>
        <v>8</v>
      </c>
    </row>
    <row r="621" spans="1:35" s="5" customFormat="1" ht="27.75" customHeight="1" x14ac:dyDescent="0.4">
      <c r="A621" s="9" t="s">
        <v>137</v>
      </c>
      <c r="B621" s="9" t="s">
        <v>1251</v>
      </c>
      <c r="C621" s="9" t="s">
        <v>1252</v>
      </c>
      <c r="D621" s="18">
        <v>1412210854</v>
      </c>
      <c r="E621" s="11">
        <v>47422</v>
      </c>
      <c r="F621" s="9" t="s">
        <v>40</v>
      </c>
      <c r="G621" s="12">
        <v>619</v>
      </c>
      <c r="H621" s="12">
        <f t="shared" si="18"/>
        <v>18</v>
      </c>
      <c r="I621" s="12">
        <f t="shared" si="19"/>
        <v>9</v>
      </c>
      <c r="J621" s="12"/>
      <c r="K621" s="12"/>
      <c r="L621" s="12"/>
      <c r="M621" s="12"/>
      <c r="N621" s="12"/>
      <c r="O621" s="12"/>
      <c r="P621" s="12"/>
      <c r="Q621" s="12"/>
      <c r="R621" s="12"/>
      <c r="S621" s="12"/>
      <c r="T621" s="12"/>
      <c r="U621" s="12"/>
      <c r="V621" s="12"/>
      <c r="W621" s="12"/>
      <c r="X621" s="12"/>
      <c r="Y621" s="12"/>
      <c r="Z621" s="12"/>
      <c r="AA621" s="12"/>
      <c r="AB621" s="12"/>
      <c r="AC621" s="12"/>
      <c r="AD621" s="12"/>
      <c r="AE621" s="12"/>
      <c r="AF621" s="12"/>
      <c r="AG621" s="12"/>
      <c r="AH621" s="12"/>
      <c r="AI621" s="12"/>
    </row>
    <row r="622" spans="1:35" s="5" customFormat="1" ht="27.75" customHeight="1" x14ac:dyDescent="0.4">
      <c r="A622" s="9" t="s">
        <v>137</v>
      </c>
      <c r="B622" s="9" t="s">
        <v>1253</v>
      </c>
      <c r="C622" s="9" t="s">
        <v>1254</v>
      </c>
      <c r="D622" s="18">
        <v>1412201846</v>
      </c>
      <c r="E622" s="11">
        <v>46387</v>
      </c>
      <c r="F622" s="9" t="s">
        <v>40</v>
      </c>
      <c r="G622" s="5">
        <v>620</v>
      </c>
      <c r="H622" s="12">
        <f t="shared" si="18"/>
        <v>9</v>
      </c>
      <c r="I622" s="12">
        <f t="shared" si="19"/>
        <v>12</v>
      </c>
    </row>
    <row r="623" spans="1:35" s="5" customFormat="1" ht="27.75" customHeight="1" x14ac:dyDescent="0.4">
      <c r="A623" s="9" t="s">
        <v>137</v>
      </c>
      <c r="B623" s="13" t="s">
        <v>1255</v>
      </c>
      <c r="C623" s="13" t="s">
        <v>1256</v>
      </c>
      <c r="D623" s="18">
        <v>1412208080</v>
      </c>
      <c r="E623" s="11">
        <v>46387</v>
      </c>
      <c r="F623" s="9" t="s">
        <v>40</v>
      </c>
      <c r="G623" s="12">
        <v>621</v>
      </c>
      <c r="H623" s="12">
        <f t="shared" si="18"/>
        <v>13</v>
      </c>
      <c r="I623" s="12">
        <f t="shared" si="19"/>
        <v>7</v>
      </c>
    </row>
    <row r="624" spans="1:35" s="5" customFormat="1" ht="27.75" customHeight="1" x14ac:dyDescent="0.4">
      <c r="A624" s="9" t="s">
        <v>137</v>
      </c>
      <c r="B624" s="9" t="s">
        <v>1257</v>
      </c>
      <c r="C624" s="9" t="s">
        <v>1258</v>
      </c>
      <c r="D624" s="18">
        <v>1412210441</v>
      </c>
      <c r="E624" s="11">
        <v>46721</v>
      </c>
      <c r="F624" s="9" t="s">
        <v>40</v>
      </c>
      <c r="G624" s="5">
        <v>622</v>
      </c>
      <c r="H624" s="12">
        <f t="shared" si="18"/>
        <v>11</v>
      </c>
      <c r="I624" s="12">
        <f t="shared" si="19"/>
        <v>7</v>
      </c>
    </row>
    <row r="625" spans="1:35" s="5" customFormat="1" ht="27.75" customHeight="1" x14ac:dyDescent="0.4">
      <c r="A625" s="9" t="s">
        <v>137</v>
      </c>
      <c r="B625" s="9" t="s">
        <v>1259</v>
      </c>
      <c r="C625" s="9" t="s">
        <v>1260</v>
      </c>
      <c r="D625" s="18">
        <v>1412211266</v>
      </c>
      <c r="E625" s="11">
        <v>47938</v>
      </c>
      <c r="F625" s="9" t="s">
        <v>40</v>
      </c>
      <c r="G625" s="12">
        <v>623</v>
      </c>
      <c r="H625" s="12">
        <f t="shared" si="18"/>
        <v>12</v>
      </c>
      <c r="I625" s="12">
        <f t="shared" si="19"/>
        <v>9</v>
      </c>
    </row>
    <row r="626" spans="1:35" s="5" customFormat="1" ht="27.75" customHeight="1" x14ac:dyDescent="0.4">
      <c r="A626" s="9" t="s">
        <v>137</v>
      </c>
      <c r="B626" s="9" t="s">
        <v>1261</v>
      </c>
      <c r="C626" s="9" t="s">
        <v>1262</v>
      </c>
      <c r="D626" s="18">
        <v>1412212389</v>
      </c>
      <c r="E626" s="11">
        <v>47603</v>
      </c>
      <c r="F626" s="9" t="s">
        <v>40</v>
      </c>
      <c r="G626" s="5">
        <v>624</v>
      </c>
      <c r="H626" s="12">
        <f t="shared" si="18"/>
        <v>11</v>
      </c>
      <c r="I626" s="12">
        <f t="shared" si="19"/>
        <v>6</v>
      </c>
    </row>
    <row r="627" spans="1:35" s="5" customFormat="1" ht="27.75" customHeight="1" x14ac:dyDescent="0.4">
      <c r="A627" s="9" t="s">
        <v>137</v>
      </c>
      <c r="B627" s="9" t="s">
        <v>1263</v>
      </c>
      <c r="C627" s="9" t="s">
        <v>1264</v>
      </c>
      <c r="D627" s="18">
        <v>1412206357</v>
      </c>
      <c r="E627" s="11">
        <v>46387</v>
      </c>
      <c r="F627" s="9" t="s">
        <v>40</v>
      </c>
      <c r="G627" s="12">
        <v>625</v>
      </c>
      <c r="H627" s="12">
        <f t="shared" si="18"/>
        <v>12</v>
      </c>
      <c r="I627" s="12">
        <f t="shared" si="19"/>
        <v>9</v>
      </c>
    </row>
    <row r="628" spans="1:35" s="5" customFormat="1" ht="27.75" customHeight="1" x14ac:dyDescent="0.4">
      <c r="A628" s="9" t="s">
        <v>137</v>
      </c>
      <c r="B628" s="9" t="s">
        <v>1265</v>
      </c>
      <c r="C628" s="9" t="s">
        <v>1266</v>
      </c>
      <c r="D628" s="18">
        <v>1412206548</v>
      </c>
      <c r="E628" s="11">
        <v>46387</v>
      </c>
      <c r="F628" s="9" t="s">
        <v>40</v>
      </c>
      <c r="G628" s="5">
        <v>626</v>
      </c>
      <c r="H628" s="12">
        <f t="shared" si="18"/>
        <v>12</v>
      </c>
      <c r="I628" s="12">
        <f t="shared" si="19"/>
        <v>4</v>
      </c>
    </row>
    <row r="629" spans="1:35" s="5" customFormat="1" ht="27.75" customHeight="1" x14ac:dyDescent="0.4">
      <c r="A629" s="9" t="s">
        <v>137</v>
      </c>
      <c r="B629" s="9" t="s">
        <v>1267</v>
      </c>
      <c r="C629" s="9" t="s">
        <v>1268</v>
      </c>
      <c r="D629" s="26">
        <v>1412210342</v>
      </c>
      <c r="E629" s="11">
        <v>46446</v>
      </c>
      <c r="F629" s="9" t="s">
        <v>40</v>
      </c>
      <c r="G629" s="12">
        <v>627</v>
      </c>
      <c r="H629" s="12">
        <f t="shared" si="18"/>
        <v>12</v>
      </c>
      <c r="I629" s="12">
        <f t="shared" si="19"/>
        <v>9</v>
      </c>
    </row>
    <row r="630" spans="1:35" s="5" customFormat="1" ht="27.75" customHeight="1" x14ac:dyDescent="0.4">
      <c r="A630" s="9" t="s">
        <v>137</v>
      </c>
      <c r="B630" s="9" t="s">
        <v>1269</v>
      </c>
      <c r="C630" s="9" t="s">
        <v>1270</v>
      </c>
      <c r="D630" s="18">
        <v>1412207447</v>
      </c>
      <c r="E630" s="11">
        <v>46387</v>
      </c>
      <c r="F630" s="9" t="s">
        <v>40</v>
      </c>
      <c r="G630" s="5">
        <v>628</v>
      </c>
      <c r="H630" s="12">
        <f t="shared" si="18"/>
        <v>14</v>
      </c>
      <c r="I630" s="12">
        <f t="shared" si="19"/>
        <v>11</v>
      </c>
    </row>
    <row r="631" spans="1:35" s="5" customFormat="1" ht="27.75" customHeight="1" x14ac:dyDescent="0.4">
      <c r="A631" s="9" t="s">
        <v>137</v>
      </c>
      <c r="B631" s="9" t="s">
        <v>1271</v>
      </c>
      <c r="C631" s="9" t="s">
        <v>1272</v>
      </c>
      <c r="D631" s="18">
        <v>1412211464</v>
      </c>
      <c r="E631" s="11">
        <v>48152</v>
      </c>
      <c r="F631" s="9" t="s">
        <v>40</v>
      </c>
      <c r="G631" s="12">
        <v>629</v>
      </c>
      <c r="H631" s="12">
        <f t="shared" si="18"/>
        <v>22</v>
      </c>
      <c r="I631" s="12">
        <f t="shared" si="19"/>
        <v>10</v>
      </c>
    </row>
    <row r="632" spans="1:35" s="5" customFormat="1" ht="27.75" customHeight="1" x14ac:dyDescent="0.4">
      <c r="A632" s="9" t="s">
        <v>137</v>
      </c>
      <c r="B632" s="9" t="s">
        <v>1273</v>
      </c>
      <c r="C632" s="9" t="s">
        <v>1274</v>
      </c>
      <c r="D632" s="23">
        <v>1412205136</v>
      </c>
      <c r="E632" s="11">
        <v>46387</v>
      </c>
      <c r="F632" s="9" t="s">
        <v>40</v>
      </c>
      <c r="G632" s="5">
        <v>630</v>
      </c>
      <c r="H632" s="12">
        <f t="shared" si="18"/>
        <v>12</v>
      </c>
      <c r="I632" s="12">
        <f t="shared" si="19"/>
        <v>8</v>
      </c>
    </row>
    <row r="633" spans="1:35" s="5" customFormat="1" ht="27.75" customHeight="1" x14ac:dyDescent="0.4">
      <c r="A633" s="17" t="s">
        <v>137</v>
      </c>
      <c r="B633" s="9" t="s">
        <v>1275</v>
      </c>
      <c r="C633" s="9" t="s">
        <v>1276</v>
      </c>
      <c r="D633" s="18">
        <v>1412207108</v>
      </c>
      <c r="E633" s="11">
        <v>46387</v>
      </c>
      <c r="F633" s="9" t="s">
        <v>40</v>
      </c>
      <c r="G633" s="12">
        <v>631</v>
      </c>
      <c r="H633" s="12">
        <f t="shared" si="18"/>
        <v>28</v>
      </c>
      <c r="I633" s="12">
        <f t="shared" si="19"/>
        <v>10</v>
      </c>
    </row>
    <row r="634" spans="1:35" s="5" customFormat="1" ht="27.75" customHeight="1" x14ac:dyDescent="0.4">
      <c r="A634" s="9" t="s">
        <v>137</v>
      </c>
      <c r="B634" s="15" t="s">
        <v>1277</v>
      </c>
      <c r="C634" s="16" t="s">
        <v>1278</v>
      </c>
      <c r="D634" s="10">
        <v>1412202828</v>
      </c>
      <c r="E634" s="11">
        <v>46387</v>
      </c>
      <c r="F634" s="9" t="s">
        <v>40</v>
      </c>
      <c r="G634" s="5">
        <v>632</v>
      </c>
      <c r="H634" s="12">
        <f t="shared" si="18"/>
        <v>10</v>
      </c>
      <c r="I634" s="12">
        <f t="shared" si="19"/>
        <v>16</v>
      </c>
    </row>
    <row r="635" spans="1:35" s="5" customFormat="1" ht="27.75" customHeight="1" x14ac:dyDescent="0.4">
      <c r="A635" s="9" t="s">
        <v>137</v>
      </c>
      <c r="B635" s="9" t="s">
        <v>1279</v>
      </c>
      <c r="C635" s="9" t="s">
        <v>1280</v>
      </c>
      <c r="D635" s="18">
        <v>1412211993</v>
      </c>
      <c r="E635" s="11">
        <v>46996</v>
      </c>
      <c r="F635" s="9" t="s">
        <v>40</v>
      </c>
      <c r="G635" s="12">
        <v>633</v>
      </c>
      <c r="H635" s="12">
        <f t="shared" si="18"/>
        <v>10</v>
      </c>
      <c r="I635" s="12">
        <f t="shared" si="19"/>
        <v>14</v>
      </c>
    </row>
    <row r="636" spans="1:35" s="5" customFormat="1" ht="27.75" customHeight="1" x14ac:dyDescent="0.4">
      <c r="A636" s="9" t="s">
        <v>137</v>
      </c>
      <c r="B636" s="9" t="s">
        <v>1281</v>
      </c>
      <c r="C636" s="9" t="s">
        <v>1282</v>
      </c>
      <c r="D636" s="18">
        <v>1412205821</v>
      </c>
      <c r="E636" s="11">
        <v>46387</v>
      </c>
      <c r="F636" s="9" t="s">
        <v>40</v>
      </c>
      <c r="G636" s="5">
        <v>634</v>
      </c>
      <c r="H636" s="12">
        <f t="shared" si="18"/>
        <v>12</v>
      </c>
      <c r="I636" s="12">
        <f t="shared" si="19"/>
        <v>10</v>
      </c>
    </row>
    <row r="637" spans="1:35" s="5" customFormat="1" ht="27.75" customHeight="1" x14ac:dyDescent="0.4">
      <c r="A637" s="9" t="s">
        <v>137</v>
      </c>
      <c r="B637" s="9" t="s">
        <v>1283</v>
      </c>
      <c r="C637" s="9" t="s">
        <v>1284</v>
      </c>
      <c r="D637" s="18">
        <v>1412210862</v>
      </c>
      <c r="E637" s="11">
        <v>47422</v>
      </c>
      <c r="F637" s="9" t="s">
        <v>40</v>
      </c>
      <c r="G637" s="12">
        <v>635</v>
      </c>
      <c r="H637" s="12">
        <f t="shared" si="18"/>
        <v>17</v>
      </c>
      <c r="I637" s="12">
        <f t="shared" si="19"/>
        <v>7</v>
      </c>
    </row>
    <row r="638" spans="1:35" s="5" customFormat="1" ht="27.75" customHeight="1" x14ac:dyDescent="0.4">
      <c r="A638" s="9" t="s">
        <v>137</v>
      </c>
      <c r="B638" s="9" t="s">
        <v>1285</v>
      </c>
      <c r="C638" s="9" t="s">
        <v>1286</v>
      </c>
      <c r="D638" s="18">
        <v>1412206381</v>
      </c>
      <c r="E638" s="11">
        <v>46387</v>
      </c>
      <c r="F638" s="9" t="s">
        <v>40</v>
      </c>
      <c r="G638" s="5">
        <v>636</v>
      </c>
      <c r="H638" s="12">
        <f t="shared" si="18"/>
        <v>19</v>
      </c>
      <c r="I638" s="12">
        <f t="shared" si="19"/>
        <v>9</v>
      </c>
    </row>
    <row r="639" spans="1:35" s="5" customFormat="1" ht="27.75" customHeight="1" x14ac:dyDescent="0.4">
      <c r="A639" s="9" t="s">
        <v>137</v>
      </c>
      <c r="B639" s="9" t="s">
        <v>1287</v>
      </c>
      <c r="C639" s="9" t="s">
        <v>1288</v>
      </c>
      <c r="D639" s="18">
        <v>1412212595</v>
      </c>
      <c r="E639" s="11">
        <v>47907</v>
      </c>
      <c r="F639" s="9" t="s">
        <v>40</v>
      </c>
      <c r="G639" s="12">
        <v>637</v>
      </c>
      <c r="H639" s="12">
        <f t="shared" si="18"/>
        <v>24</v>
      </c>
      <c r="I639" s="12">
        <f t="shared" si="19"/>
        <v>7</v>
      </c>
      <c r="J639" s="12"/>
      <c r="K639" s="12"/>
      <c r="L639" s="12"/>
      <c r="M639" s="12"/>
      <c r="N639" s="12"/>
      <c r="O639" s="12"/>
      <c r="P639" s="12"/>
      <c r="Q639" s="12"/>
      <c r="R639" s="12"/>
      <c r="S639" s="12"/>
      <c r="T639" s="12"/>
      <c r="U639" s="12"/>
      <c r="V639" s="12"/>
      <c r="W639" s="12"/>
      <c r="X639" s="12"/>
      <c r="Y639" s="12"/>
      <c r="Z639" s="12"/>
      <c r="AA639" s="12"/>
      <c r="AB639" s="12"/>
      <c r="AC639" s="12"/>
      <c r="AD639" s="12"/>
      <c r="AE639" s="12"/>
      <c r="AF639" s="12"/>
      <c r="AG639" s="12"/>
      <c r="AH639" s="12"/>
      <c r="AI639" s="12"/>
    </row>
    <row r="640" spans="1:35" s="5" customFormat="1" ht="27.75" customHeight="1" x14ac:dyDescent="0.4">
      <c r="A640" s="9" t="s">
        <v>137</v>
      </c>
      <c r="B640" s="9" t="s">
        <v>1289</v>
      </c>
      <c r="C640" s="9" t="s">
        <v>1290</v>
      </c>
      <c r="D640" s="18">
        <v>1412206894</v>
      </c>
      <c r="E640" s="11">
        <v>46387</v>
      </c>
      <c r="F640" s="9" t="s">
        <v>40</v>
      </c>
      <c r="G640" s="5">
        <v>638</v>
      </c>
      <c r="H640" s="12">
        <f t="shared" si="18"/>
        <v>11</v>
      </c>
      <c r="I640" s="12">
        <f t="shared" si="19"/>
        <v>10</v>
      </c>
    </row>
    <row r="641" spans="1:35" s="5" customFormat="1" ht="27.75" customHeight="1" x14ac:dyDescent="0.4">
      <c r="A641" s="9" t="s">
        <v>137</v>
      </c>
      <c r="B641" s="9" t="s">
        <v>1291</v>
      </c>
      <c r="C641" s="9" t="s">
        <v>1292</v>
      </c>
      <c r="D641" s="18">
        <v>1412204253</v>
      </c>
      <c r="E641" s="11">
        <v>46387</v>
      </c>
      <c r="F641" s="9" t="s">
        <v>40</v>
      </c>
      <c r="G641" s="12">
        <v>639</v>
      </c>
      <c r="H641" s="12">
        <f t="shared" si="18"/>
        <v>11</v>
      </c>
      <c r="I641" s="12">
        <f t="shared" si="19"/>
        <v>11</v>
      </c>
    </row>
    <row r="642" spans="1:35" s="5" customFormat="1" ht="27.75" customHeight="1" x14ac:dyDescent="0.4">
      <c r="A642" s="9" t="s">
        <v>137</v>
      </c>
      <c r="B642" s="9" t="s">
        <v>1293</v>
      </c>
      <c r="C642" s="9" t="s">
        <v>1294</v>
      </c>
      <c r="D642" s="18">
        <v>1412204139</v>
      </c>
      <c r="E642" s="11">
        <v>46387</v>
      </c>
      <c r="F642" s="9" t="s">
        <v>40</v>
      </c>
      <c r="G642" s="5">
        <v>640</v>
      </c>
      <c r="H642" s="12">
        <f t="shared" si="18"/>
        <v>12</v>
      </c>
      <c r="I642" s="12">
        <f t="shared" si="19"/>
        <v>4</v>
      </c>
    </row>
    <row r="643" spans="1:35" s="5" customFormat="1" ht="27.75" customHeight="1" x14ac:dyDescent="0.4">
      <c r="A643" s="9" t="s">
        <v>137</v>
      </c>
      <c r="B643" s="9" t="s">
        <v>1295</v>
      </c>
      <c r="C643" s="9" t="s">
        <v>1296</v>
      </c>
      <c r="D643" s="18">
        <v>1412211183</v>
      </c>
      <c r="E643" s="11">
        <v>48457</v>
      </c>
      <c r="F643" s="9" t="s">
        <v>40</v>
      </c>
      <c r="G643" s="12">
        <v>641</v>
      </c>
      <c r="H643" s="12">
        <f t="shared" si="18"/>
        <v>13</v>
      </c>
      <c r="I643" s="12">
        <f t="shared" si="19"/>
        <v>7</v>
      </c>
    </row>
    <row r="644" spans="1:35" s="5" customFormat="1" ht="27.75" customHeight="1" x14ac:dyDescent="0.4">
      <c r="A644" s="9" t="s">
        <v>137</v>
      </c>
      <c r="B644" s="13" t="s">
        <v>1297</v>
      </c>
      <c r="C644" s="13" t="s">
        <v>1298</v>
      </c>
      <c r="D644" s="18">
        <v>1412207116</v>
      </c>
      <c r="E644" s="11">
        <v>46812</v>
      </c>
      <c r="F644" s="9" t="s">
        <v>40</v>
      </c>
      <c r="G644" s="5">
        <v>642</v>
      </c>
      <c r="H644" s="12">
        <f t="shared" ref="H644:H707" si="20">LEN(C644)</f>
        <v>11</v>
      </c>
      <c r="I644" s="12">
        <f t="shared" ref="I644:I707" si="21">LEN(B644)</f>
        <v>5</v>
      </c>
    </row>
    <row r="645" spans="1:35" s="5" customFormat="1" ht="27.75" customHeight="1" x14ac:dyDescent="0.4">
      <c r="A645" s="9" t="s">
        <v>137</v>
      </c>
      <c r="B645" s="9" t="s">
        <v>1299</v>
      </c>
      <c r="C645" s="9" t="s">
        <v>1300</v>
      </c>
      <c r="D645" s="18">
        <v>1412207140</v>
      </c>
      <c r="E645" s="11">
        <v>46387</v>
      </c>
      <c r="F645" s="9" t="s">
        <v>40</v>
      </c>
      <c r="G645" s="12">
        <v>643</v>
      </c>
      <c r="H645" s="12">
        <f t="shared" si="20"/>
        <v>14</v>
      </c>
      <c r="I645" s="12">
        <f t="shared" si="21"/>
        <v>22</v>
      </c>
    </row>
    <row r="646" spans="1:35" s="5" customFormat="1" ht="27.75" customHeight="1" x14ac:dyDescent="0.4">
      <c r="A646" s="9" t="s">
        <v>137</v>
      </c>
      <c r="B646" s="9" t="s">
        <v>1301</v>
      </c>
      <c r="C646" s="9" t="s">
        <v>1302</v>
      </c>
      <c r="D646" s="18">
        <v>1412210839</v>
      </c>
      <c r="E646" s="11">
        <v>47422</v>
      </c>
      <c r="F646" s="9" t="s">
        <v>40</v>
      </c>
      <c r="G646" s="5">
        <v>644</v>
      </c>
      <c r="H646" s="12">
        <f t="shared" si="20"/>
        <v>25</v>
      </c>
      <c r="I646" s="12">
        <f t="shared" si="21"/>
        <v>12</v>
      </c>
    </row>
    <row r="647" spans="1:35" s="5" customFormat="1" ht="27.75" customHeight="1" x14ac:dyDescent="0.4">
      <c r="A647" s="13" t="s">
        <v>137</v>
      </c>
      <c r="B647" s="13" t="s">
        <v>1303</v>
      </c>
      <c r="C647" s="13" t="s">
        <v>1304</v>
      </c>
      <c r="D647" s="26">
        <v>1412202919</v>
      </c>
      <c r="E647" s="11">
        <v>46387</v>
      </c>
      <c r="F647" s="9" t="s">
        <v>40</v>
      </c>
      <c r="G647" s="12">
        <v>645</v>
      </c>
      <c r="H647" s="12">
        <f t="shared" si="20"/>
        <v>11</v>
      </c>
      <c r="I647" s="12">
        <f t="shared" si="21"/>
        <v>4</v>
      </c>
    </row>
    <row r="648" spans="1:35" s="5" customFormat="1" ht="27.75" customHeight="1" x14ac:dyDescent="0.4">
      <c r="A648" s="9" t="s">
        <v>137</v>
      </c>
      <c r="B648" s="16" t="s">
        <v>1305</v>
      </c>
      <c r="C648" s="9" t="s">
        <v>1306</v>
      </c>
      <c r="D648" s="18">
        <v>1412212488</v>
      </c>
      <c r="E648" s="11">
        <v>47756</v>
      </c>
      <c r="F648" s="9" t="s">
        <v>40</v>
      </c>
      <c r="G648" s="5">
        <v>646</v>
      </c>
      <c r="H648" s="12">
        <f t="shared" si="20"/>
        <v>12</v>
      </c>
      <c r="I648" s="12">
        <f t="shared" si="21"/>
        <v>9</v>
      </c>
    </row>
    <row r="649" spans="1:35" s="5" customFormat="1" ht="27.75" customHeight="1" x14ac:dyDescent="0.4">
      <c r="A649" s="9" t="s">
        <v>137</v>
      </c>
      <c r="B649" s="9" t="s">
        <v>1307</v>
      </c>
      <c r="C649" s="9" t="s">
        <v>1308</v>
      </c>
      <c r="D649" s="18">
        <v>1412212009</v>
      </c>
      <c r="E649" s="11">
        <v>47026</v>
      </c>
      <c r="F649" s="9" t="s">
        <v>40</v>
      </c>
      <c r="G649" s="12">
        <v>647</v>
      </c>
      <c r="H649" s="12">
        <f t="shared" si="20"/>
        <v>22</v>
      </c>
      <c r="I649" s="12">
        <f t="shared" si="21"/>
        <v>20</v>
      </c>
    </row>
    <row r="650" spans="1:35" s="5" customFormat="1" ht="27.75" customHeight="1" x14ac:dyDescent="0.4">
      <c r="A650" s="9" t="s">
        <v>137</v>
      </c>
      <c r="B650" s="9" t="s">
        <v>1309</v>
      </c>
      <c r="C650" s="9" t="s">
        <v>1310</v>
      </c>
      <c r="D650" s="23">
        <v>1412211282</v>
      </c>
      <c r="E650" s="11">
        <v>47938</v>
      </c>
      <c r="F650" s="9" t="s">
        <v>40</v>
      </c>
      <c r="G650" s="5">
        <v>648</v>
      </c>
      <c r="H650" s="12">
        <f t="shared" si="20"/>
        <v>12</v>
      </c>
      <c r="I650" s="12">
        <f t="shared" si="21"/>
        <v>10</v>
      </c>
    </row>
    <row r="651" spans="1:35" s="5" customFormat="1" ht="27.75" customHeight="1" x14ac:dyDescent="0.4">
      <c r="A651" s="17" t="s">
        <v>137</v>
      </c>
      <c r="B651" s="15" t="s">
        <v>1311</v>
      </c>
      <c r="C651" s="16" t="s">
        <v>1312</v>
      </c>
      <c r="D651" s="10">
        <v>1412211860</v>
      </c>
      <c r="E651" s="11">
        <v>46843</v>
      </c>
      <c r="F651" s="9" t="s">
        <v>40</v>
      </c>
      <c r="G651" s="12">
        <v>649</v>
      </c>
      <c r="H651" s="12">
        <f t="shared" si="20"/>
        <v>12</v>
      </c>
      <c r="I651" s="12">
        <f t="shared" si="21"/>
        <v>7</v>
      </c>
    </row>
    <row r="652" spans="1:35" s="5" customFormat="1" ht="27.75" customHeight="1" x14ac:dyDescent="0.4">
      <c r="A652" s="9" t="s">
        <v>137</v>
      </c>
      <c r="B652" s="9" t="s">
        <v>1313</v>
      </c>
      <c r="C652" s="9" t="s">
        <v>1314</v>
      </c>
      <c r="D652" s="18">
        <v>1412211597</v>
      </c>
      <c r="E652" s="11">
        <v>48457</v>
      </c>
      <c r="F652" s="9" t="s">
        <v>40</v>
      </c>
      <c r="G652" s="5">
        <v>650</v>
      </c>
      <c r="H652" s="12">
        <f t="shared" si="20"/>
        <v>12</v>
      </c>
      <c r="I652" s="12">
        <f t="shared" si="21"/>
        <v>11</v>
      </c>
    </row>
    <row r="653" spans="1:35" s="5" customFormat="1" ht="27.75" customHeight="1" x14ac:dyDescent="0.4">
      <c r="A653" s="15" t="s">
        <v>137</v>
      </c>
      <c r="B653" s="16" t="s">
        <v>1315</v>
      </c>
      <c r="C653" s="16" t="s">
        <v>1316</v>
      </c>
      <c r="D653" s="10">
        <v>1412207959</v>
      </c>
      <c r="E653" s="11">
        <v>46387</v>
      </c>
      <c r="F653" s="9" t="s">
        <v>40</v>
      </c>
      <c r="G653" s="12">
        <v>651</v>
      </c>
      <c r="H653" s="12">
        <f t="shared" si="20"/>
        <v>12</v>
      </c>
      <c r="I653" s="12">
        <f t="shared" si="21"/>
        <v>9</v>
      </c>
    </row>
    <row r="654" spans="1:35" s="24" customFormat="1" ht="27.75" customHeight="1" x14ac:dyDescent="0.4">
      <c r="A654" s="17" t="s">
        <v>137</v>
      </c>
      <c r="B654" s="9" t="s">
        <v>1317</v>
      </c>
      <c r="C654" s="9" t="s">
        <v>1318</v>
      </c>
      <c r="D654" s="18">
        <v>1412211795</v>
      </c>
      <c r="E654" s="11">
        <v>46538</v>
      </c>
      <c r="F654" s="9" t="s">
        <v>40</v>
      </c>
      <c r="G654" s="5">
        <v>652</v>
      </c>
      <c r="H654" s="12">
        <f t="shared" si="20"/>
        <v>9</v>
      </c>
      <c r="I654" s="12">
        <f t="shared" si="21"/>
        <v>18</v>
      </c>
      <c r="J654" s="5"/>
      <c r="K654" s="5"/>
      <c r="L654" s="5"/>
      <c r="M654" s="5"/>
      <c r="N654" s="5"/>
      <c r="O654" s="5"/>
      <c r="P654" s="5"/>
      <c r="Q654" s="5"/>
      <c r="R654" s="5"/>
      <c r="S654" s="5"/>
      <c r="T654" s="5"/>
      <c r="U654" s="5"/>
      <c r="V654" s="5"/>
      <c r="W654" s="5"/>
      <c r="X654" s="5"/>
      <c r="Y654" s="5"/>
      <c r="Z654" s="5"/>
      <c r="AA654" s="5"/>
      <c r="AB654" s="5"/>
      <c r="AC654" s="5"/>
      <c r="AD654" s="5"/>
      <c r="AE654" s="5"/>
      <c r="AF654" s="5"/>
      <c r="AG654" s="5"/>
      <c r="AH654" s="5"/>
      <c r="AI654" s="5"/>
    </row>
    <row r="655" spans="1:35" s="5" customFormat="1" ht="27.75" customHeight="1" x14ac:dyDescent="0.4">
      <c r="A655" s="9" t="s">
        <v>137</v>
      </c>
      <c r="B655" s="13" t="s">
        <v>1319</v>
      </c>
      <c r="C655" s="13" t="s">
        <v>1320</v>
      </c>
      <c r="D655" s="18">
        <v>1412204600</v>
      </c>
      <c r="E655" s="11">
        <v>46387</v>
      </c>
      <c r="F655" s="9" t="s">
        <v>40</v>
      </c>
      <c r="G655" s="12">
        <v>653</v>
      </c>
      <c r="H655" s="12">
        <f t="shared" si="20"/>
        <v>10</v>
      </c>
      <c r="I655" s="12">
        <f t="shared" si="21"/>
        <v>9</v>
      </c>
    </row>
    <row r="656" spans="1:35" s="5" customFormat="1" ht="27.75" customHeight="1" x14ac:dyDescent="0.4">
      <c r="A656" s="9" t="s">
        <v>137</v>
      </c>
      <c r="B656" s="22" t="s">
        <v>1321</v>
      </c>
      <c r="C656" s="22" t="s">
        <v>1322</v>
      </c>
      <c r="D656" s="10">
        <v>1412206126</v>
      </c>
      <c r="E656" s="11">
        <v>46387</v>
      </c>
      <c r="F656" s="9" t="s">
        <v>40</v>
      </c>
      <c r="G656" s="5">
        <v>654</v>
      </c>
      <c r="H656" s="12">
        <f t="shared" si="20"/>
        <v>10</v>
      </c>
      <c r="I656" s="12">
        <f t="shared" si="21"/>
        <v>4</v>
      </c>
    </row>
    <row r="657" spans="1:35" s="5" customFormat="1" ht="27.75" customHeight="1" x14ac:dyDescent="0.4">
      <c r="A657" s="9" t="s">
        <v>137</v>
      </c>
      <c r="B657" s="13" t="s">
        <v>1323</v>
      </c>
      <c r="C657" s="13" t="s">
        <v>1322</v>
      </c>
      <c r="D657" s="18">
        <v>1412206761</v>
      </c>
      <c r="E657" s="11">
        <v>46387</v>
      </c>
      <c r="F657" s="9" t="s">
        <v>40</v>
      </c>
      <c r="G657" s="12">
        <v>655</v>
      </c>
      <c r="H657" s="12">
        <f t="shared" si="20"/>
        <v>10</v>
      </c>
      <c r="I657" s="12">
        <f t="shared" si="21"/>
        <v>4</v>
      </c>
    </row>
    <row r="658" spans="1:35" s="5" customFormat="1" ht="27.75" customHeight="1" x14ac:dyDescent="0.4">
      <c r="A658" s="9" t="s">
        <v>137</v>
      </c>
      <c r="B658" s="9" t="s">
        <v>1324</v>
      </c>
      <c r="C658" s="9" t="s">
        <v>1325</v>
      </c>
      <c r="D658" s="18">
        <v>1412204352</v>
      </c>
      <c r="E658" s="11">
        <v>46387</v>
      </c>
      <c r="F658" s="9" t="s">
        <v>40</v>
      </c>
      <c r="G658" s="5">
        <v>656</v>
      </c>
      <c r="H658" s="12">
        <f t="shared" si="20"/>
        <v>13</v>
      </c>
      <c r="I658" s="12">
        <f t="shared" si="21"/>
        <v>11</v>
      </c>
    </row>
    <row r="659" spans="1:35" s="5" customFormat="1" ht="27.75" customHeight="1" x14ac:dyDescent="0.4">
      <c r="A659" s="17" t="s">
        <v>137</v>
      </c>
      <c r="B659" s="19" t="s">
        <v>1326</v>
      </c>
      <c r="C659" s="19" t="s">
        <v>1327</v>
      </c>
      <c r="D659" s="20">
        <v>1412207025</v>
      </c>
      <c r="E659" s="11">
        <v>46387</v>
      </c>
      <c r="F659" s="9" t="s">
        <v>40</v>
      </c>
      <c r="G659" s="12">
        <v>657</v>
      </c>
      <c r="H659" s="12">
        <f t="shared" si="20"/>
        <v>10</v>
      </c>
      <c r="I659" s="12">
        <f t="shared" si="21"/>
        <v>10</v>
      </c>
    </row>
    <row r="660" spans="1:35" s="25" customFormat="1" ht="27.75" customHeight="1" x14ac:dyDescent="0.4">
      <c r="A660" s="29" t="s">
        <v>137</v>
      </c>
      <c r="B660" s="22" t="s">
        <v>1328</v>
      </c>
      <c r="C660" s="22" t="s">
        <v>1329</v>
      </c>
      <c r="D660" s="10">
        <v>1412205573</v>
      </c>
      <c r="E660" s="11">
        <v>46387</v>
      </c>
      <c r="F660" s="9" t="s">
        <v>40</v>
      </c>
      <c r="G660" s="5">
        <v>658</v>
      </c>
      <c r="H660" s="12">
        <f t="shared" si="20"/>
        <v>10</v>
      </c>
      <c r="I660" s="12">
        <f t="shared" si="21"/>
        <v>7</v>
      </c>
      <c r="J660" s="5"/>
      <c r="K660" s="5"/>
      <c r="L660" s="5"/>
      <c r="M660" s="5"/>
      <c r="N660" s="5"/>
      <c r="O660" s="5"/>
      <c r="P660" s="5"/>
      <c r="Q660" s="5"/>
      <c r="R660" s="5"/>
      <c r="S660" s="5"/>
      <c r="T660" s="5"/>
      <c r="U660" s="5"/>
      <c r="V660" s="5"/>
      <c r="W660" s="5"/>
      <c r="X660" s="5"/>
      <c r="Y660" s="5"/>
      <c r="Z660" s="5"/>
      <c r="AA660" s="5"/>
      <c r="AB660" s="5"/>
      <c r="AC660" s="5"/>
      <c r="AD660" s="5"/>
      <c r="AE660" s="5"/>
      <c r="AF660" s="5"/>
      <c r="AG660" s="5"/>
      <c r="AH660" s="5"/>
      <c r="AI660" s="5"/>
    </row>
    <row r="661" spans="1:35" s="5" customFormat="1" ht="27.75" customHeight="1" x14ac:dyDescent="0.4">
      <c r="A661" s="17" t="s">
        <v>137</v>
      </c>
      <c r="B661" s="9" t="s">
        <v>1330</v>
      </c>
      <c r="C661" s="9" t="s">
        <v>1331</v>
      </c>
      <c r="D661" s="18">
        <v>1412303808</v>
      </c>
      <c r="E661" s="11">
        <v>46934</v>
      </c>
      <c r="F661" s="9" t="s">
        <v>63</v>
      </c>
      <c r="G661" s="12">
        <v>659</v>
      </c>
      <c r="H661" s="12">
        <f t="shared" si="20"/>
        <v>13</v>
      </c>
      <c r="I661" s="12">
        <f t="shared" si="21"/>
        <v>13</v>
      </c>
    </row>
    <row r="662" spans="1:35" s="5" customFormat="1" ht="27.75" customHeight="1" x14ac:dyDescent="0.4">
      <c r="A662" s="9" t="s">
        <v>137</v>
      </c>
      <c r="B662" s="9" t="s">
        <v>1332</v>
      </c>
      <c r="C662" s="9" t="s">
        <v>1333</v>
      </c>
      <c r="D662" s="18">
        <v>1412303014</v>
      </c>
      <c r="E662" s="11">
        <v>47968</v>
      </c>
      <c r="F662" s="9" t="s">
        <v>63</v>
      </c>
      <c r="G662" s="5">
        <v>660</v>
      </c>
      <c r="H662" s="12">
        <f t="shared" si="20"/>
        <v>13</v>
      </c>
      <c r="I662" s="12">
        <f t="shared" si="21"/>
        <v>22</v>
      </c>
    </row>
    <row r="663" spans="1:35" s="5" customFormat="1" ht="27.75" customHeight="1" x14ac:dyDescent="0.4">
      <c r="A663" s="9" t="s">
        <v>137</v>
      </c>
      <c r="B663" s="13" t="s">
        <v>1334</v>
      </c>
      <c r="C663" s="13" t="s">
        <v>1335</v>
      </c>
      <c r="D663" s="18">
        <v>1412303998</v>
      </c>
      <c r="E663" s="11">
        <v>46387</v>
      </c>
      <c r="F663" s="9" t="s">
        <v>63</v>
      </c>
      <c r="G663" s="12">
        <v>661</v>
      </c>
      <c r="H663" s="12">
        <f t="shared" si="20"/>
        <v>24</v>
      </c>
      <c r="I663" s="12">
        <f t="shared" si="21"/>
        <v>15</v>
      </c>
    </row>
    <row r="664" spans="1:35" s="5" customFormat="1" ht="27.75" customHeight="1" x14ac:dyDescent="0.4">
      <c r="A664" s="9" t="s">
        <v>137</v>
      </c>
      <c r="B664" s="9" t="s">
        <v>1336</v>
      </c>
      <c r="C664" s="9" t="s">
        <v>1337</v>
      </c>
      <c r="D664" s="18">
        <v>1412310084</v>
      </c>
      <c r="E664" s="11">
        <v>46387</v>
      </c>
      <c r="F664" s="9" t="s">
        <v>63</v>
      </c>
      <c r="G664" s="5">
        <v>662</v>
      </c>
      <c r="H664" s="12">
        <f t="shared" si="20"/>
        <v>26</v>
      </c>
      <c r="I664" s="12">
        <f t="shared" si="21"/>
        <v>8</v>
      </c>
      <c r="J664" s="12"/>
      <c r="K664" s="12"/>
      <c r="L664" s="12"/>
      <c r="M664" s="12"/>
      <c r="N664" s="12"/>
      <c r="O664" s="12"/>
      <c r="P664" s="12"/>
      <c r="Q664" s="12"/>
      <c r="R664" s="12"/>
      <c r="S664" s="12"/>
      <c r="T664" s="12"/>
      <c r="U664" s="12"/>
      <c r="V664" s="12"/>
      <c r="W664" s="12"/>
      <c r="X664" s="12"/>
      <c r="Y664" s="12"/>
      <c r="Z664" s="12"/>
      <c r="AA664" s="12"/>
      <c r="AB664" s="12"/>
      <c r="AC664" s="12"/>
      <c r="AD664" s="12"/>
      <c r="AE664" s="12"/>
      <c r="AF664" s="12"/>
      <c r="AG664" s="12"/>
      <c r="AH664" s="12"/>
      <c r="AI664" s="12"/>
    </row>
    <row r="665" spans="1:35" s="5" customFormat="1" ht="27.75" customHeight="1" x14ac:dyDescent="0.4">
      <c r="A665" s="9" t="s">
        <v>137</v>
      </c>
      <c r="B665" s="13" t="s">
        <v>1338</v>
      </c>
      <c r="C665" s="13" t="s">
        <v>1339</v>
      </c>
      <c r="D665" s="18">
        <v>1412303782</v>
      </c>
      <c r="E665" s="11">
        <v>46387</v>
      </c>
      <c r="F665" s="9" t="s">
        <v>63</v>
      </c>
      <c r="G665" s="12">
        <v>663</v>
      </c>
      <c r="H665" s="12">
        <f t="shared" si="20"/>
        <v>21</v>
      </c>
      <c r="I665" s="12">
        <f t="shared" si="21"/>
        <v>10</v>
      </c>
    </row>
    <row r="666" spans="1:35" s="5" customFormat="1" ht="27.75" customHeight="1" x14ac:dyDescent="0.4">
      <c r="A666" s="9" t="s">
        <v>137</v>
      </c>
      <c r="B666" s="15" t="s">
        <v>1340</v>
      </c>
      <c r="C666" s="16" t="s">
        <v>1341</v>
      </c>
      <c r="D666" s="10">
        <v>1412310324</v>
      </c>
      <c r="E666" s="11">
        <v>46843</v>
      </c>
      <c r="F666" s="9" t="s">
        <v>63</v>
      </c>
      <c r="G666" s="5">
        <v>664</v>
      </c>
      <c r="H666" s="12">
        <f t="shared" si="20"/>
        <v>13</v>
      </c>
      <c r="I666" s="12">
        <f t="shared" si="21"/>
        <v>16</v>
      </c>
    </row>
    <row r="667" spans="1:35" s="5" customFormat="1" ht="27.75" customHeight="1" x14ac:dyDescent="0.4">
      <c r="A667" s="9" t="s">
        <v>137</v>
      </c>
      <c r="B667" s="9" t="s">
        <v>1342</v>
      </c>
      <c r="C667" s="9" t="s">
        <v>1343</v>
      </c>
      <c r="D667" s="18">
        <v>1412310183</v>
      </c>
      <c r="E667" s="11">
        <v>46387</v>
      </c>
      <c r="F667" s="9" t="s">
        <v>63</v>
      </c>
      <c r="G667" s="12">
        <v>665</v>
      </c>
      <c r="H667" s="12">
        <f t="shared" si="20"/>
        <v>19</v>
      </c>
      <c r="I667" s="12">
        <f t="shared" si="21"/>
        <v>18</v>
      </c>
    </row>
    <row r="668" spans="1:35" s="5" customFormat="1" ht="27.75" customHeight="1" x14ac:dyDescent="0.4">
      <c r="A668" s="9" t="s">
        <v>137</v>
      </c>
      <c r="B668" s="9" t="s">
        <v>1344</v>
      </c>
      <c r="C668" s="9" t="s">
        <v>1345</v>
      </c>
      <c r="D668" s="18">
        <v>1412310498</v>
      </c>
      <c r="E668" s="11">
        <v>46934</v>
      </c>
      <c r="F668" s="9" t="s">
        <v>63</v>
      </c>
      <c r="G668" s="5">
        <v>666</v>
      </c>
      <c r="H668" s="12">
        <f t="shared" si="20"/>
        <v>22</v>
      </c>
      <c r="I668" s="12">
        <f t="shared" si="21"/>
        <v>14</v>
      </c>
    </row>
    <row r="669" spans="1:35" s="5" customFormat="1" ht="27.75" customHeight="1" x14ac:dyDescent="0.4">
      <c r="A669" s="9" t="s">
        <v>137</v>
      </c>
      <c r="B669" s="9" t="s">
        <v>1346</v>
      </c>
      <c r="C669" s="9" t="s">
        <v>1347</v>
      </c>
      <c r="D669" s="18">
        <v>1412310142</v>
      </c>
      <c r="E669" s="11">
        <v>47177</v>
      </c>
      <c r="F669" s="9" t="s">
        <v>63</v>
      </c>
      <c r="G669" s="12">
        <v>667</v>
      </c>
      <c r="H669" s="12">
        <f t="shared" si="20"/>
        <v>15</v>
      </c>
      <c r="I669" s="12">
        <f t="shared" si="21"/>
        <v>14</v>
      </c>
    </row>
    <row r="670" spans="1:35" s="5" customFormat="1" ht="27.75" customHeight="1" x14ac:dyDescent="0.4">
      <c r="A670" s="9" t="s">
        <v>137</v>
      </c>
      <c r="B670" s="9" t="s">
        <v>1348</v>
      </c>
      <c r="C670" s="9" t="s">
        <v>1349</v>
      </c>
      <c r="D670" s="18">
        <v>1412310464</v>
      </c>
      <c r="E670" s="11">
        <v>47149</v>
      </c>
      <c r="F670" s="9" t="s">
        <v>63</v>
      </c>
      <c r="G670" s="5">
        <v>668</v>
      </c>
      <c r="H670" s="12">
        <f t="shared" si="20"/>
        <v>19</v>
      </c>
      <c r="I670" s="12">
        <f t="shared" si="21"/>
        <v>19</v>
      </c>
      <c r="J670" s="12"/>
      <c r="K670" s="12"/>
      <c r="L670" s="12"/>
      <c r="M670" s="12"/>
      <c r="N670" s="12"/>
      <c r="O670" s="12"/>
      <c r="P670" s="12"/>
      <c r="Q670" s="12"/>
      <c r="R670" s="12"/>
      <c r="S670" s="12"/>
      <c r="T670" s="12"/>
      <c r="U670" s="12"/>
      <c r="V670" s="12"/>
      <c r="W670" s="12"/>
      <c r="X670" s="12"/>
      <c r="Y670" s="12"/>
      <c r="Z670" s="12"/>
      <c r="AA670" s="12"/>
      <c r="AB670" s="12"/>
      <c r="AC670" s="12"/>
      <c r="AD670" s="12"/>
      <c r="AE670" s="12"/>
      <c r="AF670" s="12"/>
      <c r="AG670" s="12"/>
      <c r="AH670" s="12"/>
      <c r="AI670" s="12"/>
    </row>
    <row r="671" spans="1:35" s="5" customFormat="1" ht="27.75" customHeight="1" x14ac:dyDescent="0.4">
      <c r="A671" s="9" t="s">
        <v>137</v>
      </c>
      <c r="B671" s="9" t="s">
        <v>1350</v>
      </c>
      <c r="C671" s="9" t="s">
        <v>1351</v>
      </c>
      <c r="D671" s="18">
        <v>1412310456</v>
      </c>
      <c r="E671" s="11">
        <v>46477</v>
      </c>
      <c r="F671" s="9" t="s">
        <v>63</v>
      </c>
      <c r="G671" s="12">
        <v>669</v>
      </c>
      <c r="H671" s="12">
        <f t="shared" si="20"/>
        <v>22</v>
      </c>
      <c r="I671" s="12">
        <f t="shared" si="21"/>
        <v>12</v>
      </c>
    </row>
    <row r="672" spans="1:35" s="5" customFormat="1" ht="27.75" customHeight="1" x14ac:dyDescent="0.4">
      <c r="A672" s="9" t="s">
        <v>137</v>
      </c>
      <c r="B672" s="9" t="s">
        <v>1352</v>
      </c>
      <c r="C672" s="9" t="s">
        <v>1353</v>
      </c>
      <c r="D672" s="18">
        <v>1412300036</v>
      </c>
      <c r="E672" s="11">
        <v>46387</v>
      </c>
      <c r="F672" s="9" t="s">
        <v>63</v>
      </c>
      <c r="G672" s="5">
        <v>670</v>
      </c>
      <c r="H672" s="12">
        <f t="shared" si="20"/>
        <v>15</v>
      </c>
      <c r="I672" s="12">
        <f t="shared" si="21"/>
        <v>9</v>
      </c>
    </row>
    <row r="673" spans="1:9" s="5" customFormat="1" ht="27.75" customHeight="1" x14ac:dyDescent="0.4">
      <c r="A673" s="9" t="s">
        <v>137</v>
      </c>
      <c r="B673" s="9" t="s">
        <v>1354</v>
      </c>
      <c r="C673" s="9" t="s">
        <v>1355</v>
      </c>
      <c r="D673" s="18">
        <v>1412303899</v>
      </c>
      <c r="E673" s="11">
        <v>46387</v>
      </c>
      <c r="F673" s="9" t="s">
        <v>63</v>
      </c>
      <c r="G673" s="12">
        <v>671</v>
      </c>
      <c r="H673" s="12">
        <f t="shared" si="20"/>
        <v>12</v>
      </c>
      <c r="I673" s="12">
        <f t="shared" si="21"/>
        <v>10</v>
      </c>
    </row>
    <row r="674" spans="1:9" s="5" customFormat="1" ht="27.75" customHeight="1" x14ac:dyDescent="0.4">
      <c r="A674" s="9" t="s">
        <v>137</v>
      </c>
      <c r="B674" s="13" t="s">
        <v>1356</v>
      </c>
      <c r="C674" s="13" t="s">
        <v>1357</v>
      </c>
      <c r="D674" s="18">
        <v>1412302693</v>
      </c>
      <c r="E674" s="11">
        <v>46387</v>
      </c>
      <c r="F674" s="9" t="s">
        <v>63</v>
      </c>
      <c r="G674" s="5">
        <v>672</v>
      </c>
      <c r="H674" s="12">
        <f t="shared" si="20"/>
        <v>13</v>
      </c>
      <c r="I674" s="12">
        <f t="shared" si="21"/>
        <v>5</v>
      </c>
    </row>
    <row r="675" spans="1:9" s="5" customFormat="1" ht="27.75" customHeight="1" x14ac:dyDescent="0.4">
      <c r="A675" s="9" t="s">
        <v>137</v>
      </c>
      <c r="B675" s="13" t="s">
        <v>1358</v>
      </c>
      <c r="C675" s="9" t="s">
        <v>1359</v>
      </c>
      <c r="D675" s="18">
        <v>1412303378</v>
      </c>
      <c r="E675" s="11">
        <v>46387</v>
      </c>
      <c r="F675" s="9" t="s">
        <v>63</v>
      </c>
      <c r="G675" s="12">
        <v>673</v>
      </c>
      <c r="H675" s="12">
        <f t="shared" si="20"/>
        <v>13</v>
      </c>
      <c r="I675" s="12">
        <f t="shared" si="21"/>
        <v>16</v>
      </c>
    </row>
    <row r="676" spans="1:9" s="5" customFormat="1" ht="27.75" customHeight="1" x14ac:dyDescent="0.4">
      <c r="A676" s="9" t="s">
        <v>137</v>
      </c>
      <c r="B676" s="9" t="s">
        <v>1360</v>
      </c>
      <c r="C676" s="9" t="s">
        <v>1361</v>
      </c>
      <c r="D676" s="18">
        <v>1412302891</v>
      </c>
      <c r="E676" s="11">
        <v>46387</v>
      </c>
      <c r="F676" s="9" t="s">
        <v>63</v>
      </c>
      <c r="G676" s="5">
        <v>674</v>
      </c>
      <c r="H676" s="12">
        <f t="shared" si="20"/>
        <v>12</v>
      </c>
      <c r="I676" s="12">
        <f t="shared" si="21"/>
        <v>14</v>
      </c>
    </row>
    <row r="677" spans="1:9" s="5" customFormat="1" ht="27.75" customHeight="1" x14ac:dyDescent="0.4">
      <c r="A677" s="9" t="s">
        <v>137</v>
      </c>
      <c r="B677" s="15" t="s">
        <v>61</v>
      </c>
      <c r="C677" s="16" t="s">
        <v>62</v>
      </c>
      <c r="D677" s="10">
        <v>1412310597</v>
      </c>
      <c r="E677" s="11">
        <v>47269</v>
      </c>
      <c r="F677" s="9" t="s">
        <v>63</v>
      </c>
      <c r="G677" s="12">
        <v>675</v>
      </c>
      <c r="H677" s="12">
        <f t="shared" si="20"/>
        <v>22</v>
      </c>
      <c r="I677" s="12">
        <f t="shared" si="21"/>
        <v>24</v>
      </c>
    </row>
    <row r="678" spans="1:9" s="5" customFormat="1" ht="27.75" customHeight="1" x14ac:dyDescent="0.4">
      <c r="A678" s="9" t="s">
        <v>137</v>
      </c>
      <c r="B678" s="16" t="s">
        <v>1362</v>
      </c>
      <c r="C678" s="16" t="s">
        <v>1363</v>
      </c>
      <c r="D678" s="10">
        <v>1412303584</v>
      </c>
      <c r="E678" s="11">
        <v>46387</v>
      </c>
      <c r="F678" s="9" t="s">
        <v>63</v>
      </c>
      <c r="G678" s="5">
        <v>676</v>
      </c>
      <c r="H678" s="12">
        <f t="shared" si="20"/>
        <v>13</v>
      </c>
      <c r="I678" s="12">
        <f t="shared" si="21"/>
        <v>18</v>
      </c>
    </row>
    <row r="679" spans="1:9" s="5" customFormat="1" ht="27.75" customHeight="1" x14ac:dyDescent="0.4">
      <c r="A679" s="9" t="s">
        <v>137</v>
      </c>
      <c r="B679" s="9" t="s">
        <v>1364</v>
      </c>
      <c r="C679" s="9" t="s">
        <v>1365</v>
      </c>
      <c r="D679" s="18">
        <v>1412302685</v>
      </c>
      <c r="E679" s="11">
        <v>46873</v>
      </c>
      <c r="F679" s="9" t="s">
        <v>63</v>
      </c>
      <c r="G679" s="12">
        <v>677</v>
      </c>
      <c r="H679" s="12">
        <f t="shared" si="20"/>
        <v>13</v>
      </c>
      <c r="I679" s="12">
        <f t="shared" si="21"/>
        <v>13</v>
      </c>
    </row>
    <row r="680" spans="1:9" s="5" customFormat="1" ht="27.75" customHeight="1" x14ac:dyDescent="0.4">
      <c r="A680" s="17" t="s">
        <v>137</v>
      </c>
      <c r="B680" s="13" t="s">
        <v>1366</v>
      </c>
      <c r="C680" s="13" t="s">
        <v>1367</v>
      </c>
      <c r="D680" s="18">
        <v>1412303543</v>
      </c>
      <c r="E680" s="11">
        <v>46387</v>
      </c>
      <c r="F680" s="9" t="s">
        <v>63</v>
      </c>
      <c r="G680" s="5">
        <v>678</v>
      </c>
      <c r="H680" s="12">
        <f t="shared" si="20"/>
        <v>7</v>
      </c>
      <c r="I680" s="12">
        <f t="shared" si="21"/>
        <v>7</v>
      </c>
    </row>
    <row r="681" spans="1:9" s="5" customFormat="1" ht="27.75" customHeight="1" x14ac:dyDescent="0.4">
      <c r="A681" s="9" t="s">
        <v>137</v>
      </c>
      <c r="B681" s="9" t="s">
        <v>1368</v>
      </c>
      <c r="C681" s="9" t="s">
        <v>1369</v>
      </c>
      <c r="D681" s="18">
        <v>1412302677</v>
      </c>
      <c r="E681" s="11">
        <v>46387</v>
      </c>
      <c r="F681" s="9" t="s">
        <v>63</v>
      </c>
      <c r="G681" s="12">
        <v>679</v>
      </c>
      <c r="H681" s="12">
        <f t="shared" si="20"/>
        <v>10</v>
      </c>
      <c r="I681" s="12">
        <f t="shared" si="21"/>
        <v>9</v>
      </c>
    </row>
    <row r="682" spans="1:9" s="5" customFormat="1" ht="27.75" customHeight="1" x14ac:dyDescent="0.4">
      <c r="A682" s="9" t="s">
        <v>137</v>
      </c>
      <c r="B682" s="9" t="s">
        <v>1370</v>
      </c>
      <c r="C682" s="9" t="s">
        <v>1371</v>
      </c>
      <c r="D682" s="18">
        <v>1412310373</v>
      </c>
      <c r="E682" s="11">
        <v>48304</v>
      </c>
      <c r="F682" s="9" t="s">
        <v>63</v>
      </c>
      <c r="G682" s="5">
        <v>680</v>
      </c>
      <c r="H682" s="12">
        <f t="shared" si="20"/>
        <v>12</v>
      </c>
      <c r="I682" s="12">
        <f t="shared" si="21"/>
        <v>21</v>
      </c>
    </row>
    <row r="683" spans="1:9" s="5" customFormat="1" ht="27.75" customHeight="1" x14ac:dyDescent="0.4">
      <c r="A683" s="9" t="s">
        <v>137</v>
      </c>
      <c r="B683" s="9" t="s">
        <v>1372</v>
      </c>
      <c r="C683" s="9" t="s">
        <v>1373</v>
      </c>
      <c r="D683" s="18">
        <v>1412301869</v>
      </c>
      <c r="E683" s="11">
        <v>46387</v>
      </c>
      <c r="F683" s="9" t="s">
        <v>63</v>
      </c>
      <c r="G683" s="12">
        <v>681</v>
      </c>
      <c r="H683" s="12">
        <f t="shared" si="20"/>
        <v>9</v>
      </c>
      <c r="I683" s="12">
        <f t="shared" si="21"/>
        <v>15</v>
      </c>
    </row>
    <row r="684" spans="1:9" s="5" customFormat="1" ht="27.75" customHeight="1" x14ac:dyDescent="0.4">
      <c r="A684" s="17" t="s">
        <v>137</v>
      </c>
      <c r="B684" s="9" t="s">
        <v>1374</v>
      </c>
      <c r="C684" s="9" t="s">
        <v>1375</v>
      </c>
      <c r="D684" s="18">
        <v>1412302404</v>
      </c>
      <c r="E684" s="11">
        <v>46387</v>
      </c>
      <c r="F684" s="9" t="s">
        <v>63</v>
      </c>
      <c r="G684" s="5">
        <v>682</v>
      </c>
      <c r="H684" s="12">
        <f t="shared" si="20"/>
        <v>9</v>
      </c>
      <c r="I684" s="12">
        <f t="shared" si="21"/>
        <v>6</v>
      </c>
    </row>
    <row r="685" spans="1:9" s="5" customFormat="1" ht="27.75" customHeight="1" x14ac:dyDescent="0.4">
      <c r="A685" s="9" t="s">
        <v>137</v>
      </c>
      <c r="B685" s="9" t="s">
        <v>1376</v>
      </c>
      <c r="C685" s="9" t="s">
        <v>1377</v>
      </c>
      <c r="D685" s="18">
        <v>1412310357</v>
      </c>
      <c r="E685" s="11">
        <v>48213</v>
      </c>
      <c r="F685" s="9" t="s">
        <v>63</v>
      </c>
      <c r="G685" s="12">
        <v>683</v>
      </c>
      <c r="H685" s="12">
        <f t="shared" si="20"/>
        <v>12</v>
      </c>
      <c r="I685" s="12">
        <f t="shared" si="21"/>
        <v>7</v>
      </c>
    </row>
    <row r="686" spans="1:9" s="5" customFormat="1" ht="27.75" customHeight="1" x14ac:dyDescent="0.4">
      <c r="A686" s="9" t="s">
        <v>137</v>
      </c>
      <c r="B686" s="9" t="s">
        <v>1378</v>
      </c>
      <c r="C686" s="9" t="s">
        <v>1379</v>
      </c>
      <c r="D686" s="18">
        <v>1412303972</v>
      </c>
      <c r="E686" s="11">
        <v>46387</v>
      </c>
      <c r="F686" s="9" t="s">
        <v>63</v>
      </c>
      <c r="G686" s="5">
        <v>684</v>
      </c>
      <c r="H686" s="12">
        <f t="shared" si="20"/>
        <v>12</v>
      </c>
      <c r="I686" s="12">
        <f t="shared" si="21"/>
        <v>4</v>
      </c>
    </row>
    <row r="687" spans="1:9" s="5" customFormat="1" ht="27.75" customHeight="1" x14ac:dyDescent="0.4">
      <c r="A687" s="17" t="s">
        <v>137</v>
      </c>
      <c r="B687" s="9" t="s">
        <v>1380</v>
      </c>
      <c r="C687" s="9" t="s">
        <v>1381</v>
      </c>
      <c r="D687" s="18">
        <v>1412302347</v>
      </c>
      <c r="E687" s="11">
        <v>46387</v>
      </c>
      <c r="F687" s="9" t="s">
        <v>63</v>
      </c>
      <c r="G687" s="12">
        <v>685</v>
      </c>
      <c r="H687" s="12">
        <f t="shared" si="20"/>
        <v>9</v>
      </c>
      <c r="I687" s="12">
        <f t="shared" si="21"/>
        <v>11</v>
      </c>
    </row>
    <row r="688" spans="1:9" s="5" customFormat="1" ht="27.75" customHeight="1" x14ac:dyDescent="0.4">
      <c r="A688" s="17" t="s">
        <v>137</v>
      </c>
      <c r="B688" s="54" t="s">
        <v>1382</v>
      </c>
      <c r="C688" s="9" t="s">
        <v>1383</v>
      </c>
      <c r="D688" s="18">
        <v>1412310514</v>
      </c>
      <c r="E688" s="11">
        <v>47483</v>
      </c>
      <c r="F688" s="9" t="s">
        <v>63</v>
      </c>
      <c r="G688" s="5">
        <v>686</v>
      </c>
      <c r="H688" s="12">
        <f t="shared" si="20"/>
        <v>10</v>
      </c>
      <c r="I688" s="12">
        <f t="shared" si="21"/>
        <v>37</v>
      </c>
    </row>
    <row r="689" spans="1:9" s="5" customFormat="1" ht="27.75" customHeight="1" x14ac:dyDescent="0.4">
      <c r="A689" s="9" t="s">
        <v>137</v>
      </c>
      <c r="B689" s="9" t="s">
        <v>1384</v>
      </c>
      <c r="C689" s="9" t="s">
        <v>1385</v>
      </c>
      <c r="D689" s="18">
        <v>1412310019</v>
      </c>
      <c r="E689" s="11">
        <v>46387</v>
      </c>
      <c r="F689" s="9" t="s">
        <v>63</v>
      </c>
      <c r="G689" s="12">
        <v>687</v>
      </c>
      <c r="H689" s="12">
        <f t="shared" si="20"/>
        <v>16</v>
      </c>
      <c r="I689" s="12">
        <f t="shared" si="21"/>
        <v>9</v>
      </c>
    </row>
    <row r="690" spans="1:9" s="5" customFormat="1" ht="27.75" customHeight="1" x14ac:dyDescent="0.4">
      <c r="A690" s="9" t="s">
        <v>137</v>
      </c>
      <c r="B690" s="9" t="s">
        <v>1386</v>
      </c>
      <c r="C690" s="9" t="s">
        <v>1387</v>
      </c>
      <c r="D690" s="18">
        <v>1412300812</v>
      </c>
      <c r="E690" s="11">
        <v>46387</v>
      </c>
      <c r="F690" s="9" t="s">
        <v>63</v>
      </c>
      <c r="G690" s="5">
        <v>688</v>
      </c>
      <c r="H690" s="12">
        <f t="shared" si="20"/>
        <v>10</v>
      </c>
      <c r="I690" s="12">
        <f t="shared" si="21"/>
        <v>13</v>
      </c>
    </row>
    <row r="691" spans="1:9" s="5" customFormat="1" ht="27.75" customHeight="1" x14ac:dyDescent="0.4">
      <c r="A691" s="9" t="s">
        <v>137</v>
      </c>
      <c r="B691" s="9" t="s">
        <v>1388</v>
      </c>
      <c r="C691" s="13" t="s">
        <v>1389</v>
      </c>
      <c r="D691" s="18">
        <v>1412302248</v>
      </c>
      <c r="E691" s="11">
        <v>46387</v>
      </c>
      <c r="F691" s="9" t="s">
        <v>63</v>
      </c>
      <c r="G691" s="12">
        <v>689</v>
      </c>
      <c r="H691" s="12">
        <f t="shared" si="20"/>
        <v>13</v>
      </c>
      <c r="I691" s="12">
        <f t="shared" si="21"/>
        <v>11</v>
      </c>
    </row>
    <row r="692" spans="1:9" s="5" customFormat="1" ht="27.75" customHeight="1" x14ac:dyDescent="0.4">
      <c r="A692" s="9" t="s">
        <v>137</v>
      </c>
      <c r="B692" s="9" t="s">
        <v>1390</v>
      </c>
      <c r="C692" s="9" t="s">
        <v>1391</v>
      </c>
      <c r="D692" s="18">
        <v>1412303121</v>
      </c>
      <c r="E692" s="11">
        <v>46387</v>
      </c>
      <c r="F692" s="9" t="s">
        <v>63</v>
      </c>
      <c r="G692" s="5">
        <v>690</v>
      </c>
      <c r="H692" s="12">
        <f t="shared" si="20"/>
        <v>17</v>
      </c>
      <c r="I692" s="12">
        <f t="shared" si="21"/>
        <v>13</v>
      </c>
    </row>
    <row r="693" spans="1:9" s="5" customFormat="1" ht="27.75" customHeight="1" x14ac:dyDescent="0.4">
      <c r="A693" s="9" t="s">
        <v>137</v>
      </c>
      <c r="B693" s="9" t="s">
        <v>1392</v>
      </c>
      <c r="C693" s="9" t="s">
        <v>1393</v>
      </c>
      <c r="D693" s="18">
        <v>1412310126</v>
      </c>
      <c r="E693" s="11">
        <v>46873</v>
      </c>
      <c r="F693" s="9" t="s">
        <v>63</v>
      </c>
      <c r="G693" s="12">
        <v>691</v>
      </c>
      <c r="H693" s="12">
        <f t="shared" si="20"/>
        <v>15</v>
      </c>
      <c r="I693" s="12">
        <f t="shared" si="21"/>
        <v>9</v>
      </c>
    </row>
    <row r="694" spans="1:9" s="5" customFormat="1" ht="27.75" customHeight="1" x14ac:dyDescent="0.4">
      <c r="A694" s="9" t="s">
        <v>137</v>
      </c>
      <c r="B694" s="9" t="s">
        <v>1394</v>
      </c>
      <c r="C694" s="9" t="s">
        <v>1395</v>
      </c>
      <c r="D694" s="18">
        <v>1412310266</v>
      </c>
      <c r="E694" s="11">
        <v>47787</v>
      </c>
      <c r="F694" s="9" t="s">
        <v>63</v>
      </c>
      <c r="G694" s="5">
        <v>692</v>
      </c>
      <c r="H694" s="12">
        <f t="shared" si="20"/>
        <v>12</v>
      </c>
      <c r="I694" s="12">
        <f t="shared" si="21"/>
        <v>8</v>
      </c>
    </row>
    <row r="695" spans="1:9" s="5" customFormat="1" ht="27.75" customHeight="1" x14ac:dyDescent="0.4">
      <c r="A695" s="9" t="s">
        <v>137</v>
      </c>
      <c r="B695" s="13" t="s">
        <v>1396</v>
      </c>
      <c r="C695" s="9" t="s">
        <v>1397</v>
      </c>
      <c r="D695" s="18">
        <v>1412302438</v>
      </c>
      <c r="E695" s="11">
        <v>46599</v>
      </c>
      <c r="F695" s="9" t="s">
        <v>63</v>
      </c>
      <c r="G695" s="12">
        <v>693</v>
      </c>
      <c r="H695" s="12">
        <f t="shared" si="20"/>
        <v>12</v>
      </c>
      <c r="I695" s="12">
        <f t="shared" si="21"/>
        <v>12</v>
      </c>
    </row>
    <row r="696" spans="1:9" s="5" customFormat="1" ht="27.75" customHeight="1" x14ac:dyDescent="0.4">
      <c r="A696" s="9" t="s">
        <v>137</v>
      </c>
      <c r="B696" s="9" t="s">
        <v>1398</v>
      </c>
      <c r="C696" s="9" t="s">
        <v>1399</v>
      </c>
      <c r="D696" s="18">
        <v>1412303337</v>
      </c>
      <c r="E696" s="11">
        <v>46387</v>
      </c>
      <c r="F696" s="9" t="s">
        <v>63</v>
      </c>
      <c r="G696" s="5">
        <v>694</v>
      </c>
      <c r="H696" s="12">
        <f t="shared" si="20"/>
        <v>11</v>
      </c>
      <c r="I696" s="12">
        <f t="shared" si="21"/>
        <v>16</v>
      </c>
    </row>
    <row r="697" spans="1:9" s="5" customFormat="1" ht="27.75" customHeight="1" x14ac:dyDescent="0.4">
      <c r="A697" s="9" t="s">
        <v>137</v>
      </c>
      <c r="B697" s="9" t="s">
        <v>1400</v>
      </c>
      <c r="C697" s="9" t="s">
        <v>1401</v>
      </c>
      <c r="D697" s="26">
        <v>1412310605</v>
      </c>
      <c r="E697" s="11">
        <v>47330</v>
      </c>
      <c r="F697" s="9" t="s">
        <v>63</v>
      </c>
      <c r="G697" s="12">
        <v>695</v>
      </c>
      <c r="H697" s="12">
        <f t="shared" si="20"/>
        <v>21</v>
      </c>
      <c r="I697" s="12">
        <f t="shared" si="21"/>
        <v>11</v>
      </c>
    </row>
    <row r="698" spans="1:9" s="5" customFormat="1" ht="27.75" customHeight="1" x14ac:dyDescent="0.4">
      <c r="A698" s="9" t="s">
        <v>137</v>
      </c>
      <c r="B698" s="13" t="s">
        <v>1402</v>
      </c>
      <c r="C698" s="9" t="s">
        <v>1403</v>
      </c>
      <c r="D698" s="18">
        <v>1412301125</v>
      </c>
      <c r="E698" s="11">
        <v>46387</v>
      </c>
      <c r="F698" s="9" t="s">
        <v>63</v>
      </c>
      <c r="G698" s="5">
        <v>696</v>
      </c>
      <c r="H698" s="12">
        <f t="shared" si="20"/>
        <v>14</v>
      </c>
      <c r="I698" s="12">
        <f t="shared" si="21"/>
        <v>16</v>
      </c>
    </row>
    <row r="699" spans="1:9" s="5" customFormat="1" ht="27.75" customHeight="1" x14ac:dyDescent="0.4">
      <c r="A699" s="9" t="s">
        <v>137</v>
      </c>
      <c r="B699" s="9" t="s">
        <v>1404</v>
      </c>
      <c r="C699" s="9" t="s">
        <v>1405</v>
      </c>
      <c r="D699" s="18">
        <v>1412303352</v>
      </c>
      <c r="E699" s="11">
        <v>46387</v>
      </c>
      <c r="F699" s="9" t="s">
        <v>63</v>
      </c>
      <c r="G699" s="12">
        <v>697</v>
      </c>
      <c r="H699" s="12">
        <f t="shared" si="20"/>
        <v>13</v>
      </c>
      <c r="I699" s="12">
        <f t="shared" si="21"/>
        <v>17</v>
      </c>
    </row>
    <row r="700" spans="1:9" s="5" customFormat="1" ht="27.75" customHeight="1" x14ac:dyDescent="0.4">
      <c r="A700" s="9" t="s">
        <v>137</v>
      </c>
      <c r="B700" s="9" t="s">
        <v>1406</v>
      </c>
      <c r="C700" s="9" t="s">
        <v>1407</v>
      </c>
      <c r="D700" s="18">
        <v>1412310258</v>
      </c>
      <c r="E700" s="11">
        <v>47848</v>
      </c>
      <c r="F700" s="9" t="s">
        <v>63</v>
      </c>
      <c r="G700" s="5">
        <v>698</v>
      </c>
      <c r="H700" s="12">
        <f t="shared" si="20"/>
        <v>11</v>
      </c>
      <c r="I700" s="12">
        <f t="shared" si="21"/>
        <v>4</v>
      </c>
    </row>
    <row r="701" spans="1:9" s="5" customFormat="1" ht="27.75" customHeight="1" x14ac:dyDescent="0.4">
      <c r="A701" s="9" t="s">
        <v>137</v>
      </c>
      <c r="B701" s="14" t="s">
        <v>1408</v>
      </c>
      <c r="C701" s="9" t="s">
        <v>1409</v>
      </c>
      <c r="D701" s="18">
        <v>1412310738</v>
      </c>
      <c r="E701" s="11">
        <v>47938</v>
      </c>
      <c r="F701" s="9" t="s">
        <v>63</v>
      </c>
      <c r="G701" s="12">
        <v>699</v>
      </c>
      <c r="H701" s="12">
        <f t="shared" si="20"/>
        <v>23</v>
      </c>
      <c r="I701" s="12">
        <f t="shared" si="21"/>
        <v>9</v>
      </c>
    </row>
    <row r="702" spans="1:9" s="5" customFormat="1" ht="27.75" customHeight="1" x14ac:dyDescent="0.4">
      <c r="A702" s="9" t="s">
        <v>137</v>
      </c>
      <c r="B702" s="9" t="s">
        <v>1410</v>
      </c>
      <c r="C702" s="9" t="s">
        <v>1411</v>
      </c>
      <c r="D702" s="18">
        <v>1412303733</v>
      </c>
      <c r="E702" s="11">
        <v>46387</v>
      </c>
      <c r="F702" s="9" t="s">
        <v>63</v>
      </c>
      <c r="G702" s="5">
        <v>700</v>
      </c>
      <c r="H702" s="12">
        <f t="shared" si="20"/>
        <v>12</v>
      </c>
      <c r="I702" s="12">
        <f t="shared" si="21"/>
        <v>20</v>
      </c>
    </row>
    <row r="703" spans="1:9" s="5" customFormat="1" ht="27.75" customHeight="1" x14ac:dyDescent="0.4">
      <c r="A703" s="9" t="s">
        <v>137</v>
      </c>
      <c r="B703" s="9" t="s">
        <v>1412</v>
      </c>
      <c r="C703" s="9" t="s">
        <v>1413</v>
      </c>
      <c r="D703" s="18">
        <v>1412310472</v>
      </c>
      <c r="E703" s="11">
        <v>47999</v>
      </c>
      <c r="F703" s="9" t="s">
        <v>63</v>
      </c>
      <c r="G703" s="12">
        <v>701</v>
      </c>
      <c r="H703" s="12">
        <f t="shared" si="20"/>
        <v>11</v>
      </c>
      <c r="I703" s="12">
        <f t="shared" si="21"/>
        <v>22</v>
      </c>
    </row>
    <row r="704" spans="1:9" s="5" customFormat="1" ht="27.75" customHeight="1" x14ac:dyDescent="0.4">
      <c r="A704" s="17" t="s">
        <v>137</v>
      </c>
      <c r="B704" s="9" t="s">
        <v>1414</v>
      </c>
      <c r="C704" s="9" t="s">
        <v>1415</v>
      </c>
      <c r="D704" s="18">
        <v>1412303865</v>
      </c>
      <c r="E704" s="11">
        <v>46387</v>
      </c>
      <c r="F704" s="9" t="s">
        <v>63</v>
      </c>
      <c r="G704" s="5">
        <v>702</v>
      </c>
      <c r="H704" s="12">
        <f t="shared" si="20"/>
        <v>19</v>
      </c>
      <c r="I704" s="12">
        <f t="shared" si="21"/>
        <v>7</v>
      </c>
    </row>
    <row r="705" spans="1:35" s="5" customFormat="1" ht="27.75" customHeight="1" x14ac:dyDescent="0.4">
      <c r="A705" s="9" t="s">
        <v>137</v>
      </c>
      <c r="B705" s="14" t="s">
        <v>1416</v>
      </c>
      <c r="C705" s="9" t="s">
        <v>1417</v>
      </c>
      <c r="D705" s="18">
        <v>1412302784</v>
      </c>
      <c r="E705" s="11">
        <v>46387</v>
      </c>
      <c r="F705" s="9" t="s">
        <v>63</v>
      </c>
      <c r="G705" s="12">
        <v>703</v>
      </c>
      <c r="H705" s="12">
        <f t="shared" si="20"/>
        <v>11</v>
      </c>
      <c r="I705" s="12">
        <f t="shared" si="21"/>
        <v>14</v>
      </c>
    </row>
    <row r="706" spans="1:35" s="5" customFormat="1" ht="27.75" customHeight="1" x14ac:dyDescent="0.4">
      <c r="A706" s="9" t="s">
        <v>137</v>
      </c>
      <c r="B706" s="9" t="s">
        <v>1418</v>
      </c>
      <c r="C706" s="9" t="s">
        <v>1419</v>
      </c>
      <c r="D706" s="18">
        <v>1412310209</v>
      </c>
      <c r="E706" s="11">
        <v>47422</v>
      </c>
      <c r="F706" s="9" t="s">
        <v>63</v>
      </c>
      <c r="G706" s="5">
        <v>704</v>
      </c>
      <c r="H706" s="12">
        <f t="shared" si="20"/>
        <v>11</v>
      </c>
      <c r="I706" s="12">
        <f t="shared" si="21"/>
        <v>14</v>
      </c>
    </row>
    <row r="707" spans="1:35" s="5" customFormat="1" ht="27.75" customHeight="1" x14ac:dyDescent="0.4">
      <c r="A707" s="9" t="s">
        <v>137</v>
      </c>
      <c r="B707" s="9" t="s">
        <v>1420</v>
      </c>
      <c r="C707" s="9" t="s">
        <v>1421</v>
      </c>
      <c r="D707" s="18">
        <v>1412303980</v>
      </c>
      <c r="E707" s="11">
        <v>47330</v>
      </c>
      <c r="F707" s="9" t="s">
        <v>63</v>
      </c>
      <c r="G707" s="12">
        <v>705</v>
      </c>
      <c r="H707" s="12">
        <f t="shared" si="20"/>
        <v>11</v>
      </c>
      <c r="I707" s="12">
        <f t="shared" si="21"/>
        <v>12</v>
      </c>
    </row>
    <row r="708" spans="1:35" s="5" customFormat="1" ht="27.75" customHeight="1" x14ac:dyDescent="0.4">
      <c r="A708" s="9" t="s">
        <v>137</v>
      </c>
      <c r="B708" s="9" t="s">
        <v>1422</v>
      </c>
      <c r="C708" s="9" t="s">
        <v>1423</v>
      </c>
      <c r="D708" s="18">
        <v>1412303063</v>
      </c>
      <c r="E708" s="11">
        <v>46387</v>
      </c>
      <c r="F708" s="9" t="s">
        <v>63</v>
      </c>
      <c r="G708" s="5">
        <v>706</v>
      </c>
      <c r="H708" s="12">
        <f t="shared" ref="H708:H771" si="22">LEN(C708)</f>
        <v>15</v>
      </c>
      <c r="I708" s="12">
        <f t="shared" ref="I708:I771" si="23">LEN(B708)</f>
        <v>10</v>
      </c>
    </row>
    <row r="709" spans="1:35" s="5" customFormat="1" ht="27.75" customHeight="1" x14ac:dyDescent="0.4">
      <c r="A709" s="9" t="s">
        <v>137</v>
      </c>
      <c r="B709" s="16" t="s">
        <v>1424</v>
      </c>
      <c r="C709" s="16" t="s">
        <v>1425</v>
      </c>
      <c r="D709" s="10">
        <v>1412303790</v>
      </c>
      <c r="E709" s="11">
        <v>46387</v>
      </c>
      <c r="F709" s="9" t="s">
        <v>63</v>
      </c>
      <c r="G709" s="12">
        <v>707</v>
      </c>
      <c r="H709" s="12">
        <f t="shared" si="22"/>
        <v>12</v>
      </c>
      <c r="I709" s="12">
        <f t="shared" si="23"/>
        <v>7</v>
      </c>
      <c r="J709" s="12"/>
      <c r="K709" s="12"/>
      <c r="L709" s="12"/>
      <c r="M709" s="12"/>
      <c r="N709" s="12"/>
      <c r="O709" s="12"/>
      <c r="P709" s="12"/>
      <c r="Q709" s="12"/>
      <c r="R709" s="12"/>
      <c r="S709" s="12"/>
      <c r="T709" s="12"/>
      <c r="U709" s="12"/>
      <c r="V709" s="12"/>
      <c r="W709" s="12"/>
      <c r="X709" s="12"/>
      <c r="Y709" s="12"/>
      <c r="Z709" s="12"/>
      <c r="AA709" s="12"/>
      <c r="AB709" s="12"/>
      <c r="AC709" s="12"/>
      <c r="AD709" s="12"/>
      <c r="AE709" s="12"/>
      <c r="AF709" s="12"/>
      <c r="AG709" s="12"/>
      <c r="AH709" s="12"/>
      <c r="AI709" s="12"/>
    </row>
    <row r="710" spans="1:35" s="5" customFormat="1" ht="27.75" customHeight="1" x14ac:dyDescent="0.4">
      <c r="A710" s="9" t="s">
        <v>137</v>
      </c>
      <c r="B710" s="13" t="s">
        <v>1426</v>
      </c>
      <c r="C710" s="13" t="s">
        <v>1427</v>
      </c>
      <c r="D710" s="18">
        <v>1412310639</v>
      </c>
      <c r="E710" s="11">
        <v>47968</v>
      </c>
      <c r="F710" s="9" t="s">
        <v>63</v>
      </c>
      <c r="G710" s="5">
        <v>708</v>
      </c>
      <c r="H710" s="12">
        <f t="shared" si="22"/>
        <v>12</v>
      </c>
      <c r="I710" s="12">
        <f t="shared" si="23"/>
        <v>27</v>
      </c>
    </row>
    <row r="711" spans="1:35" s="5" customFormat="1" ht="27.75" customHeight="1" x14ac:dyDescent="0.4">
      <c r="A711" s="9" t="s">
        <v>137</v>
      </c>
      <c r="B711" s="9" t="s">
        <v>1428</v>
      </c>
      <c r="C711" s="9" t="s">
        <v>1429</v>
      </c>
      <c r="D711" s="18">
        <v>1412301398</v>
      </c>
      <c r="E711" s="11">
        <v>46387</v>
      </c>
      <c r="F711" s="9" t="s">
        <v>63</v>
      </c>
      <c r="G711" s="12">
        <v>709</v>
      </c>
      <c r="H711" s="12">
        <f t="shared" si="22"/>
        <v>13</v>
      </c>
      <c r="I711" s="12">
        <f t="shared" si="23"/>
        <v>4</v>
      </c>
      <c r="J711" s="12"/>
      <c r="K711" s="12"/>
      <c r="L711" s="12"/>
      <c r="M711" s="12"/>
      <c r="N711" s="12"/>
      <c r="O711" s="12"/>
      <c r="P711" s="12"/>
      <c r="Q711" s="12"/>
      <c r="R711" s="12"/>
      <c r="S711" s="12"/>
      <c r="T711" s="12"/>
      <c r="U711" s="12"/>
      <c r="V711" s="12"/>
      <c r="W711" s="12"/>
      <c r="X711" s="12"/>
      <c r="Y711" s="12"/>
      <c r="Z711" s="12"/>
      <c r="AA711" s="12"/>
      <c r="AB711" s="12"/>
      <c r="AC711" s="12"/>
      <c r="AD711" s="12"/>
      <c r="AE711" s="12"/>
      <c r="AF711" s="12"/>
      <c r="AG711" s="12"/>
      <c r="AH711" s="12"/>
      <c r="AI711" s="12"/>
    </row>
    <row r="712" spans="1:35" s="5" customFormat="1" ht="27.75" customHeight="1" x14ac:dyDescent="0.4">
      <c r="A712" s="9" t="s">
        <v>137</v>
      </c>
      <c r="B712" s="9" t="s">
        <v>1430</v>
      </c>
      <c r="C712" s="9" t="s">
        <v>1431</v>
      </c>
      <c r="D712" s="18">
        <v>1412304020</v>
      </c>
      <c r="E712" s="11">
        <v>46387</v>
      </c>
      <c r="F712" s="9" t="s">
        <v>63</v>
      </c>
      <c r="G712" s="5">
        <v>710</v>
      </c>
      <c r="H712" s="12">
        <f t="shared" si="22"/>
        <v>16</v>
      </c>
      <c r="I712" s="12">
        <f t="shared" si="23"/>
        <v>10</v>
      </c>
    </row>
    <row r="713" spans="1:35" s="5" customFormat="1" ht="27.75" customHeight="1" x14ac:dyDescent="0.4">
      <c r="A713" s="9" t="s">
        <v>137</v>
      </c>
      <c r="B713" s="13" t="s">
        <v>1432</v>
      </c>
      <c r="C713" s="9" t="s">
        <v>1433</v>
      </c>
      <c r="D713" s="18">
        <v>1412303626</v>
      </c>
      <c r="E713" s="11">
        <v>46418</v>
      </c>
      <c r="F713" s="9" t="s">
        <v>63</v>
      </c>
      <c r="G713" s="12">
        <v>711</v>
      </c>
      <c r="H713" s="12">
        <f t="shared" si="22"/>
        <v>13</v>
      </c>
      <c r="I713" s="12">
        <f t="shared" si="23"/>
        <v>7</v>
      </c>
    </row>
    <row r="714" spans="1:35" s="5" customFormat="1" ht="27.75" customHeight="1" x14ac:dyDescent="0.4">
      <c r="A714" s="9" t="s">
        <v>137</v>
      </c>
      <c r="B714" s="14" t="s">
        <v>1434</v>
      </c>
      <c r="C714" s="9" t="s">
        <v>1435</v>
      </c>
      <c r="D714" s="18">
        <v>1412302982</v>
      </c>
      <c r="E714" s="11">
        <v>46387</v>
      </c>
      <c r="F714" s="9" t="s">
        <v>63</v>
      </c>
      <c r="G714" s="5">
        <v>712</v>
      </c>
      <c r="H714" s="12">
        <f t="shared" si="22"/>
        <v>12</v>
      </c>
      <c r="I714" s="12">
        <f t="shared" si="23"/>
        <v>8</v>
      </c>
    </row>
    <row r="715" spans="1:35" s="5" customFormat="1" ht="27.75" customHeight="1" x14ac:dyDescent="0.4">
      <c r="A715" s="9" t="s">
        <v>137</v>
      </c>
      <c r="B715" s="9" t="s">
        <v>1436</v>
      </c>
      <c r="C715" s="9" t="s">
        <v>1435</v>
      </c>
      <c r="D715" s="18">
        <v>1412303006</v>
      </c>
      <c r="E715" s="11">
        <v>46387</v>
      </c>
      <c r="F715" s="9" t="s">
        <v>63</v>
      </c>
      <c r="G715" s="12">
        <v>713</v>
      </c>
      <c r="H715" s="12">
        <f t="shared" si="22"/>
        <v>12</v>
      </c>
      <c r="I715" s="12">
        <f t="shared" si="23"/>
        <v>13</v>
      </c>
    </row>
    <row r="716" spans="1:35" s="5" customFormat="1" ht="27.75" customHeight="1" x14ac:dyDescent="0.4">
      <c r="A716" s="9" t="s">
        <v>137</v>
      </c>
      <c r="B716" s="9" t="s">
        <v>1437</v>
      </c>
      <c r="C716" s="9" t="s">
        <v>1438</v>
      </c>
      <c r="D716" s="18">
        <v>1412300788</v>
      </c>
      <c r="E716" s="11">
        <v>46387</v>
      </c>
      <c r="F716" s="9" t="s">
        <v>63</v>
      </c>
      <c r="G716" s="5">
        <v>714</v>
      </c>
      <c r="H716" s="12">
        <f t="shared" si="22"/>
        <v>10</v>
      </c>
      <c r="I716" s="12">
        <f t="shared" si="23"/>
        <v>14</v>
      </c>
    </row>
    <row r="717" spans="1:35" s="5" customFormat="1" ht="27.75" customHeight="1" x14ac:dyDescent="0.4">
      <c r="A717" s="9" t="s">
        <v>137</v>
      </c>
      <c r="B717" s="9" t="s">
        <v>1439</v>
      </c>
      <c r="C717" s="9" t="s">
        <v>1440</v>
      </c>
      <c r="D717" s="18">
        <v>1412302719</v>
      </c>
      <c r="E717" s="11">
        <v>46387</v>
      </c>
      <c r="F717" s="9" t="s">
        <v>63</v>
      </c>
      <c r="G717" s="12">
        <v>715</v>
      </c>
      <c r="H717" s="12">
        <f t="shared" si="22"/>
        <v>13</v>
      </c>
      <c r="I717" s="12">
        <f t="shared" si="23"/>
        <v>11</v>
      </c>
    </row>
    <row r="718" spans="1:35" s="5" customFormat="1" ht="27.75" customHeight="1" x14ac:dyDescent="0.4">
      <c r="A718" s="9" t="s">
        <v>137</v>
      </c>
      <c r="B718" s="9" t="s">
        <v>1441</v>
      </c>
      <c r="C718" s="9" t="s">
        <v>1442</v>
      </c>
      <c r="D718" s="18">
        <v>1412302958</v>
      </c>
      <c r="E718" s="11">
        <v>46568</v>
      </c>
      <c r="F718" s="9" t="s">
        <v>63</v>
      </c>
      <c r="G718" s="5">
        <v>716</v>
      </c>
      <c r="H718" s="12">
        <f t="shared" si="22"/>
        <v>13</v>
      </c>
      <c r="I718" s="12">
        <f t="shared" si="23"/>
        <v>15</v>
      </c>
    </row>
    <row r="719" spans="1:35" s="5" customFormat="1" ht="27.75" customHeight="1" x14ac:dyDescent="0.4">
      <c r="A719" s="9" t="s">
        <v>137</v>
      </c>
      <c r="B719" s="16" t="s">
        <v>1443</v>
      </c>
      <c r="C719" s="16" t="s">
        <v>1444</v>
      </c>
      <c r="D719" s="26">
        <v>1412310118</v>
      </c>
      <c r="E719" s="11">
        <v>46387</v>
      </c>
      <c r="F719" s="9" t="s">
        <v>63</v>
      </c>
      <c r="G719" s="12">
        <v>717</v>
      </c>
      <c r="H719" s="12">
        <f t="shared" si="22"/>
        <v>22</v>
      </c>
      <c r="I719" s="12">
        <f t="shared" si="23"/>
        <v>15</v>
      </c>
    </row>
    <row r="720" spans="1:35" s="5" customFormat="1" ht="27.75" customHeight="1" x14ac:dyDescent="0.4">
      <c r="A720" s="9" t="s">
        <v>137</v>
      </c>
      <c r="B720" s="9" t="s">
        <v>1445</v>
      </c>
      <c r="C720" s="9" t="s">
        <v>1446</v>
      </c>
      <c r="D720" s="18">
        <v>1412302925</v>
      </c>
      <c r="E720" s="11">
        <v>46387</v>
      </c>
      <c r="F720" s="9" t="s">
        <v>63</v>
      </c>
      <c r="G720" s="5">
        <v>718</v>
      </c>
      <c r="H720" s="12">
        <f t="shared" si="22"/>
        <v>9</v>
      </c>
      <c r="I720" s="12">
        <f t="shared" si="23"/>
        <v>4</v>
      </c>
    </row>
    <row r="721" spans="1:9" s="5" customFormat="1" ht="27.75" customHeight="1" x14ac:dyDescent="0.4">
      <c r="A721" s="9" t="s">
        <v>137</v>
      </c>
      <c r="B721" s="13" t="s">
        <v>1447</v>
      </c>
      <c r="C721" s="13" t="s">
        <v>1448</v>
      </c>
      <c r="D721" s="18">
        <v>1412310704</v>
      </c>
      <c r="E721" s="11">
        <v>47848</v>
      </c>
      <c r="F721" s="9" t="s">
        <v>63</v>
      </c>
      <c r="G721" s="12">
        <v>719</v>
      </c>
      <c r="H721" s="12">
        <f t="shared" si="22"/>
        <v>12</v>
      </c>
      <c r="I721" s="12">
        <f t="shared" si="23"/>
        <v>8</v>
      </c>
    </row>
    <row r="722" spans="1:9" s="5" customFormat="1" ht="27.75" customHeight="1" x14ac:dyDescent="0.4">
      <c r="A722" s="9" t="s">
        <v>137</v>
      </c>
      <c r="B722" s="9" t="s">
        <v>1449</v>
      </c>
      <c r="C722" s="9" t="s">
        <v>1450</v>
      </c>
      <c r="D722" s="18">
        <v>1412303295</v>
      </c>
      <c r="E722" s="11">
        <v>46387</v>
      </c>
      <c r="F722" s="9" t="s">
        <v>63</v>
      </c>
      <c r="G722" s="5">
        <v>720</v>
      </c>
      <c r="H722" s="12">
        <f t="shared" si="22"/>
        <v>11</v>
      </c>
      <c r="I722" s="12">
        <f t="shared" si="23"/>
        <v>18</v>
      </c>
    </row>
    <row r="723" spans="1:9" s="5" customFormat="1" ht="27.75" customHeight="1" x14ac:dyDescent="0.4">
      <c r="A723" s="17" t="s">
        <v>137</v>
      </c>
      <c r="B723" s="9" t="s">
        <v>1451</v>
      </c>
      <c r="C723" s="9" t="s">
        <v>1452</v>
      </c>
      <c r="D723" s="18">
        <v>1412303725</v>
      </c>
      <c r="E723" s="11">
        <v>46387</v>
      </c>
      <c r="F723" s="9" t="s">
        <v>63</v>
      </c>
      <c r="G723" s="12">
        <v>721</v>
      </c>
      <c r="H723" s="12">
        <f t="shared" si="22"/>
        <v>24</v>
      </c>
      <c r="I723" s="12">
        <f t="shared" si="23"/>
        <v>6</v>
      </c>
    </row>
    <row r="724" spans="1:9" s="5" customFormat="1" ht="27.75" customHeight="1" x14ac:dyDescent="0.4">
      <c r="A724" s="9" t="s">
        <v>137</v>
      </c>
      <c r="B724" s="9" t="s">
        <v>1453</v>
      </c>
      <c r="C724" s="9" t="s">
        <v>1454</v>
      </c>
      <c r="D724" s="18">
        <v>1412302537</v>
      </c>
      <c r="E724" s="11">
        <v>46387</v>
      </c>
      <c r="F724" s="9" t="s">
        <v>63</v>
      </c>
      <c r="G724" s="5">
        <v>722</v>
      </c>
      <c r="H724" s="12">
        <f t="shared" si="22"/>
        <v>11</v>
      </c>
      <c r="I724" s="12">
        <f t="shared" si="23"/>
        <v>20</v>
      </c>
    </row>
    <row r="725" spans="1:9" s="5" customFormat="1" ht="27.75" customHeight="1" x14ac:dyDescent="0.4">
      <c r="A725" s="9" t="s">
        <v>137</v>
      </c>
      <c r="B725" s="9" t="s">
        <v>1455</v>
      </c>
      <c r="C725" s="9" t="s">
        <v>1456</v>
      </c>
      <c r="D725" s="18">
        <v>1412310316</v>
      </c>
      <c r="E725" s="11">
        <v>47848</v>
      </c>
      <c r="F725" s="9" t="s">
        <v>63</v>
      </c>
      <c r="G725" s="12">
        <v>723</v>
      </c>
      <c r="H725" s="12">
        <f t="shared" si="22"/>
        <v>10</v>
      </c>
      <c r="I725" s="12">
        <f t="shared" si="23"/>
        <v>18</v>
      </c>
    </row>
    <row r="726" spans="1:9" s="5" customFormat="1" ht="27.75" customHeight="1" x14ac:dyDescent="0.4">
      <c r="A726" s="9" t="s">
        <v>137</v>
      </c>
      <c r="B726" s="9" t="s">
        <v>1457</v>
      </c>
      <c r="C726" s="9" t="s">
        <v>1458</v>
      </c>
      <c r="D726" s="18">
        <v>1412303485</v>
      </c>
      <c r="E726" s="11">
        <v>46387</v>
      </c>
      <c r="F726" s="9" t="s">
        <v>63</v>
      </c>
      <c r="G726" s="5">
        <v>724</v>
      </c>
      <c r="H726" s="12">
        <f t="shared" si="22"/>
        <v>10</v>
      </c>
      <c r="I726" s="12">
        <f t="shared" si="23"/>
        <v>25</v>
      </c>
    </row>
    <row r="727" spans="1:9" s="5" customFormat="1" ht="27.75" customHeight="1" x14ac:dyDescent="0.4">
      <c r="A727" s="17" t="s">
        <v>137</v>
      </c>
      <c r="B727" s="9" t="s">
        <v>1459</v>
      </c>
      <c r="C727" s="9" t="s">
        <v>1460</v>
      </c>
      <c r="D727" s="18">
        <v>1412301075</v>
      </c>
      <c r="E727" s="11">
        <v>46446</v>
      </c>
      <c r="F727" s="9" t="s">
        <v>63</v>
      </c>
      <c r="G727" s="12">
        <v>725</v>
      </c>
      <c r="H727" s="12">
        <f t="shared" si="22"/>
        <v>9</v>
      </c>
      <c r="I727" s="12">
        <f t="shared" si="23"/>
        <v>15</v>
      </c>
    </row>
    <row r="728" spans="1:9" s="5" customFormat="1" ht="27.75" customHeight="1" x14ac:dyDescent="0.4">
      <c r="A728" s="9" t="s">
        <v>137</v>
      </c>
      <c r="B728" s="9" t="s">
        <v>1461</v>
      </c>
      <c r="C728" s="9" t="s">
        <v>1462</v>
      </c>
      <c r="D728" s="18">
        <v>1412310407</v>
      </c>
      <c r="E728" s="11">
        <v>48487</v>
      </c>
      <c r="F728" s="9" t="s">
        <v>63</v>
      </c>
      <c r="G728" s="5">
        <v>726</v>
      </c>
      <c r="H728" s="12">
        <f t="shared" si="22"/>
        <v>16</v>
      </c>
      <c r="I728" s="12">
        <f t="shared" si="23"/>
        <v>21</v>
      </c>
    </row>
    <row r="729" spans="1:9" s="5" customFormat="1" ht="27.75" customHeight="1" x14ac:dyDescent="0.4">
      <c r="A729" s="9" t="s">
        <v>137</v>
      </c>
      <c r="B729" s="9" t="s">
        <v>1463</v>
      </c>
      <c r="C729" s="9" t="s">
        <v>1464</v>
      </c>
      <c r="D729" s="18">
        <v>1412310613</v>
      </c>
      <c r="E729" s="11">
        <v>48029</v>
      </c>
      <c r="F729" s="9" t="s">
        <v>63</v>
      </c>
      <c r="G729" s="12">
        <v>727</v>
      </c>
      <c r="H729" s="12">
        <f t="shared" si="22"/>
        <v>23</v>
      </c>
      <c r="I729" s="12">
        <f t="shared" si="23"/>
        <v>17</v>
      </c>
    </row>
    <row r="730" spans="1:9" s="5" customFormat="1" ht="27.75" customHeight="1" x14ac:dyDescent="0.4">
      <c r="A730" s="9" t="s">
        <v>137</v>
      </c>
      <c r="B730" s="9" t="s">
        <v>1465</v>
      </c>
      <c r="C730" s="9" t="s">
        <v>1466</v>
      </c>
      <c r="D730" s="18">
        <v>1412303949</v>
      </c>
      <c r="E730" s="11">
        <v>46387</v>
      </c>
      <c r="F730" s="9" t="s">
        <v>63</v>
      </c>
      <c r="G730" s="5">
        <v>728</v>
      </c>
      <c r="H730" s="12">
        <f t="shared" si="22"/>
        <v>14</v>
      </c>
      <c r="I730" s="12">
        <f t="shared" si="23"/>
        <v>7</v>
      </c>
    </row>
    <row r="731" spans="1:9" s="5" customFormat="1" ht="27.75" customHeight="1" x14ac:dyDescent="0.4">
      <c r="A731" s="9" t="s">
        <v>137</v>
      </c>
      <c r="B731" s="9" t="s">
        <v>1467</v>
      </c>
      <c r="C731" s="9" t="s">
        <v>1468</v>
      </c>
      <c r="D731" s="18">
        <v>1412302511</v>
      </c>
      <c r="E731" s="11">
        <v>46387</v>
      </c>
      <c r="F731" s="9" t="s">
        <v>63</v>
      </c>
      <c r="G731" s="12">
        <v>729</v>
      </c>
      <c r="H731" s="12">
        <f t="shared" si="22"/>
        <v>13</v>
      </c>
      <c r="I731" s="12">
        <f t="shared" si="23"/>
        <v>16</v>
      </c>
    </row>
    <row r="732" spans="1:9" s="5" customFormat="1" ht="27.75" customHeight="1" x14ac:dyDescent="0.4">
      <c r="A732" s="9" t="s">
        <v>137</v>
      </c>
      <c r="B732" s="9" t="s">
        <v>1469</v>
      </c>
      <c r="C732" s="9" t="s">
        <v>1470</v>
      </c>
      <c r="D732" s="18">
        <v>1412310290</v>
      </c>
      <c r="E732" s="11">
        <v>47968</v>
      </c>
      <c r="F732" s="9" t="s">
        <v>63</v>
      </c>
      <c r="G732" s="5">
        <v>730</v>
      </c>
      <c r="H732" s="12">
        <f t="shared" si="22"/>
        <v>18</v>
      </c>
      <c r="I732" s="12">
        <f t="shared" si="23"/>
        <v>22</v>
      </c>
    </row>
    <row r="733" spans="1:9" s="5" customFormat="1" ht="27.75" customHeight="1" x14ac:dyDescent="0.4">
      <c r="A733" s="9" t="s">
        <v>137</v>
      </c>
      <c r="B733" s="9" t="s">
        <v>1471</v>
      </c>
      <c r="C733" s="9" t="s">
        <v>1472</v>
      </c>
      <c r="D733" s="18">
        <v>1412302974</v>
      </c>
      <c r="E733" s="11">
        <v>46387</v>
      </c>
      <c r="F733" s="9" t="s">
        <v>63</v>
      </c>
      <c r="G733" s="12">
        <v>731</v>
      </c>
      <c r="H733" s="12">
        <f t="shared" si="22"/>
        <v>10</v>
      </c>
      <c r="I733" s="12">
        <f t="shared" si="23"/>
        <v>12</v>
      </c>
    </row>
    <row r="734" spans="1:9" s="5" customFormat="1" ht="27.75" customHeight="1" x14ac:dyDescent="0.4">
      <c r="A734" s="9" t="s">
        <v>137</v>
      </c>
      <c r="B734" s="9" t="s">
        <v>1473</v>
      </c>
      <c r="C734" s="9" t="s">
        <v>1474</v>
      </c>
      <c r="D734" s="18">
        <v>1412303915</v>
      </c>
      <c r="E734" s="11">
        <v>46387</v>
      </c>
      <c r="F734" s="9" t="s">
        <v>63</v>
      </c>
      <c r="G734" s="5">
        <v>732</v>
      </c>
      <c r="H734" s="12">
        <f t="shared" si="22"/>
        <v>8</v>
      </c>
      <c r="I734" s="12">
        <f t="shared" si="23"/>
        <v>9</v>
      </c>
    </row>
    <row r="735" spans="1:9" s="5" customFormat="1" ht="27.75" customHeight="1" x14ac:dyDescent="0.4">
      <c r="A735" s="9" t="s">
        <v>137</v>
      </c>
      <c r="B735" s="9" t="s">
        <v>1475</v>
      </c>
      <c r="C735" s="9" t="s">
        <v>1476</v>
      </c>
      <c r="D735" s="18">
        <v>1412302651</v>
      </c>
      <c r="E735" s="11">
        <v>46387</v>
      </c>
      <c r="F735" s="9" t="s">
        <v>63</v>
      </c>
      <c r="G735" s="12">
        <v>733</v>
      </c>
      <c r="H735" s="12">
        <f t="shared" si="22"/>
        <v>13</v>
      </c>
      <c r="I735" s="12">
        <f t="shared" si="23"/>
        <v>15</v>
      </c>
    </row>
    <row r="736" spans="1:9" s="5" customFormat="1" ht="27.75" customHeight="1" x14ac:dyDescent="0.4">
      <c r="A736" s="9" t="s">
        <v>137</v>
      </c>
      <c r="B736" s="9" t="s">
        <v>1477</v>
      </c>
      <c r="C736" s="9" t="s">
        <v>1478</v>
      </c>
      <c r="D736" s="18">
        <v>1412302354</v>
      </c>
      <c r="E736" s="11">
        <v>46387</v>
      </c>
      <c r="F736" s="9" t="s">
        <v>63</v>
      </c>
      <c r="G736" s="5">
        <v>734</v>
      </c>
      <c r="H736" s="12">
        <f t="shared" si="22"/>
        <v>13</v>
      </c>
      <c r="I736" s="12">
        <f t="shared" si="23"/>
        <v>13</v>
      </c>
    </row>
    <row r="737" spans="1:35" s="5" customFormat="1" ht="27.75" customHeight="1" x14ac:dyDescent="0.4">
      <c r="A737" s="9" t="s">
        <v>137</v>
      </c>
      <c r="B737" s="9" t="s">
        <v>1479</v>
      </c>
      <c r="C737" s="9" t="s">
        <v>1480</v>
      </c>
      <c r="D737" s="18">
        <v>1412303089</v>
      </c>
      <c r="E737" s="11">
        <v>46387</v>
      </c>
      <c r="F737" s="9" t="s">
        <v>63</v>
      </c>
      <c r="G737" s="12">
        <v>735</v>
      </c>
      <c r="H737" s="12">
        <f t="shared" si="22"/>
        <v>10</v>
      </c>
      <c r="I737" s="12">
        <f t="shared" si="23"/>
        <v>14</v>
      </c>
    </row>
    <row r="738" spans="1:35" s="5" customFormat="1" ht="27.75" customHeight="1" x14ac:dyDescent="0.4">
      <c r="A738" s="9" t="s">
        <v>137</v>
      </c>
      <c r="B738" s="9" t="s">
        <v>1481</v>
      </c>
      <c r="C738" s="9" t="s">
        <v>1482</v>
      </c>
      <c r="D738" s="18">
        <v>1412302446</v>
      </c>
      <c r="E738" s="11">
        <v>46387</v>
      </c>
      <c r="F738" s="9" t="s">
        <v>63</v>
      </c>
      <c r="G738" s="5">
        <v>736</v>
      </c>
      <c r="H738" s="12">
        <f t="shared" si="22"/>
        <v>13</v>
      </c>
      <c r="I738" s="12">
        <f t="shared" si="23"/>
        <v>14</v>
      </c>
    </row>
    <row r="739" spans="1:35" s="5" customFormat="1" ht="27.75" customHeight="1" x14ac:dyDescent="0.4">
      <c r="A739" s="9" t="s">
        <v>137</v>
      </c>
      <c r="B739" s="14" t="s">
        <v>1483</v>
      </c>
      <c r="C739" s="9" t="s">
        <v>1484</v>
      </c>
      <c r="D739" s="18">
        <v>1412302388</v>
      </c>
      <c r="E739" s="11">
        <v>46387</v>
      </c>
      <c r="F739" s="9" t="s">
        <v>63</v>
      </c>
      <c r="G739" s="12">
        <v>737</v>
      </c>
      <c r="H739" s="12">
        <f t="shared" si="22"/>
        <v>12</v>
      </c>
      <c r="I739" s="12">
        <f t="shared" si="23"/>
        <v>14</v>
      </c>
    </row>
    <row r="740" spans="1:35" s="5" customFormat="1" ht="27.75" customHeight="1" x14ac:dyDescent="0.4">
      <c r="A740" s="9" t="s">
        <v>137</v>
      </c>
      <c r="B740" s="14" t="s">
        <v>1485</v>
      </c>
      <c r="C740" s="9" t="s">
        <v>1486</v>
      </c>
      <c r="D740" s="18">
        <v>1412303691</v>
      </c>
      <c r="E740" s="11">
        <v>46387</v>
      </c>
      <c r="F740" s="9" t="s">
        <v>63</v>
      </c>
      <c r="G740" s="5">
        <v>738</v>
      </c>
      <c r="H740" s="12">
        <f t="shared" si="22"/>
        <v>11</v>
      </c>
      <c r="I740" s="12">
        <f t="shared" si="23"/>
        <v>16</v>
      </c>
    </row>
    <row r="741" spans="1:35" s="5" customFormat="1" ht="27.75" customHeight="1" x14ac:dyDescent="0.4">
      <c r="A741" s="9" t="s">
        <v>137</v>
      </c>
      <c r="B741" s="9" t="s">
        <v>1487</v>
      </c>
      <c r="C741" s="9" t="s">
        <v>1488</v>
      </c>
      <c r="D741" s="18">
        <v>1412310670</v>
      </c>
      <c r="E741" s="11">
        <v>47726</v>
      </c>
      <c r="F741" s="9" t="s">
        <v>63</v>
      </c>
      <c r="G741" s="12">
        <v>739</v>
      </c>
      <c r="H741" s="12">
        <f t="shared" si="22"/>
        <v>21</v>
      </c>
      <c r="I741" s="12">
        <f t="shared" si="23"/>
        <v>10</v>
      </c>
    </row>
    <row r="742" spans="1:35" s="5" customFormat="1" ht="27.75" customHeight="1" x14ac:dyDescent="0.4">
      <c r="A742" s="9" t="s">
        <v>137</v>
      </c>
      <c r="B742" s="9" t="s">
        <v>1489</v>
      </c>
      <c r="C742" s="9" t="s">
        <v>1490</v>
      </c>
      <c r="D742" s="18">
        <v>1419900044</v>
      </c>
      <c r="E742" s="11">
        <v>46387</v>
      </c>
      <c r="F742" s="9" t="s">
        <v>63</v>
      </c>
      <c r="G742" s="5">
        <v>740</v>
      </c>
      <c r="H742" s="12">
        <f t="shared" si="22"/>
        <v>9</v>
      </c>
      <c r="I742" s="12">
        <f t="shared" si="23"/>
        <v>17</v>
      </c>
    </row>
    <row r="743" spans="1:35" s="5" customFormat="1" ht="27.75" customHeight="1" x14ac:dyDescent="0.4">
      <c r="A743" s="9" t="s">
        <v>137</v>
      </c>
      <c r="B743" s="9" t="s">
        <v>1491</v>
      </c>
      <c r="C743" s="9" t="s">
        <v>1492</v>
      </c>
      <c r="D743" s="18">
        <v>1412303402</v>
      </c>
      <c r="E743" s="11">
        <v>46387</v>
      </c>
      <c r="F743" s="9" t="s">
        <v>63</v>
      </c>
      <c r="G743" s="12">
        <v>741</v>
      </c>
      <c r="H743" s="12">
        <f t="shared" si="22"/>
        <v>12</v>
      </c>
      <c r="I743" s="12">
        <f t="shared" si="23"/>
        <v>11</v>
      </c>
    </row>
    <row r="744" spans="1:35" s="5" customFormat="1" ht="27.75" customHeight="1" x14ac:dyDescent="0.4">
      <c r="A744" s="9" t="s">
        <v>137</v>
      </c>
      <c r="B744" s="9" t="s">
        <v>1493</v>
      </c>
      <c r="C744" s="9" t="s">
        <v>1494</v>
      </c>
      <c r="D744" s="18">
        <v>1412310308</v>
      </c>
      <c r="E744" s="11">
        <v>47848</v>
      </c>
      <c r="F744" s="9" t="s">
        <v>63</v>
      </c>
      <c r="G744" s="5">
        <v>742</v>
      </c>
      <c r="H744" s="12">
        <f t="shared" si="22"/>
        <v>19</v>
      </c>
      <c r="I744" s="12">
        <f t="shared" si="23"/>
        <v>10</v>
      </c>
    </row>
    <row r="745" spans="1:35" s="5" customFormat="1" ht="27.75" customHeight="1" x14ac:dyDescent="0.4">
      <c r="A745" s="17" t="s">
        <v>137</v>
      </c>
      <c r="B745" s="9" t="s">
        <v>66</v>
      </c>
      <c r="C745" s="9" t="s">
        <v>67</v>
      </c>
      <c r="D745" s="18">
        <v>1412300119</v>
      </c>
      <c r="E745" s="11">
        <v>46387</v>
      </c>
      <c r="F745" s="9" t="s">
        <v>63</v>
      </c>
      <c r="G745" s="12">
        <v>743</v>
      </c>
      <c r="H745" s="12">
        <f t="shared" si="22"/>
        <v>14</v>
      </c>
      <c r="I745" s="12">
        <f t="shared" si="23"/>
        <v>13</v>
      </c>
    </row>
    <row r="746" spans="1:35" s="5" customFormat="1" ht="27.75" customHeight="1" x14ac:dyDescent="0.4">
      <c r="A746" s="9" t="s">
        <v>137</v>
      </c>
      <c r="B746" s="9" t="s">
        <v>1495</v>
      </c>
      <c r="C746" s="9" t="s">
        <v>1496</v>
      </c>
      <c r="D746" s="18">
        <v>1412310621</v>
      </c>
      <c r="E746" s="11">
        <v>47514</v>
      </c>
      <c r="F746" s="9" t="s">
        <v>63</v>
      </c>
      <c r="G746" s="5">
        <v>744</v>
      </c>
      <c r="H746" s="12">
        <f t="shared" si="22"/>
        <v>24</v>
      </c>
      <c r="I746" s="12">
        <f t="shared" si="23"/>
        <v>11</v>
      </c>
    </row>
    <row r="747" spans="1:35" s="5" customFormat="1" ht="27.75" customHeight="1" x14ac:dyDescent="0.4">
      <c r="A747" s="9" t="s">
        <v>137</v>
      </c>
      <c r="B747" s="9" t="s">
        <v>1497</v>
      </c>
      <c r="C747" s="9" t="s">
        <v>1498</v>
      </c>
      <c r="D747" s="18">
        <v>1412303139</v>
      </c>
      <c r="E747" s="11">
        <v>46387</v>
      </c>
      <c r="F747" s="9" t="s">
        <v>63</v>
      </c>
      <c r="G747" s="12">
        <v>745</v>
      </c>
      <c r="H747" s="12">
        <f t="shared" si="22"/>
        <v>12</v>
      </c>
      <c r="I747" s="12">
        <f t="shared" si="23"/>
        <v>13</v>
      </c>
    </row>
    <row r="748" spans="1:35" s="5" customFormat="1" ht="27.75" customHeight="1" x14ac:dyDescent="0.4">
      <c r="A748" s="9" t="s">
        <v>137</v>
      </c>
      <c r="B748" s="9" t="s">
        <v>1499</v>
      </c>
      <c r="C748" s="9" t="s">
        <v>1500</v>
      </c>
      <c r="D748" s="18">
        <v>1412300143</v>
      </c>
      <c r="E748" s="11">
        <v>46387</v>
      </c>
      <c r="F748" s="9" t="s">
        <v>63</v>
      </c>
      <c r="G748" s="5">
        <v>746</v>
      </c>
      <c r="H748" s="12">
        <f t="shared" si="22"/>
        <v>12</v>
      </c>
      <c r="I748" s="12">
        <f t="shared" si="23"/>
        <v>14</v>
      </c>
    </row>
    <row r="749" spans="1:35" s="5" customFormat="1" ht="27.75" customHeight="1" x14ac:dyDescent="0.4">
      <c r="A749" s="9" t="s">
        <v>137</v>
      </c>
      <c r="B749" s="9" t="s">
        <v>1501</v>
      </c>
      <c r="C749" s="9" t="s">
        <v>1502</v>
      </c>
      <c r="D749" s="18">
        <v>1412302016</v>
      </c>
      <c r="E749" s="11">
        <v>46387</v>
      </c>
      <c r="F749" s="9" t="s">
        <v>63</v>
      </c>
      <c r="G749" s="12">
        <v>747</v>
      </c>
      <c r="H749" s="12">
        <f t="shared" si="22"/>
        <v>12</v>
      </c>
      <c r="I749" s="12">
        <f t="shared" si="23"/>
        <v>16</v>
      </c>
    </row>
    <row r="750" spans="1:35" s="5" customFormat="1" ht="27.75" customHeight="1" x14ac:dyDescent="0.4">
      <c r="A750" s="9" t="s">
        <v>137</v>
      </c>
      <c r="B750" s="9" t="s">
        <v>1503</v>
      </c>
      <c r="C750" s="9" t="s">
        <v>1504</v>
      </c>
      <c r="D750" s="18">
        <v>1412310571</v>
      </c>
      <c r="E750" s="11">
        <v>47238</v>
      </c>
      <c r="F750" s="9" t="s">
        <v>63</v>
      </c>
      <c r="G750" s="5">
        <v>748</v>
      </c>
      <c r="H750" s="12">
        <f t="shared" si="22"/>
        <v>22</v>
      </c>
      <c r="I750" s="12">
        <f t="shared" si="23"/>
        <v>10</v>
      </c>
      <c r="J750" s="24"/>
      <c r="K750" s="24"/>
      <c r="L750" s="24"/>
      <c r="M750" s="24"/>
      <c r="N750" s="24"/>
      <c r="O750" s="24"/>
      <c r="P750" s="24"/>
      <c r="Q750" s="24"/>
      <c r="R750" s="24"/>
      <c r="S750" s="24"/>
      <c r="T750" s="24"/>
      <c r="U750" s="24"/>
      <c r="V750" s="24"/>
      <c r="W750" s="24"/>
      <c r="X750" s="24"/>
      <c r="Y750" s="24"/>
      <c r="Z750" s="24"/>
      <c r="AA750" s="24"/>
      <c r="AB750" s="24"/>
      <c r="AC750" s="24"/>
      <c r="AD750" s="24"/>
      <c r="AE750" s="24"/>
      <c r="AF750" s="24"/>
      <c r="AG750" s="24"/>
      <c r="AH750" s="24"/>
      <c r="AI750" s="24"/>
    </row>
    <row r="751" spans="1:35" s="5" customFormat="1" ht="27.75" customHeight="1" x14ac:dyDescent="0.4">
      <c r="A751" s="9" t="s">
        <v>137</v>
      </c>
      <c r="B751" s="9" t="s">
        <v>1505</v>
      </c>
      <c r="C751" s="9" t="s">
        <v>1506</v>
      </c>
      <c r="D751" s="18">
        <v>1412302412</v>
      </c>
      <c r="E751" s="11">
        <v>46387</v>
      </c>
      <c r="F751" s="9" t="s">
        <v>63</v>
      </c>
      <c r="G751" s="12">
        <v>749</v>
      </c>
      <c r="H751" s="12">
        <f t="shared" si="22"/>
        <v>10</v>
      </c>
      <c r="I751" s="12">
        <f t="shared" si="23"/>
        <v>5</v>
      </c>
    </row>
    <row r="752" spans="1:35" s="5" customFormat="1" ht="27.75" customHeight="1" x14ac:dyDescent="0.4">
      <c r="A752" s="9" t="s">
        <v>137</v>
      </c>
      <c r="B752" s="9" t="s">
        <v>1507</v>
      </c>
      <c r="C752" s="9" t="s">
        <v>1508</v>
      </c>
      <c r="D752" s="18">
        <v>1412410207</v>
      </c>
      <c r="E752" s="11">
        <v>46934</v>
      </c>
      <c r="F752" s="9" t="s">
        <v>70</v>
      </c>
      <c r="G752" s="5">
        <v>750</v>
      </c>
      <c r="H752" s="12">
        <f t="shared" si="22"/>
        <v>13</v>
      </c>
      <c r="I752" s="12">
        <f t="shared" si="23"/>
        <v>14</v>
      </c>
    </row>
    <row r="753" spans="1:35" s="5" customFormat="1" ht="27.75" customHeight="1" x14ac:dyDescent="0.4">
      <c r="A753" s="9" t="s">
        <v>137</v>
      </c>
      <c r="B753" s="9" t="s">
        <v>1509</v>
      </c>
      <c r="C753" s="9" t="s">
        <v>1510</v>
      </c>
      <c r="D753" s="18">
        <v>1412403202</v>
      </c>
      <c r="E753" s="11">
        <v>46387</v>
      </c>
      <c r="F753" s="9" t="s">
        <v>70</v>
      </c>
      <c r="G753" s="12">
        <v>751</v>
      </c>
      <c r="H753" s="12">
        <f t="shared" si="22"/>
        <v>12</v>
      </c>
      <c r="I753" s="12">
        <f t="shared" si="23"/>
        <v>11</v>
      </c>
    </row>
    <row r="754" spans="1:35" s="5" customFormat="1" ht="27.75" customHeight="1" x14ac:dyDescent="0.4">
      <c r="A754" s="17" t="s">
        <v>137</v>
      </c>
      <c r="B754" s="9" t="s">
        <v>1511</v>
      </c>
      <c r="C754" s="9" t="s">
        <v>1512</v>
      </c>
      <c r="D754" s="18">
        <v>1412410397</v>
      </c>
      <c r="E754" s="11">
        <v>47817</v>
      </c>
      <c r="F754" s="9" t="s">
        <v>70</v>
      </c>
      <c r="G754" s="5">
        <v>752</v>
      </c>
      <c r="H754" s="12">
        <f t="shared" si="22"/>
        <v>16</v>
      </c>
      <c r="I754" s="12">
        <f t="shared" si="23"/>
        <v>11</v>
      </c>
    </row>
    <row r="755" spans="1:35" s="5" customFormat="1" ht="27.75" customHeight="1" x14ac:dyDescent="0.4">
      <c r="A755" s="9" t="s">
        <v>137</v>
      </c>
      <c r="B755" s="9" t="s">
        <v>1513</v>
      </c>
      <c r="C755" s="9" t="s">
        <v>1514</v>
      </c>
      <c r="D755" s="18">
        <v>1412403194</v>
      </c>
      <c r="E755" s="11">
        <v>46387</v>
      </c>
      <c r="F755" s="9" t="s">
        <v>70</v>
      </c>
      <c r="G755" s="12">
        <v>753</v>
      </c>
      <c r="H755" s="12">
        <f t="shared" si="22"/>
        <v>13</v>
      </c>
      <c r="I755" s="12">
        <f t="shared" si="23"/>
        <v>12</v>
      </c>
    </row>
    <row r="756" spans="1:35" s="5" customFormat="1" ht="27.75" customHeight="1" x14ac:dyDescent="0.4">
      <c r="A756" s="9" t="s">
        <v>137</v>
      </c>
      <c r="B756" s="9" t="s">
        <v>1515</v>
      </c>
      <c r="C756" s="9" t="s">
        <v>1516</v>
      </c>
      <c r="D756" s="18">
        <v>1412402766</v>
      </c>
      <c r="E756" s="11">
        <v>46387</v>
      </c>
      <c r="F756" s="9" t="s">
        <v>70</v>
      </c>
      <c r="G756" s="5">
        <v>754</v>
      </c>
      <c r="H756" s="12">
        <f t="shared" si="22"/>
        <v>13</v>
      </c>
      <c r="I756" s="12">
        <f t="shared" si="23"/>
        <v>11</v>
      </c>
    </row>
    <row r="757" spans="1:35" s="5" customFormat="1" ht="27.75" customHeight="1" x14ac:dyDescent="0.4">
      <c r="A757" s="17" t="s">
        <v>137</v>
      </c>
      <c r="B757" s="9" t="s">
        <v>1517</v>
      </c>
      <c r="C757" s="9" t="s">
        <v>1518</v>
      </c>
      <c r="D757" s="18">
        <v>1412410348</v>
      </c>
      <c r="E757" s="11">
        <v>47634</v>
      </c>
      <c r="F757" s="9" t="s">
        <v>70</v>
      </c>
      <c r="G757" s="12">
        <v>755</v>
      </c>
      <c r="H757" s="12">
        <f t="shared" si="22"/>
        <v>15</v>
      </c>
      <c r="I757" s="12">
        <f t="shared" si="23"/>
        <v>6</v>
      </c>
    </row>
    <row r="758" spans="1:35" s="5" customFormat="1" ht="27.75" customHeight="1" x14ac:dyDescent="0.4">
      <c r="A758" s="9" t="s">
        <v>137</v>
      </c>
      <c r="B758" s="9" t="s">
        <v>1519</v>
      </c>
      <c r="C758" s="9" t="s">
        <v>1520</v>
      </c>
      <c r="D758" s="18">
        <v>1412402246</v>
      </c>
      <c r="E758" s="11">
        <v>46387</v>
      </c>
      <c r="F758" s="9" t="s">
        <v>70</v>
      </c>
      <c r="G758" s="5">
        <v>756</v>
      </c>
      <c r="H758" s="12">
        <f t="shared" si="22"/>
        <v>11</v>
      </c>
      <c r="I758" s="12">
        <f t="shared" si="23"/>
        <v>7</v>
      </c>
    </row>
    <row r="759" spans="1:35" s="5" customFormat="1" ht="27.75" customHeight="1" x14ac:dyDescent="0.4">
      <c r="A759" s="9" t="s">
        <v>137</v>
      </c>
      <c r="B759" s="9" t="s">
        <v>1521</v>
      </c>
      <c r="C759" s="9" t="s">
        <v>1522</v>
      </c>
      <c r="D759" s="18">
        <v>1412402196</v>
      </c>
      <c r="E759" s="11">
        <v>46387</v>
      </c>
      <c r="F759" s="9" t="s">
        <v>70</v>
      </c>
      <c r="G759" s="12">
        <v>757</v>
      </c>
      <c r="H759" s="12">
        <f t="shared" si="22"/>
        <v>12</v>
      </c>
      <c r="I759" s="12">
        <f t="shared" si="23"/>
        <v>7</v>
      </c>
    </row>
    <row r="760" spans="1:35" s="5" customFormat="1" ht="27.75" customHeight="1" x14ac:dyDescent="0.4">
      <c r="A760" s="9" t="s">
        <v>137</v>
      </c>
      <c r="B760" s="16" t="s">
        <v>1523</v>
      </c>
      <c r="C760" s="16" t="s">
        <v>1524</v>
      </c>
      <c r="D760" s="10">
        <v>1412402816</v>
      </c>
      <c r="E760" s="11">
        <v>46538</v>
      </c>
      <c r="F760" s="9" t="s">
        <v>70</v>
      </c>
      <c r="G760" s="5">
        <v>758</v>
      </c>
      <c r="H760" s="12">
        <f t="shared" si="22"/>
        <v>22</v>
      </c>
      <c r="I760" s="12">
        <f t="shared" si="23"/>
        <v>9</v>
      </c>
    </row>
    <row r="761" spans="1:35" s="5" customFormat="1" ht="27.75" customHeight="1" x14ac:dyDescent="0.4">
      <c r="A761" s="9" t="s">
        <v>137</v>
      </c>
      <c r="B761" s="16" t="s">
        <v>1525</v>
      </c>
      <c r="C761" s="16" t="s">
        <v>1526</v>
      </c>
      <c r="D761" s="10">
        <v>1412410736</v>
      </c>
      <c r="E761" s="11">
        <v>47452</v>
      </c>
      <c r="F761" s="9" t="s">
        <v>70</v>
      </c>
      <c r="G761" s="12">
        <v>759</v>
      </c>
      <c r="H761" s="12">
        <f t="shared" si="22"/>
        <v>26</v>
      </c>
      <c r="I761" s="12">
        <f t="shared" si="23"/>
        <v>23</v>
      </c>
    </row>
    <row r="762" spans="1:35" s="5" customFormat="1" ht="27.75" customHeight="1" x14ac:dyDescent="0.4">
      <c r="A762" s="9" t="s">
        <v>137</v>
      </c>
      <c r="B762" s="9" t="s">
        <v>1527</v>
      </c>
      <c r="C762" s="9" t="s">
        <v>1528</v>
      </c>
      <c r="D762" s="18">
        <v>1412403269</v>
      </c>
      <c r="E762" s="11">
        <v>46387</v>
      </c>
      <c r="F762" s="9" t="s">
        <v>70</v>
      </c>
      <c r="G762" s="5">
        <v>760</v>
      </c>
      <c r="H762" s="12">
        <f t="shared" si="22"/>
        <v>22</v>
      </c>
      <c r="I762" s="12">
        <f t="shared" si="23"/>
        <v>9</v>
      </c>
    </row>
    <row r="763" spans="1:35" s="5" customFormat="1" ht="27.75" customHeight="1" x14ac:dyDescent="0.4">
      <c r="A763" s="9" t="s">
        <v>137</v>
      </c>
      <c r="B763" s="9" t="s">
        <v>1529</v>
      </c>
      <c r="C763" s="9" t="s">
        <v>1530</v>
      </c>
      <c r="D763" s="18">
        <v>1412402188</v>
      </c>
      <c r="E763" s="11">
        <v>46387</v>
      </c>
      <c r="F763" s="9" t="s">
        <v>70</v>
      </c>
      <c r="G763" s="12">
        <v>761</v>
      </c>
      <c r="H763" s="12">
        <f t="shared" si="22"/>
        <v>9</v>
      </c>
      <c r="I763" s="12">
        <f t="shared" si="23"/>
        <v>7</v>
      </c>
      <c r="J763" s="24"/>
      <c r="K763" s="24"/>
      <c r="L763" s="24"/>
      <c r="M763" s="24"/>
      <c r="N763" s="24"/>
      <c r="O763" s="24"/>
      <c r="P763" s="24"/>
      <c r="Q763" s="24"/>
      <c r="R763" s="24"/>
      <c r="S763" s="24"/>
      <c r="T763" s="24"/>
      <c r="U763" s="24"/>
      <c r="V763" s="24"/>
      <c r="W763" s="24"/>
      <c r="X763" s="24"/>
      <c r="Y763" s="24"/>
      <c r="Z763" s="24"/>
      <c r="AA763" s="24"/>
      <c r="AB763" s="24"/>
      <c r="AC763" s="24"/>
      <c r="AD763" s="24"/>
      <c r="AE763" s="24"/>
      <c r="AF763" s="24"/>
      <c r="AG763" s="24"/>
      <c r="AH763" s="24"/>
      <c r="AI763" s="24"/>
    </row>
    <row r="764" spans="1:35" s="5" customFormat="1" ht="27.75" customHeight="1" x14ac:dyDescent="0.4">
      <c r="A764" s="9" t="s">
        <v>137</v>
      </c>
      <c r="B764" s="9" t="s">
        <v>1531</v>
      </c>
      <c r="C764" s="9" t="s">
        <v>1532</v>
      </c>
      <c r="D764" s="18">
        <v>1412410140</v>
      </c>
      <c r="E764" s="11">
        <v>46752</v>
      </c>
      <c r="F764" s="9" t="s">
        <v>70</v>
      </c>
      <c r="G764" s="5">
        <v>762</v>
      </c>
      <c r="H764" s="12">
        <f t="shared" si="22"/>
        <v>18</v>
      </c>
      <c r="I764" s="12">
        <f t="shared" si="23"/>
        <v>11</v>
      </c>
    </row>
    <row r="765" spans="1:35" s="5" customFormat="1" ht="27.75" customHeight="1" x14ac:dyDescent="0.4">
      <c r="A765" s="9" t="s">
        <v>137</v>
      </c>
      <c r="B765" s="9" t="s">
        <v>1533</v>
      </c>
      <c r="C765" s="9" t="s">
        <v>1534</v>
      </c>
      <c r="D765" s="18">
        <v>1412403491</v>
      </c>
      <c r="E765" s="11">
        <v>46387</v>
      </c>
      <c r="F765" s="9" t="s">
        <v>70</v>
      </c>
      <c r="G765" s="12">
        <v>763</v>
      </c>
      <c r="H765" s="12">
        <f t="shared" si="22"/>
        <v>10</v>
      </c>
      <c r="I765" s="12">
        <f t="shared" si="23"/>
        <v>5</v>
      </c>
    </row>
    <row r="766" spans="1:35" s="5" customFormat="1" ht="27.75" customHeight="1" x14ac:dyDescent="0.4">
      <c r="A766" s="9" t="s">
        <v>137</v>
      </c>
      <c r="B766" s="14" t="s">
        <v>1535</v>
      </c>
      <c r="C766" s="9" t="s">
        <v>1536</v>
      </c>
      <c r="D766" s="18">
        <v>1412410819</v>
      </c>
      <c r="E766" s="11">
        <v>47968</v>
      </c>
      <c r="F766" s="9" t="s">
        <v>70</v>
      </c>
      <c r="G766" s="5">
        <v>764</v>
      </c>
      <c r="H766" s="12">
        <f t="shared" si="22"/>
        <v>16</v>
      </c>
      <c r="I766" s="12">
        <f t="shared" si="23"/>
        <v>24</v>
      </c>
    </row>
    <row r="767" spans="1:35" s="5" customFormat="1" ht="27.75" customHeight="1" x14ac:dyDescent="0.4">
      <c r="A767" s="9" t="s">
        <v>137</v>
      </c>
      <c r="B767" s="9" t="s">
        <v>1537</v>
      </c>
      <c r="C767" s="9" t="s">
        <v>1538</v>
      </c>
      <c r="D767" s="18">
        <v>1412403129</v>
      </c>
      <c r="E767" s="11">
        <v>47999</v>
      </c>
      <c r="F767" s="9" t="s">
        <v>70</v>
      </c>
      <c r="G767" s="12">
        <v>765</v>
      </c>
      <c r="H767" s="12">
        <f t="shared" si="22"/>
        <v>10</v>
      </c>
      <c r="I767" s="12">
        <f t="shared" si="23"/>
        <v>7</v>
      </c>
      <c r="J767" s="12"/>
      <c r="K767" s="12"/>
      <c r="L767" s="12"/>
      <c r="M767" s="12"/>
      <c r="N767" s="12"/>
      <c r="O767" s="12"/>
      <c r="P767" s="12"/>
      <c r="Q767" s="12"/>
      <c r="R767" s="12"/>
      <c r="S767" s="12"/>
      <c r="T767" s="12"/>
      <c r="U767" s="12"/>
      <c r="V767" s="12"/>
      <c r="W767" s="12"/>
      <c r="X767" s="12"/>
      <c r="Y767" s="12"/>
      <c r="Z767" s="12"/>
      <c r="AA767" s="12"/>
      <c r="AB767" s="12"/>
      <c r="AC767" s="12"/>
      <c r="AD767" s="12"/>
      <c r="AE767" s="12"/>
      <c r="AF767" s="12"/>
      <c r="AG767" s="12"/>
      <c r="AH767" s="12"/>
      <c r="AI767" s="12"/>
    </row>
    <row r="768" spans="1:35" s="5" customFormat="1" ht="27.75" customHeight="1" x14ac:dyDescent="0.4">
      <c r="A768" s="9" t="s">
        <v>137</v>
      </c>
      <c r="B768" s="9" t="s">
        <v>1539</v>
      </c>
      <c r="C768" s="9" t="s">
        <v>1540</v>
      </c>
      <c r="D768" s="18">
        <v>1412410116</v>
      </c>
      <c r="E768" s="11">
        <v>46538</v>
      </c>
      <c r="F768" s="9" t="s">
        <v>70</v>
      </c>
      <c r="G768" s="5">
        <v>766</v>
      </c>
      <c r="H768" s="12">
        <f t="shared" si="22"/>
        <v>10</v>
      </c>
      <c r="I768" s="12">
        <f t="shared" si="23"/>
        <v>4</v>
      </c>
    </row>
    <row r="769" spans="1:35" s="5" customFormat="1" ht="27.75" customHeight="1" x14ac:dyDescent="0.4">
      <c r="A769" s="9" t="s">
        <v>137</v>
      </c>
      <c r="B769" s="9" t="s">
        <v>1541</v>
      </c>
      <c r="C769" s="9" t="s">
        <v>1542</v>
      </c>
      <c r="D769" s="18">
        <v>1412402733</v>
      </c>
      <c r="E769" s="11">
        <v>46387</v>
      </c>
      <c r="F769" s="9" t="s">
        <v>70</v>
      </c>
      <c r="G769" s="12">
        <v>767</v>
      </c>
      <c r="H769" s="12">
        <f t="shared" si="22"/>
        <v>9</v>
      </c>
      <c r="I769" s="12">
        <f t="shared" si="23"/>
        <v>7</v>
      </c>
    </row>
    <row r="770" spans="1:35" s="5" customFormat="1" ht="27.75" customHeight="1" x14ac:dyDescent="0.4">
      <c r="A770" s="9" t="s">
        <v>137</v>
      </c>
      <c r="B770" s="9" t="s">
        <v>1543</v>
      </c>
      <c r="C770" s="9" t="s">
        <v>1544</v>
      </c>
      <c r="D770" s="18">
        <v>1412410066</v>
      </c>
      <c r="E770" s="11">
        <v>46507</v>
      </c>
      <c r="F770" s="9" t="s">
        <v>70</v>
      </c>
      <c r="G770" s="5">
        <v>768</v>
      </c>
      <c r="H770" s="12">
        <f t="shared" si="22"/>
        <v>10</v>
      </c>
      <c r="I770" s="12">
        <f t="shared" si="23"/>
        <v>16</v>
      </c>
    </row>
    <row r="771" spans="1:35" s="5" customFormat="1" ht="27.75" customHeight="1" x14ac:dyDescent="0.4">
      <c r="A771" s="9" t="s">
        <v>137</v>
      </c>
      <c r="B771" s="9" t="s">
        <v>1545</v>
      </c>
      <c r="C771" s="9" t="s">
        <v>1546</v>
      </c>
      <c r="D771" s="18">
        <v>1412403384</v>
      </c>
      <c r="E771" s="11">
        <v>46387</v>
      </c>
      <c r="F771" s="9" t="s">
        <v>70</v>
      </c>
      <c r="G771" s="12">
        <v>769</v>
      </c>
      <c r="H771" s="12">
        <f t="shared" si="22"/>
        <v>17</v>
      </c>
      <c r="I771" s="12">
        <f t="shared" si="23"/>
        <v>10</v>
      </c>
    </row>
    <row r="772" spans="1:35" s="5" customFormat="1" ht="27.75" customHeight="1" x14ac:dyDescent="0.4">
      <c r="A772" s="9" t="s">
        <v>137</v>
      </c>
      <c r="B772" s="9" t="s">
        <v>1547</v>
      </c>
      <c r="C772" s="9" t="s">
        <v>1548</v>
      </c>
      <c r="D772" s="18">
        <v>1412410827</v>
      </c>
      <c r="E772" s="11">
        <v>47907</v>
      </c>
      <c r="F772" s="9" t="s">
        <v>70</v>
      </c>
      <c r="G772" s="5">
        <v>770</v>
      </c>
      <c r="H772" s="12">
        <f t="shared" ref="H772:H835" si="24">LEN(C772)</f>
        <v>10</v>
      </c>
      <c r="I772" s="12">
        <f t="shared" ref="I772:I835" si="25">LEN(B772)</f>
        <v>16</v>
      </c>
    </row>
    <row r="773" spans="1:35" s="5" customFormat="1" ht="27.75" customHeight="1" x14ac:dyDescent="0.4">
      <c r="A773" s="9" t="s">
        <v>137</v>
      </c>
      <c r="B773" s="15" t="s">
        <v>1549</v>
      </c>
      <c r="C773" s="16" t="s">
        <v>1550</v>
      </c>
      <c r="D773" s="10">
        <v>1412403053</v>
      </c>
      <c r="E773" s="11">
        <v>46387</v>
      </c>
      <c r="F773" s="9" t="s">
        <v>70</v>
      </c>
      <c r="G773" s="12">
        <v>771</v>
      </c>
      <c r="H773" s="12">
        <f t="shared" si="24"/>
        <v>19</v>
      </c>
      <c r="I773" s="12">
        <f t="shared" si="25"/>
        <v>17</v>
      </c>
    </row>
    <row r="774" spans="1:35" s="5" customFormat="1" ht="27.75" customHeight="1" x14ac:dyDescent="0.4">
      <c r="A774" s="9" t="s">
        <v>137</v>
      </c>
      <c r="B774" s="9" t="s">
        <v>1551</v>
      </c>
      <c r="C774" s="9" t="s">
        <v>1552</v>
      </c>
      <c r="D774" s="18">
        <v>1412410462</v>
      </c>
      <c r="E774" s="11">
        <v>47938</v>
      </c>
      <c r="F774" s="9" t="s">
        <v>70</v>
      </c>
      <c r="G774" s="5">
        <v>772</v>
      </c>
      <c r="H774" s="12">
        <f t="shared" si="24"/>
        <v>14</v>
      </c>
      <c r="I774" s="12">
        <f t="shared" si="25"/>
        <v>24</v>
      </c>
    </row>
    <row r="775" spans="1:35" s="5" customFormat="1" ht="27.75" customHeight="1" x14ac:dyDescent="0.4">
      <c r="A775" s="9" t="s">
        <v>137</v>
      </c>
      <c r="B775" s="9" t="s">
        <v>1553</v>
      </c>
      <c r="C775" s="9" t="s">
        <v>1554</v>
      </c>
      <c r="D775" s="18">
        <v>1412401685</v>
      </c>
      <c r="E775" s="11">
        <v>46387</v>
      </c>
      <c r="F775" s="9" t="s">
        <v>70</v>
      </c>
      <c r="G775" s="12">
        <v>773</v>
      </c>
      <c r="H775" s="12">
        <f t="shared" si="24"/>
        <v>9</v>
      </c>
      <c r="I775" s="12">
        <f t="shared" si="25"/>
        <v>20</v>
      </c>
    </row>
    <row r="776" spans="1:35" s="5" customFormat="1" ht="27.75" customHeight="1" x14ac:dyDescent="0.4">
      <c r="A776" s="9" t="s">
        <v>137</v>
      </c>
      <c r="B776" s="13" t="s">
        <v>1555</v>
      </c>
      <c r="C776" s="13" t="s">
        <v>1556</v>
      </c>
      <c r="D776" s="18">
        <v>1412401610</v>
      </c>
      <c r="E776" s="11">
        <v>46387</v>
      </c>
      <c r="F776" s="9" t="s">
        <v>70</v>
      </c>
      <c r="G776" s="5">
        <v>774</v>
      </c>
      <c r="H776" s="12">
        <f t="shared" si="24"/>
        <v>11</v>
      </c>
      <c r="I776" s="12">
        <f t="shared" si="25"/>
        <v>18</v>
      </c>
      <c r="J776" s="12"/>
      <c r="K776" s="12"/>
      <c r="L776" s="12"/>
      <c r="M776" s="12"/>
      <c r="N776" s="12"/>
      <c r="O776" s="12"/>
      <c r="P776" s="12"/>
      <c r="Q776" s="12"/>
      <c r="R776" s="12"/>
      <c r="S776" s="12"/>
      <c r="T776" s="12"/>
      <c r="U776" s="12"/>
      <c r="V776" s="12"/>
      <c r="W776" s="12"/>
      <c r="X776" s="12"/>
      <c r="Y776" s="12"/>
      <c r="Z776" s="12"/>
      <c r="AA776" s="12"/>
      <c r="AB776" s="12"/>
      <c r="AC776" s="12"/>
      <c r="AD776" s="12"/>
      <c r="AE776" s="12"/>
      <c r="AF776" s="12"/>
      <c r="AG776" s="12"/>
      <c r="AH776" s="12"/>
      <c r="AI776" s="12"/>
    </row>
    <row r="777" spans="1:35" s="5" customFormat="1" ht="27.75" customHeight="1" x14ac:dyDescent="0.4">
      <c r="A777" s="9" t="s">
        <v>137</v>
      </c>
      <c r="B777" s="9" t="s">
        <v>1557</v>
      </c>
      <c r="C777" s="9" t="s">
        <v>1558</v>
      </c>
      <c r="D777" s="18">
        <v>1412403111</v>
      </c>
      <c r="E777" s="11">
        <v>46387</v>
      </c>
      <c r="F777" s="9" t="s">
        <v>70</v>
      </c>
      <c r="G777" s="12">
        <v>775</v>
      </c>
      <c r="H777" s="12">
        <f t="shared" si="24"/>
        <v>24</v>
      </c>
      <c r="I777" s="12">
        <f t="shared" si="25"/>
        <v>6</v>
      </c>
      <c r="J777" s="12"/>
      <c r="K777" s="12"/>
      <c r="L777" s="12"/>
      <c r="M777" s="12"/>
      <c r="N777" s="12"/>
      <c r="O777" s="12"/>
      <c r="P777" s="12"/>
      <c r="Q777" s="12"/>
      <c r="R777" s="12"/>
      <c r="S777" s="12"/>
      <c r="T777" s="12"/>
      <c r="U777" s="12"/>
      <c r="V777" s="12"/>
      <c r="W777" s="12"/>
      <c r="X777" s="12"/>
      <c r="Y777" s="12"/>
      <c r="Z777" s="12"/>
      <c r="AA777" s="12"/>
      <c r="AB777" s="12"/>
      <c r="AC777" s="12"/>
      <c r="AD777" s="12"/>
      <c r="AE777" s="12"/>
      <c r="AF777" s="12"/>
      <c r="AG777" s="12"/>
      <c r="AH777" s="12"/>
      <c r="AI777" s="12"/>
    </row>
    <row r="778" spans="1:35" s="5" customFormat="1" ht="27.75" customHeight="1" x14ac:dyDescent="0.4">
      <c r="A778" s="9" t="s">
        <v>137</v>
      </c>
      <c r="B778" s="9" t="s">
        <v>1559</v>
      </c>
      <c r="C778" s="9" t="s">
        <v>1560</v>
      </c>
      <c r="D778" s="18">
        <v>1412410157</v>
      </c>
      <c r="E778" s="11">
        <v>46752</v>
      </c>
      <c r="F778" s="9" t="s">
        <v>70</v>
      </c>
      <c r="G778" s="5">
        <v>776</v>
      </c>
      <c r="H778" s="12">
        <f t="shared" si="24"/>
        <v>12</v>
      </c>
      <c r="I778" s="12">
        <f t="shared" si="25"/>
        <v>4</v>
      </c>
      <c r="J778" s="12"/>
      <c r="K778" s="12"/>
      <c r="L778" s="12"/>
      <c r="M778" s="12"/>
      <c r="N778" s="12"/>
      <c r="O778" s="12"/>
      <c r="P778" s="12"/>
      <c r="Q778" s="12"/>
      <c r="R778" s="12"/>
      <c r="S778" s="12"/>
      <c r="T778" s="12"/>
      <c r="U778" s="12"/>
      <c r="V778" s="12"/>
      <c r="W778" s="12"/>
      <c r="X778" s="12"/>
      <c r="Y778" s="12"/>
      <c r="Z778" s="12"/>
      <c r="AA778" s="12"/>
      <c r="AB778" s="12"/>
      <c r="AC778" s="12"/>
      <c r="AD778" s="12"/>
      <c r="AE778" s="12"/>
      <c r="AF778" s="12"/>
      <c r="AG778" s="12"/>
      <c r="AH778" s="12"/>
      <c r="AI778" s="12"/>
    </row>
    <row r="779" spans="1:35" s="5" customFormat="1" ht="27.75" customHeight="1" x14ac:dyDescent="0.4">
      <c r="A779" s="9" t="s">
        <v>137</v>
      </c>
      <c r="B779" s="16" t="s">
        <v>1561</v>
      </c>
      <c r="C779" s="16" t="s">
        <v>1562</v>
      </c>
      <c r="D779" s="10">
        <v>1412403178</v>
      </c>
      <c r="E779" s="11">
        <v>46387</v>
      </c>
      <c r="F779" s="9" t="s">
        <v>70</v>
      </c>
      <c r="G779" s="12">
        <v>777</v>
      </c>
      <c r="H779" s="12">
        <f t="shared" si="24"/>
        <v>11</v>
      </c>
      <c r="I779" s="12">
        <f t="shared" si="25"/>
        <v>10</v>
      </c>
    </row>
    <row r="780" spans="1:35" s="5" customFormat="1" ht="27.75" customHeight="1" x14ac:dyDescent="0.4">
      <c r="A780" s="9" t="s">
        <v>137</v>
      </c>
      <c r="B780" s="13" t="s">
        <v>1563</v>
      </c>
      <c r="C780" s="13" t="s">
        <v>1564</v>
      </c>
      <c r="D780" s="18">
        <v>1412410520</v>
      </c>
      <c r="E780" s="11">
        <v>48334</v>
      </c>
      <c r="F780" s="9" t="s">
        <v>70</v>
      </c>
      <c r="G780" s="5">
        <v>778</v>
      </c>
      <c r="H780" s="12">
        <f t="shared" si="24"/>
        <v>13</v>
      </c>
      <c r="I780" s="12">
        <f t="shared" si="25"/>
        <v>14</v>
      </c>
    </row>
    <row r="781" spans="1:35" s="5" customFormat="1" ht="27.75" customHeight="1" x14ac:dyDescent="0.4">
      <c r="A781" s="9" t="s">
        <v>137</v>
      </c>
      <c r="B781" s="9" t="s">
        <v>1565</v>
      </c>
      <c r="C781" s="9" t="s">
        <v>1566</v>
      </c>
      <c r="D781" s="18">
        <v>1412401859</v>
      </c>
      <c r="E781" s="11">
        <v>46387</v>
      </c>
      <c r="F781" s="9" t="s">
        <v>70</v>
      </c>
      <c r="G781" s="12">
        <v>779</v>
      </c>
      <c r="H781" s="12">
        <f t="shared" si="24"/>
        <v>13</v>
      </c>
      <c r="I781" s="12">
        <f t="shared" si="25"/>
        <v>11</v>
      </c>
    </row>
    <row r="782" spans="1:35" s="5" customFormat="1" ht="27.75" customHeight="1" x14ac:dyDescent="0.4">
      <c r="A782" s="9" t="s">
        <v>137</v>
      </c>
      <c r="B782" s="9" t="s">
        <v>1567</v>
      </c>
      <c r="C782" s="9" t="s">
        <v>1568</v>
      </c>
      <c r="D782" s="18">
        <v>1412410587</v>
      </c>
      <c r="E782" s="11">
        <v>46599</v>
      </c>
      <c r="F782" s="9" t="s">
        <v>70</v>
      </c>
      <c r="G782" s="5">
        <v>780</v>
      </c>
      <c r="H782" s="12">
        <f t="shared" si="24"/>
        <v>15</v>
      </c>
      <c r="I782" s="12">
        <f t="shared" si="25"/>
        <v>9</v>
      </c>
    </row>
    <row r="783" spans="1:35" s="5" customFormat="1" ht="27.75" customHeight="1" x14ac:dyDescent="0.4">
      <c r="A783" s="9" t="s">
        <v>137</v>
      </c>
      <c r="B783" s="13" t="s">
        <v>1569</v>
      </c>
      <c r="C783" s="13" t="s">
        <v>1570</v>
      </c>
      <c r="D783" s="18">
        <v>1412403319</v>
      </c>
      <c r="E783" s="11">
        <v>46568</v>
      </c>
      <c r="F783" s="9" t="s">
        <v>70</v>
      </c>
      <c r="G783" s="12">
        <v>781</v>
      </c>
      <c r="H783" s="12">
        <f t="shared" si="24"/>
        <v>12</v>
      </c>
      <c r="I783" s="12">
        <f t="shared" si="25"/>
        <v>7</v>
      </c>
    </row>
    <row r="784" spans="1:35" s="5" customFormat="1" ht="27.75" customHeight="1" x14ac:dyDescent="0.4">
      <c r="A784" s="13" t="s">
        <v>137</v>
      </c>
      <c r="B784" s="13" t="s">
        <v>1571</v>
      </c>
      <c r="C784" s="13" t="s">
        <v>1572</v>
      </c>
      <c r="D784" s="26">
        <v>1412401727</v>
      </c>
      <c r="E784" s="11">
        <v>46387</v>
      </c>
      <c r="F784" s="9" t="s">
        <v>70</v>
      </c>
      <c r="G784" s="5">
        <v>782</v>
      </c>
      <c r="H784" s="12">
        <f t="shared" si="24"/>
        <v>13</v>
      </c>
      <c r="I784" s="12">
        <f t="shared" si="25"/>
        <v>17</v>
      </c>
    </row>
    <row r="785" spans="1:9" s="5" customFormat="1" ht="27.75" customHeight="1" x14ac:dyDescent="0.4">
      <c r="A785" s="9" t="s">
        <v>137</v>
      </c>
      <c r="B785" s="9" t="s">
        <v>1573</v>
      </c>
      <c r="C785" s="9" t="s">
        <v>1574</v>
      </c>
      <c r="D785" s="18">
        <v>1412401818</v>
      </c>
      <c r="E785" s="11">
        <v>46387</v>
      </c>
      <c r="F785" s="9" t="s">
        <v>70</v>
      </c>
      <c r="G785" s="12">
        <v>783</v>
      </c>
      <c r="H785" s="12">
        <f t="shared" si="24"/>
        <v>15</v>
      </c>
      <c r="I785" s="12">
        <f t="shared" si="25"/>
        <v>9</v>
      </c>
    </row>
    <row r="786" spans="1:9" s="5" customFormat="1" ht="27.75" customHeight="1" x14ac:dyDescent="0.4">
      <c r="A786" s="9" t="s">
        <v>137</v>
      </c>
      <c r="B786" s="9" t="s">
        <v>1575</v>
      </c>
      <c r="C786" s="9" t="s">
        <v>1576</v>
      </c>
      <c r="D786" s="18">
        <v>1412410363</v>
      </c>
      <c r="E786" s="11">
        <v>48244</v>
      </c>
      <c r="F786" s="9" t="s">
        <v>70</v>
      </c>
      <c r="G786" s="5">
        <v>784</v>
      </c>
      <c r="H786" s="12">
        <f t="shared" si="24"/>
        <v>13</v>
      </c>
      <c r="I786" s="12">
        <f t="shared" si="25"/>
        <v>18</v>
      </c>
    </row>
    <row r="787" spans="1:9" s="5" customFormat="1" ht="27.75" customHeight="1" x14ac:dyDescent="0.4">
      <c r="A787" s="9" t="s">
        <v>137</v>
      </c>
      <c r="B787" s="9" t="s">
        <v>1577</v>
      </c>
      <c r="C787" s="9" t="s">
        <v>1578</v>
      </c>
      <c r="D787" s="18">
        <v>1412403376</v>
      </c>
      <c r="E787" s="11">
        <v>46387</v>
      </c>
      <c r="F787" s="9" t="s">
        <v>70</v>
      </c>
      <c r="G787" s="12">
        <v>785</v>
      </c>
      <c r="H787" s="12">
        <f t="shared" si="24"/>
        <v>12</v>
      </c>
      <c r="I787" s="12">
        <f t="shared" si="25"/>
        <v>12</v>
      </c>
    </row>
    <row r="788" spans="1:9" s="5" customFormat="1" ht="27.75" customHeight="1" x14ac:dyDescent="0.4">
      <c r="A788" s="9" t="s">
        <v>137</v>
      </c>
      <c r="B788" s="9" t="s">
        <v>1579</v>
      </c>
      <c r="C788" s="9" t="s">
        <v>1580</v>
      </c>
      <c r="D788" s="18">
        <v>1412410538</v>
      </c>
      <c r="E788" s="11">
        <v>48457</v>
      </c>
      <c r="F788" s="9" t="s">
        <v>70</v>
      </c>
      <c r="G788" s="5">
        <v>786</v>
      </c>
      <c r="H788" s="12">
        <f t="shared" si="24"/>
        <v>16</v>
      </c>
      <c r="I788" s="12">
        <f t="shared" si="25"/>
        <v>8</v>
      </c>
    </row>
    <row r="789" spans="1:9" s="5" customFormat="1" ht="27.75" customHeight="1" x14ac:dyDescent="0.4">
      <c r="A789" s="9" t="s">
        <v>137</v>
      </c>
      <c r="B789" s="16" t="s">
        <v>1581</v>
      </c>
      <c r="C789" s="16" t="s">
        <v>1582</v>
      </c>
      <c r="D789" s="10">
        <v>1412410454</v>
      </c>
      <c r="E789" s="11">
        <v>48029</v>
      </c>
      <c r="F789" s="9" t="s">
        <v>70</v>
      </c>
      <c r="G789" s="12">
        <v>787</v>
      </c>
      <c r="H789" s="12">
        <f t="shared" si="24"/>
        <v>17</v>
      </c>
      <c r="I789" s="12">
        <f t="shared" si="25"/>
        <v>20</v>
      </c>
    </row>
    <row r="790" spans="1:9" s="5" customFormat="1" ht="27.75" customHeight="1" x14ac:dyDescent="0.4">
      <c r="A790" s="9" t="s">
        <v>137</v>
      </c>
      <c r="B790" s="9" t="s">
        <v>1583</v>
      </c>
      <c r="C790" s="9" t="s">
        <v>1584</v>
      </c>
      <c r="D790" s="18">
        <v>1412410876</v>
      </c>
      <c r="E790" s="11">
        <v>48304</v>
      </c>
      <c r="F790" s="9" t="s">
        <v>70</v>
      </c>
      <c r="G790" s="5">
        <v>788</v>
      </c>
      <c r="H790" s="12">
        <f t="shared" si="24"/>
        <v>22</v>
      </c>
      <c r="I790" s="12">
        <f t="shared" si="25"/>
        <v>9</v>
      </c>
    </row>
    <row r="791" spans="1:9" s="5" customFormat="1" ht="27.75" customHeight="1" x14ac:dyDescent="0.4">
      <c r="A791" s="9" t="s">
        <v>137</v>
      </c>
      <c r="B791" s="16" t="s">
        <v>1585</v>
      </c>
      <c r="C791" s="16" t="s">
        <v>1586</v>
      </c>
      <c r="D791" s="10">
        <v>1412410868</v>
      </c>
      <c r="E791" s="11">
        <v>48213</v>
      </c>
      <c r="F791" s="9" t="s">
        <v>70</v>
      </c>
      <c r="G791" s="12">
        <v>789</v>
      </c>
      <c r="H791" s="12">
        <f t="shared" si="24"/>
        <v>25</v>
      </c>
      <c r="I791" s="12">
        <f t="shared" si="25"/>
        <v>11</v>
      </c>
    </row>
    <row r="792" spans="1:9" s="5" customFormat="1" ht="27.75" customHeight="1" x14ac:dyDescent="0.4">
      <c r="A792" s="9" t="s">
        <v>137</v>
      </c>
      <c r="B792" s="15" t="s">
        <v>1587</v>
      </c>
      <c r="C792" s="16" t="s">
        <v>1588</v>
      </c>
      <c r="D792" s="10">
        <v>1412401933</v>
      </c>
      <c r="E792" s="11">
        <v>46387</v>
      </c>
      <c r="F792" s="9" t="s">
        <v>70</v>
      </c>
      <c r="G792" s="5">
        <v>790</v>
      </c>
      <c r="H792" s="12">
        <f t="shared" si="24"/>
        <v>20</v>
      </c>
      <c r="I792" s="12">
        <f t="shared" si="25"/>
        <v>7</v>
      </c>
    </row>
    <row r="793" spans="1:9" s="5" customFormat="1" ht="27.75" customHeight="1" x14ac:dyDescent="0.4">
      <c r="A793" s="9" t="s">
        <v>137</v>
      </c>
      <c r="B793" s="9" t="s">
        <v>1589</v>
      </c>
      <c r="C793" s="9" t="s">
        <v>1590</v>
      </c>
      <c r="D793" s="18">
        <v>1412410124</v>
      </c>
      <c r="E793" s="11">
        <v>47208</v>
      </c>
      <c r="F793" s="9" t="s">
        <v>70</v>
      </c>
      <c r="G793" s="12">
        <v>791</v>
      </c>
      <c r="H793" s="12">
        <f t="shared" si="24"/>
        <v>10</v>
      </c>
      <c r="I793" s="12">
        <f t="shared" si="25"/>
        <v>11</v>
      </c>
    </row>
    <row r="794" spans="1:9" s="5" customFormat="1" ht="27.75" customHeight="1" x14ac:dyDescent="0.4">
      <c r="A794" s="9" t="s">
        <v>137</v>
      </c>
      <c r="B794" s="9" t="s">
        <v>1591</v>
      </c>
      <c r="C794" s="9" t="s">
        <v>1592</v>
      </c>
      <c r="D794" s="18">
        <v>1412410017</v>
      </c>
      <c r="E794" s="11">
        <v>46387</v>
      </c>
      <c r="F794" s="9" t="s">
        <v>70</v>
      </c>
      <c r="G794" s="5">
        <v>792</v>
      </c>
      <c r="H794" s="12">
        <f t="shared" si="24"/>
        <v>18</v>
      </c>
      <c r="I794" s="12">
        <f t="shared" si="25"/>
        <v>14</v>
      </c>
    </row>
    <row r="795" spans="1:9" s="5" customFormat="1" ht="27.75" customHeight="1" x14ac:dyDescent="0.4">
      <c r="A795" s="9" t="s">
        <v>137</v>
      </c>
      <c r="B795" s="9" t="s">
        <v>1593</v>
      </c>
      <c r="C795" s="9" t="s">
        <v>1594</v>
      </c>
      <c r="D795" s="18">
        <v>1412402865</v>
      </c>
      <c r="E795" s="11">
        <v>46812</v>
      </c>
      <c r="F795" s="9" t="s">
        <v>70</v>
      </c>
      <c r="G795" s="12">
        <v>793</v>
      </c>
      <c r="H795" s="12">
        <f t="shared" si="24"/>
        <v>19</v>
      </c>
      <c r="I795" s="12">
        <f t="shared" si="25"/>
        <v>12</v>
      </c>
    </row>
    <row r="796" spans="1:9" s="5" customFormat="1" ht="27.75" customHeight="1" x14ac:dyDescent="0.4">
      <c r="A796" s="9" t="s">
        <v>137</v>
      </c>
      <c r="B796" s="13" t="s">
        <v>1595</v>
      </c>
      <c r="C796" s="13" t="s">
        <v>1596</v>
      </c>
      <c r="D796" s="18">
        <v>1412403517</v>
      </c>
      <c r="E796" s="11">
        <v>46387</v>
      </c>
      <c r="F796" s="9" t="s">
        <v>70</v>
      </c>
      <c r="G796" s="5">
        <v>794</v>
      </c>
      <c r="H796" s="12">
        <f t="shared" si="24"/>
        <v>22</v>
      </c>
      <c r="I796" s="12">
        <f t="shared" si="25"/>
        <v>9</v>
      </c>
    </row>
    <row r="797" spans="1:9" s="5" customFormat="1" ht="27.75" customHeight="1" x14ac:dyDescent="0.4">
      <c r="A797" s="9" t="s">
        <v>137</v>
      </c>
      <c r="B797" s="9" t="s">
        <v>1597</v>
      </c>
      <c r="C797" s="9" t="s">
        <v>1598</v>
      </c>
      <c r="D797" s="18">
        <v>1412402931</v>
      </c>
      <c r="E797" s="11">
        <v>46387</v>
      </c>
      <c r="F797" s="9" t="s">
        <v>70</v>
      </c>
      <c r="G797" s="12">
        <v>795</v>
      </c>
      <c r="H797" s="12">
        <f t="shared" si="24"/>
        <v>10</v>
      </c>
      <c r="I797" s="12">
        <f t="shared" si="25"/>
        <v>9</v>
      </c>
    </row>
    <row r="798" spans="1:9" s="5" customFormat="1" ht="27.75" customHeight="1" x14ac:dyDescent="0.4">
      <c r="A798" s="9" t="s">
        <v>137</v>
      </c>
      <c r="B798" s="9" t="s">
        <v>1599</v>
      </c>
      <c r="C798" s="9" t="s">
        <v>1600</v>
      </c>
      <c r="D798" s="18">
        <v>1412402501</v>
      </c>
      <c r="E798" s="11">
        <v>46387</v>
      </c>
      <c r="F798" s="9" t="s">
        <v>70</v>
      </c>
      <c r="G798" s="5">
        <v>796</v>
      </c>
      <c r="H798" s="12">
        <f t="shared" si="24"/>
        <v>12</v>
      </c>
      <c r="I798" s="12">
        <f t="shared" si="25"/>
        <v>8</v>
      </c>
    </row>
    <row r="799" spans="1:9" s="5" customFormat="1" ht="27.75" customHeight="1" x14ac:dyDescent="0.4">
      <c r="A799" s="9" t="s">
        <v>137</v>
      </c>
      <c r="B799" s="13" t="s">
        <v>1601</v>
      </c>
      <c r="C799" s="13" t="s">
        <v>1602</v>
      </c>
      <c r="D799" s="18">
        <v>1412410651</v>
      </c>
      <c r="E799" s="11">
        <v>46904</v>
      </c>
      <c r="F799" s="9" t="s">
        <v>70</v>
      </c>
      <c r="G799" s="12">
        <v>797</v>
      </c>
      <c r="H799" s="12">
        <f t="shared" si="24"/>
        <v>11</v>
      </c>
      <c r="I799" s="12">
        <f t="shared" si="25"/>
        <v>16</v>
      </c>
    </row>
    <row r="800" spans="1:9" s="5" customFormat="1" ht="27.75" customHeight="1" x14ac:dyDescent="0.4">
      <c r="A800" s="9" t="s">
        <v>137</v>
      </c>
      <c r="B800" s="13" t="s">
        <v>1603</v>
      </c>
      <c r="C800" s="13" t="s">
        <v>1604</v>
      </c>
      <c r="D800" s="18">
        <v>1412401677</v>
      </c>
      <c r="E800" s="11">
        <v>48060</v>
      </c>
      <c r="F800" s="9" t="s">
        <v>70</v>
      </c>
      <c r="G800" s="5">
        <v>798</v>
      </c>
      <c r="H800" s="12">
        <f t="shared" si="24"/>
        <v>14</v>
      </c>
      <c r="I800" s="12">
        <f t="shared" si="25"/>
        <v>14</v>
      </c>
    </row>
    <row r="801" spans="1:35" s="5" customFormat="1" ht="27.75" customHeight="1" x14ac:dyDescent="0.4">
      <c r="A801" s="9" t="s">
        <v>137</v>
      </c>
      <c r="B801" s="9" t="s">
        <v>1605</v>
      </c>
      <c r="C801" s="9" t="s">
        <v>1606</v>
      </c>
      <c r="D801" s="18">
        <v>1412410751</v>
      </c>
      <c r="E801" s="11">
        <v>47542</v>
      </c>
      <c r="F801" s="9" t="s">
        <v>70</v>
      </c>
      <c r="G801" s="12">
        <v>799</v>
      </c>
      <c r="H801" s="12">
        <f t="shared" si="24"/>
        <v>14</v>
      </c>
      <c r="I801" s="12">
        <f t="shared" si="25"/>
        <v>13</v>
      </c>
    </row>
    <row r="802" spans="1:35" s="5" customFormat="1" ht="27.75" customHeight="1" x14ac:dyDescent="0.4">
      <c r="A802" s="9" t="s">
        <v>137</v>
      </c>
      <c r="B802" s="9" t="s">
        <v>1607</v>
      </c>
      <c r="C802" s="22" t="s">
        <v>1608</v>
      </c>
      <c r="D802" s="18">
        <v>1412401834</v>
      </c>
      <c r="E802" s="11">
        <v>46387</v>
      </c>
      <c r="F802" s="9" t="s">
        <v>70</v>
      </c>
      <c r="G802" s="5">
        <v>800</v>
      </c>
      <c r="H802" s="12">
        <f t="shared" si="24"/>
        <v>14</v>
      </c>
      <c r="I802" s="12">
        <f t="shared" si="25"/>
        <v>11</v>
      </c>
    </row>
    <row r="803" spans="1:35" s="5" customFormat="1" ht="27.75" customHeight="1" x14ac:dyDescent="0.4">
      <c r="A803" s="9" t="s">
        <v>137</v>
      </c>
      <c r="B803" s="13" t="s">
        <v>1609</v>
      </c>
      <c r="C803" s="13" t="s">
        <v>1610</v>
      </c>
      <c r="D803" s="18">
        <v>1412410728</v>
      </c>
      <c r="E803" s="11">
        <v>47391</v>
      </c>
      <c r="F803" s="9" t="s">
        <v>70</v>
      </c>
      <c r="G803" s="12">
        <v>801</v>
      </c>
      <c r="H803" s="12">
        <f t="shared" si="24"/>
        <v>27</v>
      </c>
      <c r="I803" s="12">
        <f t="shared" si="25"/>
        <v>23</v>
      </c>
    </row>
    <row r="804" spans="1:35" s="5" customFormat="1" ht="27.75" customHeight="1" x14ac:dyDescent="0.4">
      <c r="A804" s="9" t="s">
        <v>137</v>
      </c>
      <c r="B804" s="9" t="s">
        <v>1611</v>
      </c>
      <c r="C804" s="9" t="s">
        <v>1612</v>
      </c>
      <c r="D804" s="18">
        <v>1412403152</v>
      </c>
      <c r="E804" s="11">
        <v>46387</v>
      </c>
      <c r="F804" s="9" t="s">
        <v>70</v>
      </c>
      <c r="G804" s="5">
        <v>802</v>
      </c>
      <c r="H804" s="12">
        <f t="shared" si="24"/>
        <v>13</v>
      </c>
      <c r="I804" s="12">
        <f t="shared" si="25"/>
        <v>11</v>
      </c>
    </row>
    <row r="805" spans="1:35" s="5" customFormat="1" ht="27.75" customHeight="1" x14ac:dyDescent="0.4">
      <c r="A805" s="9" t="s">
        <v>137</v>
      </c>
      <c r="B805" s="9" t="s">
        <v>1613</v>
      </c>
      <c r="C805" s="9" t="s">
        <v>1614</v>
      </c>
      <c r="D805" s="18">
        <v>1412402998</v>
      </c>
      <c r="E805" s="11">
        <v>46387</v>
      </c>
      <c r="F805" s="9" t="s">
        <v>70</v>
      </c>
      <c r="G805" s="12">
        <v>803</v>
      </c>
      <c r="H805" s="12">
        <f t="shared" si="24"/>
        <v>16</v>
      </c>
      <c r="I805" s="12">
        <f t="shared" si="25"/>
        <v>16</v>
      </c>
    </row>
    <row r="806" spans="1:35" s="5" customFormat="1" ht="27.75" customHeight="1" x14ac:dyDescent="0.4">
      <c r="A806" s="9" t="s">
        <v>137</v>
      </c>
      <c r="B806" s="9" t="s">
        <v>1615</v>
      </c>
      <c r="C806" s="9" t="s">
        <v>1616</v>
      </c>
      <c r="D806" s="18">
        <v>1412410843</v>
      </c>
      <c r="E806" s="11">
        <v>48060</v>
      </c>
      <c r="F806" s="9" t="s">
        <v>70</v>
      </c>
      <c r="G806" s="5">
        <v>804</v>
      </c>
      <c r="H806" s="12">
        <f t="shared" si="24"/>
        <v>14</v>
      </c>
      <c r="I806" s="12">
        <f t="shared" si="25"/>
        <v>11</v>
      </c>
      <c r="J806" s="12"/>
      <c r="K806" s="12"/>
      <c r="L806" s="12"/>
      <c r="M806" s="12"/>
      <c r="N806" s="12"/>
      <c r="O806" s="12"/>
      <c r="P806" s="12"/>
      <c r="Q806" s="12"/>
      <c r="R806" s="12"/>
      <c r="S806" s="12"/>
      <c r="T806" s="12"/>
      <c r="U806" s="12"/>
      <c r="V806" s="12"/>
      <c r="W806" s="12"/>
      <c r="X806" s="12"/>
      <c r="Y806" s="12"/>
      <c r="Z806" s="12"/>
      <c r="AA806" s="12"/>
      <c r="AB806" s="12"/>
      <c r="AC806" s="12"/>
      <c r="AD806" s="12"/>
      <c r="AE806" s="12"/>
      <c r="AF806" s="12"/>
      <c r="AG806" s="12"/>
      <c r="AH806" s="12"/>
      <c r="AI806" s="12"/>
    </row>
    <row r="807" spans="1:35" s="5" customFormat="1" ht="27.75" customHeight="1" x14ac:dyDescent="0.4">
      <c r="A807" s="9" t="s">
        <v>137</v>
      </c>
      <c r="B807" s="9" t="s">
        <v>1617</v>
      </c>
      <c r="C807" s="9" t="s">
        <v>1618</v>
      </c>
      <c r="D807" s="18">
        <v>1412410108</v>
      </c>
      <c r="E807" s="11">
        <v>46599</v>
      </c>
      <c r="F807" s="9" t="s">
        <v>70</v>
      </c>
      <c r="G807" s="12">
        <v>805</v>
      </c>
      <c r="H807" s="12">
        <f t="shared" si="24"/>
        <v>18</v>
      </c>
      <c r="I807" s="12">
        <f t="shared" si="25"/>
        <v>14</v>
      </c>
    </row>
    <row r="808" spans="1:35" s="5" customFormat="1" ht="27.75" customHeight="1" x14ac:dyDescent="0.4">
      <c r="A808" s="9" t="s">
        <v>137</v>
      </c>
      <c r="B808" s="9" t="s">
        <v>1619</v>
      </c>
      <c r="C808" s="9" t="s">
        <v>1620</v>
      </c>
      <c r="D808" s="18">
        <v>1412410694</v>
      </c>
      <c r="E808" s="11">
        <v>47968</v>
      </c>
      <c r="F808" s="9" t="s">
        <v>70</v>
      </c>
      <c r="G808" s="5">
        <v>806</v>
      </c>
      <c r="H808" s="12">
        <f t="shared" si="24"/>
        <v>13</v>
      </c>
      <c r="I808" s="12">
        <f t="shared" si="25"/>
        <v>8</v>
      </c>
    </row>
    <row r="809" spans="1:35" s="5" customFormat="1" ht="27.75" customHeight="1" x14ac:dyDescent="0.4">
      <c r="A809" s="9" t="s">
        <v>137</v>
      </c>
      <c r="B809" s="9" t="s">
        <v>1621</v>
      </c>
      <c r="C809" s="9" t="s">
        <v>1622</v>
      </c>
      <c r="D809" s="18">
        <v>1412403459</v>
      </c>
      <c r="E809" s="11">
        <v>46873</v>
      </c>
      <c r="F809" s="9" t="s">
        <v>70</v>
      </c>
      <c r="G809" s="12">
        <v>807</v>
      </c>
      <c r="H809" s="12">
        <f t="shared" si="24"/>
        <v>13</v>
      </c>
      <c r="I809" s="12">
        <f t="shared" si="25"/>
        <v>9</v>
      </c>
    </row>
    <row r="810" spans="1:35" s="5" customFormat="1" ht="27.75" customHeight="1" x14ac:dyDescent="0.4">
      <c r="A810" s="9" t="s">
        <v>137</v>
      </c>
      <c r="B810" s="9" t="s">
        <v>1623</v>
      </c>
      <c r="C810" s="9" t="s">
        <v>1624</v>
      </c>
      <c r="D810" s="18">
        <v>1412401370</v>
      </c>
      <c r="E810" s="11">
        <v>46387</v>
      </c>
      <c r="F810" s="9" t="s">
        <v>70</v>
      </c>
      <c r="G810" s="5">
        <v>808</v>
      </c>
      <c r="H810" s="12">
        <f t="shared" si="24"/>
        <v>13</v>
      </c>
      <c r="I810" s="12">
        <f t="shared" si="25"/>
        <v>7</v>
      </c>
    </row>
    <row r="811" spans="1:35" s="5" customFormat="1" ht="27.75" customHeight="1" x14ac:dyDescent="0.4">
      <c r="A811" s="9" t="s">
        <v>137</v>
      </c>
      <c r="B811" s="9" t="s">
        <v>1625</v>
      </c>
      <c r="C811" s="9" t="s">
        <v>1626</v>
      </c>
      <c r="D811" s="18">
        <v>1412410785</v>
      </c>
      <c r="E811" s="11">
        <v>48152</v>
      </c>
      <c r="F811" s="9" t="s">
        <v>70</v>
      </c>
      <c r="G811" s="12">
        <v>809</v>
      </c>
      <c r="H811" s="12">
        <f t="shared" si="24"/>
        <v>16</v>
      </c>
      <c r="I811" s="12">
        <f t="shared" si="25"/>
        <v>7</v>
      </c>
    </row>
    <row r="812" spans="1:35" s="5" customFormat="1" ht="27.75" customHeight="1" x14ac:dyDescent="0.4">
      <c r="A812" s="9" t="s">
        <v>137</v>
      </c>
      <c r="B812" s="9" t="s">
        <v>1627</v>
      </c>
      <c r="C812" s="9" t="s">
        <v>1628</v>
      </c>
      <c r="D812" s="18">
        <v>1412410793</v>
      </c>
      <c r="E812" s="11">
        <v>47664</v>
      </c>
      <c r="F812" s="9" t="s">
        <v>70</v>
      </c>
      <c r="G812" s="5">
        <v>810</v>
      </c>
      <c r="H812" s="12">
        <f t="shared" si="24"/>
        <v>16</v>
      </c>
      <c r="I812" s="12">
        <f t="shared" si="25"/>
        <v>9</v>
      </c>
    </row>
    <row r="813" spans="1:35" s="5" customFormat="1" ht="27.75" customHeight="1" x14ac:dyDescent="0.4">
      <c r="A813" s="9" t="s">
        <v>137</v>
      </c>
      <c r="B813" s="9" t="s">
        <v>1629</v>
      </c>
      <c r="C813" s="9" t="s">
        <v>1630</v>
      </c>
      <c r="D813" s="18">
        <v>1412410603</v>
      </c>
      <c r="E813" s="11">
        <v>46752</v>
      </c>
      <c r="F813" s="9" t="s">
        <v>70</v>
      </c>
      <c r="G813" s="12">
        <v>811</v>
      </c>
      <c r="H813" s="12">
        <f t="shared" si="24"/>
        <v>11</v>
      </c>
      <c r="I813" s="12">
        <f t="shared" si="25"/>
        <v>11</v>
      </c>
    </row>
    <row r="814" spans="1:35" s="5" customFormat="1" ht="27.75" customHeight="1" x14ac:dyDescent="0.4">
      <c r="A814" s="9" t="s">
        <v>137</v>
      </c>
      <c r="B814" s="9" t="s">
        <v>1631</v>
      </c>
      <c r="C814" s="9" t="s">
        <v>1632</v>
      </c>
      <c r="D814" s="18">
        <v>1412402824</v>
      </c>
      <c r="E814" s="11">
        <v>46387</v>
      </c>
      <c r="F814" s="9" t="s">
        <v>70</v>
      </c>
      <c r="G814" s="5">
        <v>812</v>
      </c>
      <c r="H814" s="12">
        <f t="shared" si="24"/>
        <v>12</v>
      </c>
      <c r="I814" s="12">
        <f t="shared" si="25"/>
        <v>18</v>
      </c>
    </row>
    <row r="815" spans="1:35" s="5" customFormat="1" ht="27.75" customHeight="1" x14ac:dyDescent="0.4">
      <c r="A815" s="9" t="s">
        <v>137</v>
      </c>
      <c r="B815" s="9" t="s">
        <v>1633</v>
      </c>
      <c r="C815" s="9" t="s">
        <v>1634</v>
      </c>
      <c r="D815" s="18">
        <v>1412410058</v>
      </c>
      <c r="E815" s="11">
        <v>46387</v>
      </c>
      <c r="F815" s="9" t="s">
        <v>70</v>
      </c>
      <c r="G815" s="12">
        <v>813</v>
      </c>
      <c r="H815" s="12">
        <f t="shared" si="24"/>
        <v>23</v>
      </c>
      <c r="I815" s="12">
        <f t="shared" si="25"/>
        <v>14</v>
      </c>
    </row>
    <row r="816" spans="1:35" s="5" customFormat="1" ht="27.75" customHeight="1" x14ac:dyDescent="0.4">
      <c r="A816" s="9" t="s">
        <v>137</v>
      </c>
      <c r="B816" s="9" t="s">
        <v>1635</v>
      </c>
      <c r="C816" s="9" t="s">
        <v>1636</v>
      </c>
      <c r="D816" s="18">
        <v>1412410306</v>
      </c>
      <c r="E816" s="11">
        <v>48029</v>
      </c>
      <c r="F816" s="9" t="s">
        <v>70</v>
      </c>
      <c r="G816" s="5">
        <v>814</v>
      </c>
      <c r="H816" s="12">
        <f t="shared" si="24"/>
        <v>22</v>
      </c>
      <c r="I816" s="12">
        <f t="shared" si="25"/>
        <v>10</v>
      </c>
    </row>
    <row r="817" spans="1:9" s="5" customFormat="1" ht="27.75" customHeight="1" x14ac:dyDescent="0.4">
      <c r="A817" s="9" t="s">
        <v>137</v>
      </c>
      <c r="B817" s="9" t="s">
        <v>1637</v>
      </c>
      <c r="C817" s="9" t="s">
        <v>1638</v>
      </c>
      <c r="D817" s="18">
        <v>1412402154</v>
      </c>
      <c r="E817" s="11">
        <v>46387</v>
      </c>
      <c r="F817" s="9" t="s">
        <v>70</v>
      </c>
      <c r="G817" s="12">
        <v>815</v>
      </c>
      <c r="H817" s="12">
        <f t="shared" si="24"/>
        <v>12</v>
      </c>
      <c r="I817" s="12">
        <f t="shared" si="25"/>
        <v>4</v>
      </c>
    </row>
    <row r="818" spans="1:9" s="5" customFormat="1" ht="27.75" customHeight="1" x14ac:dyDescent="0.4">
      <c r="A818" s="9" t="s">
        <v>137</v>
      </c>
      <c r="B818" s="9" t="s">
        <v>1639</v>
      </c>
      <c r="C818" s="9" t="s">
        <v>1638</v>
      </c>
      <c r="D818" s="18">
        <v>1412402451</v>
      </c>
      <c r="E818" s="11">
        <v>46387</v>
      </c>
      <c r="F818" s="9" t="s">
        <v>70</v>
      </c>
      <c r="G818" s="5">
        <v>816</v>
      </c>
      <c r="H818" s="12">
        <f t="shared" si="24"/>
        <v>12</v>
      </c>
      <c r="I818" s="12">
        <f t="shared" si="25"/>
        <v>6</v>
      </c>
    </row>
    <row r="819" spans="1:9" s="5" customFormat="1" ht="27.75" customHeight="1" x14ac:dyDescent="0.4">
      <c r="A819" s="9" t="s">
        <v>137</v>
      </c>
      <c r="B819" s="9" t="s">
        <v>1640</v>
      </c>
      <c r="C819" s="9" t="s">
        <v>1641</v>
      </c>
      <c r="D819" s="18">
        <v>1412410421</v>
      </c>
      <c r="E819" s="11">
        <v>47938</v>
      </c>
      <c r="F819" s="9" t="s">
        <v>70</v>
      </c>
      <c r="G819" s="12">
        <v>817</v>
      </c>
      <c r="H819" s="12">
        <f t="shared" si="24"/>
        <v>24</v>
      </c>
      <c r="I819" s="12">
        <f t="shared" si="25"/>
        <v>17</v>
      </c>
    </row>
    <row r="820" spans="1:9" s="5" customFormat="1" ht="27.75" customHeight="1" x14ac:dyDescent="0.4">
      <c r="A820" s="9" t="s">
        <v>137</v>
      </c>
      <c r="B820" s="9" t="s">
        <v>1642</v>
      </c>
      <c r="C820" s="9" t="s">
        <v>1643</v>
      </c>
      <c r="D820" s="18">
        <v>1412410413</v>
      </c>
      <c r="E820" s="11">
        <v>47879</v>
      </c>
      <c r="F820" s="9" t="s">
        <v>70</v>
      </c>
      <c r="G820" s="5">
        <v>818</v>
      </c>
      <c r="H820" s="12">
        <f t="shared" si="24"/>
        <v>12</v>
      </c>
      <c r="I820" s="12">
        <f t="shared" si="25"/>
        <v>7</v>
      </c>
    </row>
    <row r="821" spans="1:9" s="5" customFormat="1" ht="27.75" customHeight="1" x14ac:dyDescent="0.4">
      <c r="A821" s="9" t="s">
        <v>137</v>
      </c>
      <c r="B821" s="9" t="s">
        <v>148</v>
      </c>
      <c r="C821" s="9" t="s">
        <v>1644</v>
      </c>
      <c r="D821" s="18">
        <v>1412402139</v>
      </c>
      <c r="E821" s="11">
        <v>46387</v>
      </c>
      <c r="F821" s="9" t="s">
        <v>70</v>
      </c>
      <c r="G821" s="12">
        <v>819</v>
      </c>
      <c r="H821" s="12">
        <f t="shared" si="24"/>
        <v>12</v>
      </c>
      <c r="I821" s="12">
        <f t="shared" si="25"/>
        <v>4</v>
      </c>
    </row>
    <row r="822" spans="1:9" s="5" customFormat="1" ht="27.75" customHeight="1" x14ac:dyDescent="0.4">
      <c r="A822" s="9" t="s">
        <v>137</v>
      </c>
      <c r="B822" s="9" t="s">
        <v>1645</v>
      </c>
      <c r="C822" s="13" t="s">
        <v>1646</v>
      </c>
      <c r="D822" s="18">
        <v>1412410769</v>
      </c>
      <c r="E822" s="11">
        <v>47542</v>
      </c>
      <c r="F822" s="9" t="s">
        <v>70</v>
      </c>
      <c r="G822" s="5">
        <v>820</v>
      </c>
      <c r="H822" s="12">
        <f t="shared" si="24"/>
        <v>12</v>
      </c>
      <c r="I822" s="12">
        <f t="shared" si="25"/>
        <v>11</v>
      </c>
    </row>
    <row r="823" spans="1:9" s="5" customFormat="1" ht="27.75" customHeight="1" x14ac:dyDescent="0.4">
      <c r="A823" s="9" t="s">
        <v>137</v>
      </c>
      <c r="B823" s="9" t="s">
        <v>1647</v>
      </c>
      <c r="C823" s="9" t="s">
        <v>1648</v>
      </c>
      <c r="D823" s="18">
        <v>1412403400</v>
      </c>
      <c r="E823" s="11">
        <v>46387</v>
      </c>
      <c r="F823" s="9" t="s">
        <v>70</v>
      </c>
      <c r="G823" s="12">
        <v>821</v>
      </c>
      <c r="H823" s="12">
        <f t="shared" si="24"/>
        <v>12</v>
      </c>
      <c r="I823" s="12">
        <f t="shared" si="25"/>
        <v>9</v>
      </c>
    </row>
    <row r="824" spans="1:9" s="5" customFormat="1" ht="27.75" customHeight="1" x14ac:dyDescent="0.4">
      <c r="A824" s="9" t="s">
        <v>137</v>
      </c>
      <c r="B824" s="9" t="s">
        <v>1649</v>
      </c>
      <c r="C824" s="9" t="s">
        <v>1650</v>
      </c>
      <c r="D824" s="18">
        <v>1412410595</v>
      </c>
      <c r="E824" s="11">
        <v>46752</v>
      </c>
      <c r="F824" s="9" t="s">
        <v>70</v>
      </c>
      <c r="G824" s="5">
        <v>822</v>
      </c>
      <c r="H824" s="12">
        <f t="shared" si="24"/>
        <v>20</v>
      </c>
      <c r="I824" s="12">
        <f t="shared" si="25"/>
        <v>16</v>
      </c>
    </row>
    <row r="825" spans="1:9" s="5" customFormat="1" ht="27.75" customHeight="1" x14ac:dyDescent="0.4">
      <c r="A825" s="9" t="s">
        <v>137</v>
      </c>
      <c r="B825" s="9" t="s">
        <v>1651</v>
      </c>
      <c r="C825" s="9" t="s">
        <v>1652</v>
      </c>
      <c r="D825" s="18">
        <v>1412401131</v>
      </c>
      <c r="E825" s="11">
        <v>46387</v>
      </c>
      <c r="F825" s="9" t="s">
        <v>70</v>
      </c>
      <c r="G825" s="12">
        <v>823</v>
      </c>
      <c r="H825" s="12">
        <f t="shared" si="24"/>
        <v>13</v>
      </c>
      <c r="I825" s="12">
        <f t="shared" si="25"/>
        <v>7</v>
      </c>
    </row>
    <row r="826" spans="1:9" s="5" customFormat="1" ht="27.75" customHeight="1" x14ac:dyDescent="0.4">
      <c r="A826" s="9" t="s">
        <v>137</v>
      </c>
      <c r="B826" s="9" t="s">
        <v>1653</v>
      </c>
      <c r="C826" s="9" t="s">
        <v>1654</v>
      </c>
      <c r="D826" s="18">
        <v>1412402873</v>
      </c>
      <c r="E826" s="11">
        <v>46387</v>
      </c>
      <c r="F826" s="9" t="s">
        <v>70</v>
      </c>
      <c r="G826" s="5">
        <v>824</v>
      </c>
      <c r="H826" s="12">
        <f t="shared" si="24"/>
        <v>12</v>
      </c>
      <c r="I826" s="12">
        <f t="shared" si="25"/>
        <v>14</v>
      </c>
    </row>
    <row r="827" spans="1:9" s="5" customFormat="1" ht="27.75" customHeight="1" x14ac:dyDescent="0.4">
      <c r="A827" s="9" t="s">
        <v>137</v>
      </c>
      <c r="B827" s="13" t="s">
        <v>1655</v>
      </c>
      <c r="C827" s="13" t="s">
        <v>1656</v>
      </c>
      <c r="D827" s="18">
        <v>1412403145</v>
      </c>
      <c r="E827" s="11">
        <v>46387</v>
      </c>
      <c r="F827" s="9" t="s">
        <v>70</v>
      </c>
      <c r="G827" s="12">
        <v>825</v>
      </c>
      <c r="H827" s="12">
        <f t="shared" si="24"/>
        <v>12</v>
      </c>
      <c r="I827" s="12">
        <f t="shared" si="25"/>
        <v>12</v>
      </c>
    </row>
    <row r="828" spans="1:9" s="5" customFormat="1" ht="27.75" customHeight="1" x14ac:dyDescent="0.4">
      <c r="A828" s="9" t="s">
        <v>137</v>
      </c>
      <c r="B828" s="9" t="s">
        <v>1657</v>
      </c>
      <c r="C828" s="9" t="s">
        <v>1658</v>
      </c>
      <c r="D828" s="18">
        <v>1412402477</v>
      </c>
      <c r="E828" s="11">
        <v>46387</v>
      </c>
      <c r="F828" s="9" t="s">
        <v>70</v>
      </c>
      <c r="G828" s="5">
        <v>826</v>
      </c>
      <c r="H828" s="12">
        <f t="shared" si="24"/>
        <v>11</v>
      </c>
      <c r="I828" s="12">
        <f t="shared" si="25"/>
        <v>13</v>
      </c>
    </row>
    <row r="829" spans="1:9" s="5" customFormat="1" ht="27.75" customHeight="1" x14ac:dyDescent="0.4">
      <c r="A829" s="17" t="s">
        <v>137</v>
      </c>
      <c r="B829" s="9" t="s">
        <v>1659</v>
      </c>
      <c r="C829" s="9" t="s">
        <v>76</v>
      </c>
      <c r="D829" s="18">
        <v>1412430777</v>
      </c>
      <c r="E829" s="11">
        <v>47634</v>
      </c>
      <c r="F829" s="9" t="s">
        <v>70</v>
      </c>
      <c r="G829" s="12">
        <v>827</v>
      </c>
      <c r="H829" s="12">
        <f t="shared" si="24"/>
        <v>10</v>
      </c>
      <c r="I829" s="12">
        <f t="shared" si="25"/>
        <v>9</v>
      </c>
    </row>
    <row r="830" spans="1:9" s="5" customFormat="1" ht="27.75" customHeight="1" x14ac:dyDescent="0.4">
      <c r="A830" s="9" t="s">
        <v>137</v>
      </c>
      <c r="B830" s="9" t="s">
        <v>1660</v>
      </c>
      <c r="C830" s="9" t="s">
        <v>1661</v>
      </c>
      <c r="D830" s="18">
        <v>1412403616</v>
      </c>
      <c r="E830" s="11">
        <v>46387</v>
      </c>
      <c r="F830" s="9" t="s">
        <v>70</v>
      </c>
      <c r="G830" s="5">
        <v>828</v>
      </c>
      <c r="H830" s="12">
        <f t="shared" si="24"/>
        <v>13</v>
      </c>
      <c r="I830" s="12">
        <f t="shared" si="25"/>
        <v>9</v>
      </c>
    </row>
    <row r="831" spans="1:9" s="5" customFormat="1" ht="27.75" customHeight="1" x14ac:dyDescent="0.4">
      <c r="A831" s="9" t="s">
        <v>137</v>
      </c>
      <c r="B831" s="9" t="s">
        <v>1662</v>
      </c>
      <c r="C831" s="9" t="s">
        <v>1663</v>
      </c>
      <c r="D831" s="18">
        <v>1412410744</v>
      </c>
      <c r="E831" s="11">
        <v>47452</v>
      </c>
      <c r="F831" s="9" t="s">
        <v>70</v>
      </c>
      <c r="G831" s="12">
        <v>829</v>
      </c>
      <c r="H831" s="12">
        <f t="shared" si="24"/>
        <v>14</v>
      </c>
      <c r="I831" s="12">
        <f t="shared" si="25"/>
        <v>12</v>
      </c>
    </row>
    <row r="832" spans="1:9" s="5" customFormat="1" ht="27.75" customHeight="1" x14ac:dyDescent="0.4">
      <c r="A832" s="9" t="s">
        <v>137</v>
      </c>
      <c r="B832" s="9" t="s">
        <v>77</v>
      </c>
      <c r="C832" s="9" t="s">
        <v>78</v>
      </c>
      <c r="D832" s="18">
        <v>1412400034</v>
      </c>
      <c r="E832" s="11">
        <v>46387</v>
      </c>
      <c r="F832" s="9" t="s">
        <v>70</v>
      </c>
      <c r="G832" s="5">
        <v>830</v>
      </c>
      <c r="H832" s="12">
        <f t="shared" si="24"/>
        <v>14</v>
      </c>
      <c r="I832" s="12">
        <f t="shared" si="25"/>
        <v>7</v>
      </c>
    </row>
    <row r="833" spans="1:9" s="5" customFormat="1" ht="27.75" customHeight="1" x14ac:dyDescent="0.4">
      <c r="A833" s="9" t="s">
        <v>137</v>
      </c>
      <c r="B833" s="9" t="s">
        <v>1664</v>
      </c>
      <c r="C833" s="9" t="s">
        <v>1665</v>
      </c>
      <c r="D833" s="18">
        <v>1412410314</v>
      </c>
      <c r="E833" s="11">
        <v>47269</v>
      </c>
      <c r="F833" s="9" t="s">
        <v>70</v>
      </c>
      <c r="G833" s="12">
        <v>831</v>
      </c>
      <c r="H833" s="12">
        <f t="shared" si="24"/>
        <v>11</v>
      </c>
      <c r="I833" s="12">
        <f t="shared" si="25"/>
        <v>13</v>
      </c>
    </row>
    <row r="834" spans="1:9" s="5" customFormat="1" ht="27.75" customHeight="1" x14ac:dyDescent="0.4">
      <c r="A834" s="9" t="s">
        <v>137</v>
      </c>
      <c r="B834" s="9" t="s">
        <v>1666</v>
      </c>
      <c r="C834" s="9" t="s">
        <v>1665</v>
      </c>
      <c r="D834" s="18">
        <v>1412410488</v>
      </c>
      <c r="E834" s="11">
        <v>48029</v>
      </c>
      <c r="F834" s="9" t="s">
        <v>70</v>
      </c>
      <c r="G834" s="5">
        <v>832</v>
      </c>
      <c r="H834" s="12">
        <f t="shared" si="24"/>
        <v>11</v>
      </c>
      <c r="I834" s="12">
        <f t="shared" si="25"/>
        <v>9</v>
      </c>
    </row>
    <row r="835" spans="1:9" s="5" customFormat="1" ht="27.75" customHeight="1" x14ac:dyDescent="0.4">
      <c r="A835" s="9" t="s">
        <v>137</v>
      </c>
      <c r="B835" s="9" t="s">
        <v>1667</v>
      </c>
      <c r="C835" s="9" t="s">
        <v>1668</v>
      </c>
      <c r="D835" s="26">
        <v>1412402469</v>
      </c>
      <c r="E835" s="11">
        <v>46446</v>
      </c>
      <c r="F835" s="9" t="s">
        <v>70</v>
      </c>
      <c r="G835" s="12">
        <v>833</v>
      </c>
      <c r="H835" s="12">
        <f t="shared" si="24"/>
        <v>11</v>
      </c>
      <c r="I835" s="12">
        <f t="shared" si="25"/>
        <v>12</v>
      </c>
    </row>
    <row r="836" spans="1:9" s="5" customFormat="1" ht="27.75" customHeight="1" x14ac:dyDescent="0.4">
      <c r="A836" s="9" t="s">
        <v>137</v>
      </c>
      <c r="B836" s="9" t="s">
        <v>1669</v>
      </c>
      <c r="C836" s="9" t="s">
        <v>1670</v>
      </c>
      <c r="D836" s="18">
        <v>1412510204</v>
      </c>
      <c r="E836" s="11">
        <v>46721</v>
      </c>
      <c r="F836" s="9" t="s">
        <v>83</v>
      </c>
      <c r="G836" s="5">
        <v>834</v>
      </c>
      <c r="H836" s="12">
        <f t="shared" ref="H836:H899" si="26">LEN(C836)</f>
        <v>12</v>
      </c>
      <c r="I836" s="12">
        <f t="shared" ref="I836:I899" si="27">LEN(B836)</f>
        <v>8</v>
      </c>
    </row>
    <row r="837" spans="1:9" s="5" customFormat="1" ht="27.75" customHeight="1" x14ac:dyDescent="0.4">
      <c r="A837" s="9" t="s">
        <v>137</v>
      </c>
      <c r="B837" s="9" t="s">
        <v>1671</v>
      </c>
      <c r="C837" s="9" t="s">
        <v>1672</v>
      </c>
      <c r="D837" s="18">
        <v>1412510147</v>
      </c>
      <c r="E837" s="11">
        <v>48152</v>
      </c>
      <c r="F837" s="9" t="s">
        <v>83</v>
      </c>
      <c r="G837" s="12">
        <v>835</v>
      </c>
      <c r="H837" s="12">
        <f t="shared" si="26"/>
        <v>25</v>
      </c>
      <c r="I837" s="12">
        <f t="shared" si="27"/>
        <v>27</v>
      </c>
    </row>
    <row r="838" spans="1:9" s="5" customFormat="1" ht="27.75" customHeight="1" x14ac:dyDescent="0.4">
      <c r="A838" s="9" t="s">
        <v>137</v>
      </c>
      <c r="B838" s="9" t="s">
        <v>1673</v>
      </c>
      <c r="C838" s="9" t="s">
        <v>1674</v>
      </c>
      <c r="D838" s="18">
        <v>1412501765</v>
      </c>
      <c r="E838" s="11">
        <v>46387</v>
      </c>
      <c r="F838" s="9" t="s">
        <v>83</v>
      </c>
      <c r="G838" s="5">
        <v>836</v>
      </c>
      <c r="H838" s="12">
        <f t="shared" si="26"/>
        <v>13</v>
      </c>
      <c r="I838" s="12">
        <f t="shared" si="27"/>
        <v>11</v>
      </c>
    </row>
    <row r="839" spans="1:9" s="5" customFormat="1" ht="27.75" customHeight="1" x14ac:dyDescent="0.4">
      <c r="A839" s="9" t="s">
        <v>137</v>
      </c>
      <c r="B839" s="9" t="s">
        <v>1675</v>
      </c>
      <c r="C839" s="9" t="s">
        <v>1676</v>
      </c>
      <c r="D839" s="18">
        <v>1412501849</v>
      </c>
      <c r="E839" s="11">
        <v>46387</v>
      </c>
      <c r="F839" s="9" t="s">
        <v>83</v>
      </c>
      <c r="G839" s="12">
        <v>837</v>
      </c>
      <c r="H839" s="12">
        <f t="shared" si="26"/>
        <v>12</v>
      </c>
      <c r="I839" s="12">
        <f t="shared" si="27"/>
        <v>18</v>
      </c>
    </row>
    <row r="840" spans="1:9" s="5" customFormat="1" ht="27.75" customHeight="1" x14ac:dyDescent="0.4">
      <c r="A840" s="9" t="s">
        <v>137</v>
      </c>
      <c r="B840" s="9" t="s">
        <v>1677</v>
      </c>
      <c r="C840" s="9" t="s">
        <v>1678</v>
      </c>
      <c r="D840" s="18">
        <v>1412510063</v>
      </c>
      <c r="E840" s="11">
        <v>47149</v>
      </c>
      <c r="F840" s="9" t="s">
        <v>83</v>
      </c>
      <c r="G840" s="5">
        <v>838</v>
      </c>
      <c r="H840" s="12">
        <f t="shared" si="26"/>
        <v>11</v>
      </c>
      <c r="I840" s="12">
        <f t="shared" si="27"/>
        <v>13</v>
      </c>
    </row>
    <row r="841" spans="1:9" s="5" customFormat="1" ht="27.75" customHeight="1" x14ac:dyDescent="0.4">
      <c r="A841" s="17" t="s">
        <v>137</v>
      </c>
      <c r="B841" s="9" t="s">
        <v>1679</v>
      </c>
      <c r="C841" s="9" t="s">
        <v>1680</v>
      </c>
      <c r="D841" s="18">
        <v>1412501492</v>
      </c>
      <c r="E841" s="11">
        <v>46387</v>
      </c>
      <c r="F841" s="9" t="s">
        <v>83</v>
      </c>
      <c r="G841" s="12">
        <v>839</v>
      </c>
      <c r="H841" s="12">
        <f t="shared" si="26"/>
        <v>13</v>
      </c>
      <c r="I841" s="12">
        <f t="shared" si="27"/>
        <v>7</v>
      </c>
    </row>
    <row r="842" spans="1:9" s="5" customFormat="1" ht="27.75" customHeight="1" x14ac:dyDescent="0.4">
      <c r="A842" s="17" t="s">
        <v>137</v>
      </c>
      <c r="B842" s="9" t="s">
        <v>1681</v>
      </c>
      <c r="C842" s="9" t="s">
        <v>1682</v>
      </c>
      <c r="D842" s="18">
        <v>1412510311</v>
      </c>
      <c r="E842" s="11">
        <v>47634</v>
      </c>
      <c r="F842" s="9" t="s">
        <v>83</v>
      </c>
      <c r="G842" s="5">
        <v>840</v>
      </c>
      <c r="H842" s="12">
        <f t="shared" si="26"/>
        <v>11</v>
      </c>
      <c r="I842" s="12">
        <f t="shared" si="27"/>
        <v>19</v>
      </c>
    </row>
    <row r="843" spans="1:9" s="5" customFormat="1" ht="27.75" customHeight="1" x14ac:dyDescent="0.4">
      <c r="A843" s="9" t="s">
        <v>137</v>
      </c>
      <c r="B843" s="14" t="s">
        <v>1683</v>
      </c>
      <c r="C843" s="9" t="s">
        <v>1684</v>
      </c>
      <c r="D843" s="18">
        <v>1412501278</v>
      </c>
      <c r="E843" s="11">
        <v>46387</v>
      </c>
      <c r="F843" s="9" t="s">
        <v>83</v>
      </c>
      <c r="G843" s="12">
        <v>841</v>
      </c>
      <c r="H843" s="12">
        <f t="shared" si="26"/>
        <v>12</v>
      </c>
      <c r="I843" s="12">
        <f t="shared" si="27"/>
        <v>18</v>
      </c>
    </row>
    <row r="844" spans="1:9" s="5" customFormat="1" ht="27.75" customHeight="1" x14ac:dyDescent="0.4">
      <c r="A844" s="9" t="s">
        <v>137</v>
      </c>
      <c r="B844" s="9" t="s">
        <v>1685</v>
      </c>
      <c r="C844" s="9" t="s">
        <v>1686</v>
      </c>
      <c r="D844" s="18">
        <v>1412501484</v>
      </c>
      <c r="E844" s="11">
        <v>46387</v>
      </c>
      <c r="F844" s="9" t="s">
        <v>83</v>
      </c>
      <c r="G844" s="5">
        <v>842</v>
      </c>
      <c r="H844" s="12">
        <f t="shared" si="26"/>
        <v>11</v>
      </c>
      <c r="I844" s="12">
        <f t="shared" si="27"/>
        <v>11</v>
      </c>
    </row>
    <row r="845" spans="1:9" s="5" customFormat="1" ht="27.75" customHeight="1" x14ac:dyDescent="0.4">
      <c r="A845" s="17" t="s">
        <v>137</v>
      </c>
      <c r="B845" s="9" t="s">
        <v>1687</v>
      </c>
      <c r="C845" s="9" t="s">
        <v>1688</v>
      </c>
      <c r="D845" s="18">
        <v>1412501302</v>
      </c>
      <c r="E845" s="11">
        <v>46387</v>
      </c>
      <c r="F845" s="9" t="s">
        <v>83</v>
      </c>
      <c r="G845" s="12">
        <v>843</v>
      </c>
      <c r="H845" s="12">
        <f t="shared" si="26"/>
        <v>13</v>
      </c>
      <c r="I845" s="12">
        <f t="shared" si="27"/>
        <v>9</v>
      </c>
    </row>
    <row r="846" spans="1:9" s="5" customFormat="1" ht="27.75" customHeight="1" x14ac:dyDescent="0.4">
      <c r="A846" s="9" t="s">
        <v>137</v>
      </c>
      <c r="B846" s="9" t="s">
        <v>1689</v>
      </c>
      <c r="C846" s="9" t="s">
        <v>1690</v>
      </c>
      <c r="D846" s="18">
        <v>1412510246</v>
      </c>
      <c r="E846" s="11">
        <v>47087</v>
      </c>
      <c r="F846" s="9" t="s">
        <v>83</v>
      </c>
      <c r="G846" s="5">
        <v>844</v>
      </c>
      <c r="H846" s="12">
        <f t="shared" si="26"/>
        <v>11</v>
      </c>
      <c r="I846" s="12">
        <f t="shared" si="27"/>
        <v>4</v>
      </c>
    </row>
    <row r="847" spans="1:9" s="5" customFormat="1" ht="27.75" customHeight="1" x14ac:dyDescent="0.4">
      <c r="A847" s="9" t="s">
        <v>137</v>
      </c>
      <c r="B847" s="9" t="s">
        <v>1691</v>
      </c>
      <c r="C847" s="9" t="s">
        <v>1692</v>
      </c>
      <c r="D847" s="18">
        <v>1412510097</v>
      </c>
      <c r="E847" s="11">
        <v>46387</v>
      </c>
      <c r="F847" s="9" t="s">
        <v>83</v>
      </c>
      <c r="G847" s="12">
        <v>845</v>
      </c>
      <c r="H847" s="12">
        <f t="shared" si="26"/>
        <v>26</v>
      </c>
      <c r="I847" s="12">
        <f t="shared" si="27"/>
        <v>17</v>
      </c>
    </row>
    <row r="848" spans="1:9" s="5" customFormat="1" ht="27.75" customHeight="1" x14ac:dyDescent="0.4">
      <c r="A848" s="9" t="s">
        <v>137</v>
      </c>
      <c r="B848" s="13" t="s">
        <v>1693</v>
      </c>
      <c r="C848" s="9" t="s">
        <v>1694</v>
      </c>
      <c r="D848" s="18">
        <v>1412501575</v>
      </c>
      <c r="E848" s="11">
        <v>46387</v>
      </c>
      <c r="F848" s="9" t="s">
        <v>83</v>
      </c>
      <c r="G848" s="5">
        <v>846</v>
      </c>
      <c r="H848" s="12">
        <f t="shared" si="26"/>
        <v>10</v>
      </c>
      <c r="I848" s="12">
        <f t="shared" si="27"/>
        <v>20</v>
      </c>
    </row>
    <row r="849" spans="1:9" s="5" customFormat="1" ht="27.75" customHeight="1" x14ac:dyDescent="0.4">
      <c r="A849" s="9" t="s">
        <v>137</v>
      </c>
      <c r="B849" s="9" t="s">
        <v>1695</v>
      </c>
      <c r="C849" s="9" t="s">
        <v>1696</v>
      </c>
      <c r="D849" s="18">
        <v>1412501617</v>
      </c>
      <c r="E849" s="11">
        <v>46387</v>
      </c>
      <c r="F849" s="9" t="s">
        <v>83</v>
      </c>
      <c r="G849" s="12">
        <v>847</v>
      </c>
      <c r="H849" s="12">
        <f t="shared" si="26"/>
        <v>10</v>
      </c>
      <c r="I849" s="12">
        <f t="shared" si="27"/>
        <v>16</v>
      </c>
    </row>
    <row r="850" spans="1:9" s="5" customFormat="1" ht="27.75" customHeight="1" x14ac:dyDescent="0.4">
      <c r="A850" s="9" t="s">
        <v>137</v>
      </c>
      <c r="B850" s="9" t="s">
        <v>1697</v>
      </c>
      <c r="C850" s="9" t="s">
        <v>1698</v>
      </c>
      <c r="D850" s="18">
        <v>1412510378</v>
      </c>
      <c r="E850" s="11">
        <v>48213</v>
      </c>
      <c r="F850" s="9" t="s">
        <v>83</v>
      </c>
      <c r="G850" s="5">
        <v>848</v>
      </c>
      <c r="H850" s="12">
        <f t="shared" si="26"/>
        <v>12</v>
      </c>
      <c r="I850" s="12">
        <f t="shared" si="27"/>
        <v>5</v>
      </c>
    </row>
    <row r="851" spans="1:9" s="5" customFormat="1" ht="27.75" customHeight="1" x14ac:dyDescent="0.4">
      <c r="A851" s="9" t="s">
        <v>137</v>
      </c>
      <c r="B851" s="9" t="s">
        <v>1699</v>
      </c>
      <c r="C851" s="9" t="s">
        <v>1700</v>
      </c>
      <c r="D851" s="18">
        <v>1412501872</v>
      </c>
      <c r="E851" s="11">
        <v>46387</v>
      </c>
      <c r="F851" s="9" t="s">
        <v>83</v>
      </c>
      <c r="G851" s="12">
        <v>849</v>
      </c>
      <c r="H851" s="12">
        <f t="shared" si="26"/>
        <v>14</v>
      </c>
      <c r="I851" s="12">
        <f t="shared" si="27"/>
        <v>13</v>
      </c>
    </row>
    <row r="852" spans="1:9" s="5" customFormat="1" ht="27.75" customHeight="1" x14ac:dyDescent="0.4">
      <c r="A852" s="9" t="s">
        <v>137</v>
      </c>
      <c r="B852" s="14" t="s">
        <v>1701</v>
      </c>
      <c r="C852" s="9" t="s">
        <v>1702</v>
      </c>
      <c r="D852" s="18">
        <v>1412510071</v>
      </c>
      <c r="E852" s="11">
        <v>46873</v>
      </c>
      <c r="F852" s="9" t="s">
        <v>83</v>
      </c>
      <c r="G852" s="5">
        <v>850</v>
      </c>
      <c r="H852" s="12">
        <f t="shared" si="26"/>
        <v>11</v>
      </c>
      <c r="I852" s="12">
        <f t="shared" si="27"/>
        <v>20</v>
      </c>
    </row>
    <row r="853" spans="1:9" s="5" customFormat="1" ht="27.75" customHeight="1" x14ac:dyDescent="0.4">
      <c r="A853" s="17" t="s">
        <v>137</v>
      </c>
      <c r="B853" s="9" t="s">
        <v>1703</v>
      </c>
      <c r="C853" s="9" t="s">
        <v>1704</v>
      </c>
      <c r="D853" s="18">
        <v>1412510279</v>
      </c>
      <c r="E853" s="11">
        <v>47361</v>
      </c>
      <c r="F853" s="9" t="s">
        <v>83</v>
      </c>
      <c r="G853" s="12">
        <v>851</v>
      </c>
      <c r="H853" s="12">
        <f t="shared" si="26"/>
        <v>13</v>
      </c>
      <c r="I853" s="12">
        <f t="shared" si="27"/>
        <v>18</v>
      </c>
    </row>
    <row r="854" spans="1:9" s="5" customFormat="1" ht="27.75" customHeight="1" x14ac:dyDescent="0.4">
      <c r="A854" s="17" t="s">
        <v>137</v>
      </c>
      <c r="B854" s="9" t="s">
        <v>1705</v>
      </c>
      <c r="C854" s="9" t="s">
        <v>1706</v>
      </c>
      <c r="D854" s="18">
        <v>1412501419</v>
      </c>
      <c r="E854" s="11">
        <v>46599</v>
      </c>
      <c r="F854" s="9" t="s">
        <v>83</v>
      </c>
      <c r="G854" s="5">
        <v>852</v>
      </c>
      <c r="H854" s="12">
        <f t="shared" si="26"/>
        <v>11</v>
      </c>
      <c r="I854" s="12">
        <f t="shared" si="27"/>
        <v>7</v>
      </c>
    </row>
    <row r="855" spans="1:9" s="5" customFormat="1" ht="27.75" customHeight="1" x14ac:dyDescent="0.4">
      <c r="A855" s="9" t="s">
        <v>137</v>
      </c>
      <c r="B855" s="9" t="s">
        <v>1707</v>
      </c>
      <c r="C855" s="9" t="s">
        <v>1708</v>
      </c>
      <c r="D855" s="18">
        <v>1412502029</v>
      </c>
      <c r="E855" s="11">
        <v>46387</v>
      </c>
      <c r="F855" s="9" t="s">
        <v>83</v>
      </c>
      <c r="G855" s="12">
        <v>853</v>
      </c>
      <c r="H855" s="12">
        <f t="shared" si="26"/>
        <v>21</v>
      </c>
      <c r="I855" s="12">
        <f t="shared" si="27"/>
        <v>22</v>
      </c>
    </row>
    <row r="856" spans="1:9" s="5" customFormat="1" ht="27.75" customHeight="1" x14ac:dyDescent="0.4">
      <c r="A856" s="9" t="s">
        <v>137</v>
      </c>
      <c r="B856" s="9" t="s">
        <v>1709</v>
      </c>
      <c r="C856" s="9" t="s">
        <v>1710</v>
      </c>
      <c r="D856" s="18">
        <v>1412510055</v>
      </c>
      <c r="E856" s="11">
        <v>47756</v>
      </c>
      <c r="F856" s="9" t="s">
        <v>83</v>
      </c>
      <c r="G856" s="5">
        <v>854</v>
      </c>
      <c r="H856" s="12">
        <f t="shared" si="26"/>
        <v>15</v>
      </c>
      <c r="I856" s="12">
        <f t="shared" si="27"/>
        <v>12</v>
      </c>
    </row>
    <row r="857" spans="1:9" s="5" customFormat="1" ht="27.75" customHeight="1" x14ac:dyDescent="0.4">
      <c r="A857" s="9" t="s">
        <v>137</v>
      </c>
      <c r="B857" s="9" t="s">
        <v>1711</v>
      </c>
      <c r="C857" s="9" t="s">
        <v>1712</v>
      </c>
      <c r="D857" s="18">
        <v>1412501393</v>
      </c>
      <c r="E857" s="11">
        <v>46387</v>
      </c>
      <c r="F857" s="9" t="s">
        <v>83</v>
      </c>
      <c r="G857" s="12">
        <v>855</v>
      </c>
      <c r="H857" s="12">
        <f t="shared" si="26"/>
        <v>10</v>
      </c>
      <c r="I857" s="12">
        <f t="shared" si="27"/>
        <v>9</v>
      </c>
    </row>
    <row r="858" spans="1:9" s="5" customFormat="1" ht="27.75" customHeight="1" x14ac:dyDescent="0.4">
      <c r="A858" s="9" t="s">
        <v>137</v>
      </c>
      <c r="B858" s="9" t="s">
        <v>1713</v>
      </c>
      <c r="C858" s="9" t="s">
        <v>1714</v>
      </c>
      <c r="D858" s="18">
        <v>1412501732</v>
      </c>
      <c r="E858" s="11">
        <v>46387</v>
      </c>
      <c r="F858" s="9" t="s">
        <v>83</v>
      </c>
      <c r="G858" s="5">
        <v>856</v>
      </c>
      <c r="H858" s="12">
        <f t="shared" si="26"/>
        <v>22</v>
      </c>
      <c r="I858" s="12">
        <f t="shared" si="27"/>
        <v>5</v>
      </c>
    </row>
    <row r="859" spans="1:9" s="5" customFormat="1" ht="27.75" customHeight="1" x14ac:dyDescent="0.4">
      <c r="A859" s="9" t="s">
        <v>137</v>
      </c>
      <c r="B859" s="9" t="s">
        <v>1715</v>
      </c>
      <c r="C859" s="9" t="s">
        <v>1716</v>
      </c>
      <c r="D859" s="18">
        <v>1412501807</v>
      </c>
      <c r="E859" s="11">
        <v>46387</v>
      </c>
      <c r="F859" s="9" t="s">
        <v>83</v>
      </c>
      <c r="G859" s="12">
        <v>857</v>
      </c>
      <c r="H859" s="12">
        <f t="shared" si="26"/>
        <v>13</v>
      </c>
      <c r="I859" s="12">
        <f t="shared" si="27"/>
        <v>6</v>
      </c>
    </row>
    <row r="860" spans="1:9" s="5" customFormat="1" ht="27.75" customHeight="1" x14ac:dyDescent="0.4">
      <c r="A860" s="9" t="s">
        <v>137</v>
      </c>
      <c r="B860" s="9" t="s">
        <v>1717</v>
      </c>
      <c r="C860" s="9" t="s">
        <v>1718</v>
      </c>
      <c r="D860" s="18">
        <v>1412502003</v>
      </c>
      <c r="E860" s="11">
        <v>46387</v>
      </c>
      <c r="F860" s="9" t="s">
        <v>83</v>
      </c>
      <c r="G860" s="5">
        <v>858</v>
      </c>
      <c r="H860" s="12">
        <f t="shared" si="26"/>
        <v>16</v>
      </c>
      <c r="I860" s="12">
        <f t="shared" si="27"/>
        <v>11</v>
      </c>
    </row>
    <row r="861" spans="1:9" s="5" customFormat="1" ht="27.75" customHeight="1" x14ac:dyDescent="0.4">
      <c r="A861" s="9" t="s">
        <v>137</v>
      </c>
      <c r="B861" s="9" t="s">
        <v>1719</v>
      </c>
      <c r="C861" s="9" t="s">
        <v>1720</v>
      </c>
      <c r="D861" s="18">
        <v>1412510030</v>
      </c>
      <c r="E861" s="11">
        <v>46387</v>
      </c>
      <c r="F861" s="9" t="s">
        <v>83</v>
      </c>
      <c r="G861" s="12">
        <v>859</v>
      </c>
      <c r="H861" s="12">
        <f t="shared" si="26"/>
        <v>13</v>
      </c>
      <c r="I861" s="12">
        <f t="shared" si="27"/>
        <v>4</v>
      </c>
    </row>
    <row r="862" spans="1:9" s="5" customFormat="1" ht="27.75" customHeight="1" x14ac:dyDescent="0.4">
      <c r="A862" s="9" t="s">
        <v>137</v>
      </c>
      <c r="B862" s="15" t="s">
        <v>81</v>
      </c>
      <c r="C862" s="16" t="s">
        <v>1721</v>
      </c>
      <c r="D862" s="10">
        <v>1412510014</v>
      </c>
      <c r="E862" s="11">
        <v>47269</v>
      </c>
      <c r="F862" s="9" t="s">
        <v>83</v>
      </c>
      <c r="G862" s="5">
        <v>860</v>
      </c>
      <c r="H862" s="12">
        <f t="shared" si="26"/>
        <v>20</v>
      </c>
      <c r="I862" s="12">
        <f t="shared" si="27"/>
        <v>26</v>
      </c>
    </row>
    <row r="863" spans="1:9" s="5" customFormat="1" ht="27.75" customHeight="1" x14ac:dyDescent="0.4">
      <c r="A863" s="9" t="s">
        <v>137</v>
      </c>
      <c r="B863" s="9" t="s">
        <v>1722</v>
      </c>
      <c r="C863" s="9" t="s">
        <v>1723</v>
      </c>
      <c r="D863" s="18">
        <v>1412501815</v>
      </c>
      <c r="E863" s="11">
        <v>47848</v>
      </c>
      <c r="F863" s="9" t="s">
        <v>83</v>
      </c>
      <c r="G863" s="12">
        <v>861</v>
      </c>
      <c r="H863" s="12">
        <f t="shared" si="26"/>
        <v>12</v>
      </c>
      <c r="I863" s="12">
        <f t="shared" si="27"/>
        <v>6</v>
      </c>
    </row>
    <row r="864" spans="1:9" s="5" customFormat="1" ht="27.75" customHeight="1" x14ac:dyDescent="0.4">
      <c r="A864" s="9" t="s">
        <v>137</v>
      </c>
      <c r="B864" s="9" t="s">
        <v>1724</v>
      </c>
      <c r="C864" s="9" t="s">
        <v>1725</v>
      </c>
      <c r="D864" s="18">
        <v>1412501682</v>
      </c>
      <c r="E864" s="11">
        <v>46387</v>
      </c>
      <c r="F864" s="9" t="s">
        <v>83</v>
      </c>
      <c r="G864" s="5">
        <v>862</v>
      </c>
      <c r="H864" s="12">
        <f t="shared" si="26"/>
        <v>10</v>
      </c>
      <c r="I864" s="12">
        <f t="shared" si="27"/>
        <v>17</v>
      </c>
    </row>
    <row r="865" spans="1:9" s="5" customFormat="1" ht="27.75" customHeight="1" x14ac:dyDescent="0.4">
      <c r="A865" s="9" t="s">
        <v>137</v>
      </c>
      <c r="B865" s="9" t="s">
        <v>1726</v>
      </c>
      <c r="C865" s="9" t="s">
        <v>1727</v>
      </c>
      <c r="D865" s="18">
        <v>1412510238</v>
      </c>
      <c r="E865" s="11">
        <v>47087</v>
      </c>
      <c r="F865" s="9" t="s">
        <v>83</v>
      </c>
      <c r="G865" s="12">
        <v>863</v>
      </c>
      <c r="H865" s="12">
        <f t="shared" si="26"/>
        <v>20</v>
      </c>
      <c r="I865" s="12">
        <f t="shared" si="27"/>
        <v>9</v>
      </c>
    </row>
    <row r="866" spans="1:9" s="5" customFormat="1" ht="27.75" customHeight="1" x14ac:dyDescent="0.4">
      <c r="A866" s="9" t="s">
        <v>137</v>
      </c>
      <c r="B866" s="9" t="s">
        <v>1728</v>
      </c>
      <c r="C866" s="9" t="s">
        <v>1729</v>
      </c>
      <c r="D866" s="18">
        <v>1412502011</v>
      </c>
      <c r="E866" s="11">
        <v>46387</v>
      </c>
      <c r="F866" s="9" t="s">
        <v>83</v>
      </c>
      <c r="G866" s="5">
        <v>864</v>
      </c>
      <c r="H866" s="12">
        <f t="shared" si="26"/>
        <v>20</v>
      </c>
      <c r="I866" s="12">
        <f t="shared" si="27"/>
        <v>11</v>
      </c>
    </row>
    <row r="867" spans="1:9" s="5" customFormat="1" ht="27.75" customHeight="1" x14ac:dyDescent="0.4">
      <c r="A867" s="9" t="s">
        <v>137</v>
      </c>
      <c r="B867" s="9" t="s">
        <v>1730</v>
      </c>
      <c r="C867" s="9" t="s">
        <v>1731</v>
      </c>
      <c r="D867" s="18">
        <v>1412510345</v>
      </c>
      <c r="E867" s="11">
        <v>48121</v>
      </c>
      <c r="F867" s="9" t="s">
        <v>83</v>
      </c>
      <c r="G867" s="12">
        <v>865</v>
      </c>
      <c r="H867" s="12">
        <f t="shared" si="26"/>
        <v>25</v>
      </c>
      <c r="I867" s="12">
        <f t="shared" si="27"/>
        <v>20</v>
      </c>
    </row>
    <row r="868" spans="1:9" s="5" customFormat="1" ht="27.75" customHeight="1" x14ac:dyDescent="0.4">
      <c r="A868" s="9" t="s">
        <v>137</v>
      </c>
      <c r="B868" s="9" t="s">
        <v>1732</v>
      </c>
      <c r="C868" s="9" t="s">
        <v>1733</v>
      </c>
      <c r="D868" s="18">
        <v>1412501211</v>
      </c>
      <c r="E868" s="11">
        <v>46387</v>
      </c>
      <c r="F868" s="9" t="s">
        <v>83</v>
      </c>
      <c r="G868" s="5">
        <v>866</v>
      </c>
      <c r="H868" s="12">
        <f t="shared" si="26"/>
        <v>11</v>
      </c>
      <c r="I868" s="12">
        <f t="shared" si="27"/>
        <v>6</v>
      </c>
    </row>
    <row r="869" spans="1:9" s="5" customFormat="1" ht="27.75" customHeight="1" x14ac:dyDescent="0.4">
      <c r="A869" s="9" t="s">
        <v>137</v>
      </c>
      <c r="B869" s="13" t="s">
        <v>1734</v>
      </c>
      <c r="C869" s="13" t="s">
        <v>1735</v>
      </c>
      <c r="D869" s="18">
        <v>1412510220</v>
      </c>
      <c r="E869" s="11">
        <v>46843</v>
      </c>
      <c r="F869" s="9" t="s">
        <v>83</v>
      </c>
      <c r="G869" s="12">
        <v>867</v>
      </c>
      <c r="H869" s="12">
        <f t="shared" si="26"/>
        <v>14</v>
      </c>
      <c r="I869" s="12">
        <f t="shared" si="27"/>
        <v>7</v>
      </c>
    </row>
    <row r="870" spans="1:9" s="5" customFormat="1" ht="27.75" customHeight="1" x14ac:dyDescent="0.4">
      <c r="A870" s="17" t="s">
        <v>137</v>
      </c>
      <c r="B870" s="13" t="s">
        <v>1736</v>
      </c>
      <c r="C870" s="13" t="s">
        <v>1737</v>
      </c>
      <c r="D870" s="18">
        <v>1412501799</v>
      </c>
      <c r="E870" s="11">
        <v>46387</v>
      </c>
      <c r="F870" s="9" t="s">
        <v>83</v>
      </c>
      <c r="G870" s="5">
        <v>868</v>
      </c>
      <c r="H870" s="12">
        <f t="shared" si="26"/>
        <v>12</v>
      </c>
      <c r="I870" s="12">
        <f t="shared" si="27"/>
        <v>11</v>
      </c>
    </row>
    <row r="871" spans="1:9" s="5" customFormat="1" ht="27.75" customHeight="1" x14ac:dyDescent="0.4">
      <c r="A871" s="9" t="s">
        <v>137</v>
      </c>
      <c r="B871" s="9" t="s">
        <v>1738</v>
      </c>
      <c r="C871" s="9" t="s">
        <v>1739</v>
      </c>
      <c r="D871" s="18">
        <v>1412500916</v>
      </c>
      <c r="E871" s="11">
        <v>46387</v>
      </c>
      <c r="F871" s="9" t="s">
        <v>83</v>
      </c>
      <c r="G871" s="12">
        <v>869</v>
      </c>
      <c r="H871" s="12">
        <f t="shared" si="26"/>
        <v>11</v>
      </c>
      <c r="I871" s="12">
        <f t="shared" si="27"/>
        <v>10</v>
      </c>
    </row>
    <row r="872" spans="1:9" s="5" customFormat="1" ht="27.75" customHeight="1" x14ac:dyDescent="0.4">
      <c r="A872" s="9" t="s">
        <v>137</v>
      </c>
      <c r="B872" s="9" t="s">
        <v>1740</v>
      </c>
      <c r="C872" s="9" t="s">
        <v>1741</v>
      </c>
      <c r="D872" s="18">
        <v>1412501583</v>
      </c>
      <c r="E872" s="11">
        <v>46387</v>
      </c>
      <c r="F872" s="9" t="s">
        <v>83</v>
      </c>
      <c r="G872" s="5">
        <v>870</v>
      </c>
      <c r="H872" s="12">
        <f t="shared" si="26"/>
        <v>14</v>
      </c>
      <c r="I872" s="12">
        <f t="shared" si="27"/>
        <v>20</v>
      </c>
    </row>
    <row r="873" spans="1:9" s="5" customFormat="1" ht="27.75" customHeight="1" x14ac:dyDescent="0.4">
      <c r="A873" s="9" t="s">
        <v>137</v>
      </c>
      <c r="B873" s="9" t="s">
        <v>1742</v>
      </c>
      <c r="C873" s="9" t="s">
        <v>1743</v>
      </c>
      <c r="D873" s="18">
        <v>1412501633</v>
      </c>
      <c r="E873" s="11">
        <v>46387</v>
      </c>
      <c r="F873" s="9" t="s">
        <v>83</v>
      </c>
      <c r="G873" s="12">
        <v>871</v>
      </c>
      <c r="H873" s="12">
        <f t="shared" si="26"/>
        <v>11</v>
      </c>
      <c r="I873" s="12">
        <f t="shared" si="27"/>
        <v>7</v>
      </c>
    </row>
    <row r="874" spans="1:9" s="5" customFormat="1" ht="27.75" customHeight="1" x14ac:dyDescent="0.4">
      <c r="A874" s="9" t="s">
        <v>137</v>
      </c>
      <c r="B874" s="9" t="s">
        <v>1744</v>
      </c>
      <c r="C874" s="9" t="s">
        <v>1745</v>
      </c>
      <c r="D874" s="18">
        <v>1412501781</v>
      </c>
      <c r="E874" s="11">
        <v>46387</v>
      </c>
      <c r="F874" s="9" t="s">
        <v>83</v>
      </c>
      <c r="G874" s="5">
        <v>872</v>
      </c>
      <c r="H874" s="12">
        <f t="shared" si="26"/>
        <v>11</v>
      </c>
      <c r="I874" s="12">
        <f t="shared" si="27"/>
        <v>13</v>
      </c>
    </row>
    <row r="875" spans="1:9" s="5" customFormat="1" ht="27.75" customHeight="1" x14ac:dyDescent="0.4">
      <c r="A875" s="9" t="s">
        <v>137</v>
      </c>
      <c r="B875" s="16" t="s">
        <v>1746</v>
      </c>
      <c r="C875" s="16" t="s">
        <v>1747</v>
      </c>
      <c r="D875" s="10">
        <v>1412501963</v>
      </c>
      <c r="E875" s="11">
        <v>46387</v>
      </c>
      <c r="F875" s="9" t="s">
        <v>83</v>
      </c>
      <c r="G875" s="12">
        <v>873</v>
      </c>
      <c r="H875" s="12">
        <f t="shared" si="26"/>
        <v>19</v>
      </c>
      <c r="I875" s="12">
        <f t="shared" si="27"/>
        <v>18</v>
      </c>
    </row>
    <row r="876" spans="1:9" s="5" customFormat="1" ht="27.75" customHeight="1" x14ac:dyDescent="0.4">
      <c r="A876" s="9" t="s">
        <v>137</v>
      </c>
      <c r="B876" s="9" t="s">
        <v>1748</v>
      </c>
      <c r="C876" s="9" t="s">
        <v>1749</v>
      </c>
      <c r="D876" s="18">
        <v>1412510360</v>
      </c>
      <c r="E876" s="11">
        <v>48213</v>
      </c>
      <c r="F876" s="9" t="s">
        <v>83</v>
      </c>
      <c r="G876" s="5">
        <v>874</v>
      </c>
      <c r="H876" s="12">
        <f t="shared" si="26"/>
        <v>10</v>
      </c>
      <c r="I876" s="12">
        <f t="shared" si="27"/>
        <v>11</v>
      </c>
    </row>
    <row r="877" spans="1:9" s="5" customFormat="1" ht="27.75" customHeight="1" x14ac:dyDescent="0.4">
      <c r="A877" s="9" t="s">
        <v>137</v>
      </c>
      <c r="B877" s="13" t="s">
        <v>1750</v>
      </c>
      <c r="C877" s="13" t="s">
        <v>1751</v>
      </c>
      <c r="D877" s="18">
        <v>1412510121</v>
      </c>
      <c r="E877" s="11">
        <v>46387</v>
      </c>
      <c r="F877" s="9" t="s">
        <v>83</v>
      </c>
      <c r="G877" s="12">
        <v>875</v>
      </c>
      <c r="H877" s="12">
        <f t="shared" si="26"/>
        <v>19</v>
      </c>
      <c r="I877" s="12">
        <f t="shared" si="27"/>
        <v>9</v>
      </c>
    </row>
    <row r="878" spans="1:9" s="5" customFormat="1" ht="27.75" customHeight="1" x14ac:dyDescent="0.4">
      <c r="A878" s="9" t="s">
        <v>137</v>
      </c>
      <c r="B878" s="9" t="s">
        <v>1752</v>
      </c>
      <c r="C878" s="9" t="s">
        <v>1753</v>
      </c>
      <c r="D878" s="18">
        <v>1412510196</v>
      </c>
      <c r="E878" s="11">
        <v>46568</v>
      </c>
      <c r="F878" s="9" t="s">
        <v>83</v>
      </c>
      <c r="G878" s="5">
        <v>876</v>
      </c>
      <c r="H878" s="12">
        <f t="shared" si="26"/>
        <v>17</v>
      </c>
      <c r="I878" s="12">
        <f t="shared" si="27"/>
        <v>6</v>
      </c>
    </row>
    <row r="879" spans="1:9" s="5" customFormat="1" ht="27.75" customHeight="1" x14ac:dyDescent="0.4">
      <c r="A879" s="9" t="s">
        <v>137</v>
      </c>
      <c r="B879" s="9" t="s">
        <v>1754</v>
      </c>
      <c r="C879" s="9" t="s">
        <v>1755</v>
      </c>
      <c r="D879" s="18">
        <v>1412501310</v>
      </c>
      <c r="E879" s="11">
        <v>46387</v>
      </c>
      <c r="F879" s="9" t="s">
        <v>83</v>
      </c>
      <c r="G879" s="12">
        <v>877</v>
      </c>
      <c r="H879" s="12">
        <f t="shared" si="26"/>
        <v>11</v>
      </c>
      <c r="I879" s="12">
        <f t="shared" si="27"/>
        <v>7</v>
      </c>
    </row>
    <row r="880" spans="1:9" s="5" customFormat="1" ht="27.75" customHeight="1" x14ac:dyDescent="0.4">
      <c r="A880" s="9" t="s">
        <v>137</v>
      </c>
      <c r="B880" s="9" t="s">
        <v>1756</v>
      </c>
      <c r="C880" s="9" t="s">
        <v>1757</v>
      </c>
      <c r="D880" s="18">
        <v>1412510261</v>
      </c>
      <c r="E880" s="11">
        <v>47149</v>
      </c>
      <c r="F880" s="9" t="s">
        <v>83</v>
      </c>
      <c r="G880" s="5">
        <v>878</v>
      </c>
      <c r="H880" s="12">
        <f t="shared" si="26"/>
        <v>27</v>
      </c>
      <c r="I880" s="12">
        <f t="shared" si="27"/>
        <v>8</v>
      </c>
    </row>
    <row r="881" spans="1:9" s="5" customFormat="1" ht="27.75" customHeight="1" x14ac:dyDescent="0.4">
      <c r="A881" s="9" t="s">
        <v>137</v>
      </c>
      <c r="B881" s="14" t="s">
        <v>1758</v>
      </c>
      <c r="C881" s="9" t="s">
        <v>1759</v>
      </c>
      <c r="D881" s="18">
        <v>1412700615</v>
      </c>
      <c r="E881" s="11">
        <v>46387</v>
      </c>
      <c r="F881" s="9" t="s">
        <v>1760</v>
      </c>
      <c r="G881" s="12">
        <v>879</v>
      </c>
      <c r="H881" s="12">
        <f t="shared" si="26"/>
        <v>9</v>
      </c>
      <c r="I881" s="12">
        <f t="shared" si="27"/>
        <v>6</v>
      </c>
    </row>
    <row r="882" spans="1:9" s="5" customFormat="1" ht="27.75" customHeight="1" x14ac:dyDescent="0.4">
      <c r="A882" s="9" t="s">
        <v>137</v>
      </c>
      <c r="B882" s="9" t="s">
        <v>1761</v>
      </c>
      <c r="C882" s="9" t="s">
        <v>1762</v>
      </c>
      <c r="D882" s="18">
        <v>1412710069</v>
      </c>
      <c r="E882" s="11">
        <v>47968</v>
      </c>
      <c r="F882" s="9" t="s">
        <v>1760</v>
      </c>
      <c r="G882" s="5">
        <v>880</v>
      </c>
      <c r="H882" s="12">
        <f t="shared" si="26"/>
        <v>15</v>
      </c>
      <c r="I882" s="12">
        <f t="shared" si="27"/>
        <v>8</v>
      </c>
    </row>
    <row r="883" spans="1:9" s="5" customFormat="1" ht="27.75" customHeight="1" x14ac:dyDescent="0.4">
      <c r="A883" s="9" t="s">
        <v>137</v>
      </c>
      <c r="B883" s="9" t="s">
        <v>1763</v>
      </c>
      <c r="C883" s="9" t="s">
        <v>1764</v>
      </c>
      <c r="D883" s="23">
        <v>1412710077</v>
      </c>
      <c r="E883" s="11">
        <v>48091</v>
      </c>
      <c r="F883" s="9" t="s">
        <v>1760</v>
      </c>
      <c r="G883" s="12">
        <v>881</v>
      </c>
      <c r="H883" s="12">
        <f t="shared" si="26"/>
        <v>13</v>
      </c>
      <c r="I883" s="12">
        <f t="shared" si="27"/>
        <v>22</v>
      </c>
    </row>
    <row r="884" spans="1:9" s="5" customFormat="1" ht="27.75" customHeight="1" x14ac:dyDescent="0.4">
      <c r="A884" s="9" t="s">
        <v>137</v>
      </c>
      <c r="B884" s="13" t="s">
        <v>1765</v>
      </c>
      <c r="C884" s="13" t="s">
        <v>1766</v>
      </c>
      <c r="D884" s="18">
        <v>1412700359</v>
      </c>
      <c r="E884" s="11">
        <v>46387</v>
      </c>
      <c r="F884" s="9" t="s">
        <v>1760</v>
      </c>
      <c r="G884" s="5">
        <v>882</v>
      </c>
      <c r="H884" s="12">
        <f t="shared" si="26"/>
        <v>15</v>
      </c>
      <c r="I884" s="12">
        <f t="shared" si="27"/>
        <v>16</v>
      </c>
    </row>
    <row r="885" spans="1:9" s="5" customFormat="1" ht="27.75" customHeight="1" x14ac:dyDescent="0.4">
      <c r="A885" s="9" t="s">
        <v>137</v>
      </c>
      <c r="B885" s="9" t="s">
        <v>1767</v>
      </c>
      <c r="C885" s="9" t="s">
        <v>1768</v>
      </c>
      <c r="D885" s="18">
        <v>1412700573</v>
      </c>
      <c r="E885" s="11">
        <v>46387</v>
      </c>
      <c r="F885" s="9" t="s">
        <v>1760</v>
      </c>
      <c r="G885" s="12">
        <v>883</v>
      </c>
      <c r="H885" s="12">
        <f t="shared" si="26"/>
        <v>10</v>
      </c>
      <c r="I885" s="12">
        <f t="shared" si="27"/>
        <v>6</v>
      </c>
    </row>
    <row r="886" spans="1:9" s="5" customFormat="1" ht="27.75" customHeight="1" x14ac:dyDescent="0.4">
      <c r="A886" s="9" t="s">
        <v>137</v>
      </c>
      <c r="B886" s="9" t="s">
        <v>1769</v>
      </c>
      <c r="C886" s="9" t="s">
        <v>1770</v>
      </c>
      <c r="D886" s="18">
        <v>1412710002</v>
      </c>
      <c r="E886" s="11">
        <v>46387</v>
      </c>
      <c r="F886" s="9" t="s">
        <v>1760</v>
      </c>
      <c r="G886" s="5">
        <v>884</v>
      </c>
      <c r="H886" s="12">
        <f t="shared" si="26"/>
        <v>10</v>
      </c>
      <c r="I886" s="12">
        <f t="shared" si="27"/>
        <v>11</v>
      </c>
    </row>
    <row r="887" spans="1:9" s="5" customFormat="1" ht="27.75" customHeight="1" x14ac:dyDescent="0.4">
      <c r="A887" s="9" t="s">
        <v>137</v>
      </c>
      <c r="B887" s="9" t="s">
        <v>1771</v>
      </c>
      <c r="C887" s="9" t="s">
        <v>1772</v>
      </c>
      <c r="D887" s="18">
        <v>1412710010</v>
      </c>
      <c r="E887" s="11">
        <v>46387</v>
      </c>
      <c r="F887" s="9" t="s">
        <v>1760</v>
      </c>
      <c r="G887" s="12">
        <v>885</v>
      </c>
      <c r="H887" s="12">
        <f t="shared" si="26"/>
        <v>16</v>
      </c>
      <c r="I887" s="12">
        <f t="shared" si="27"/>
        <v>6</v>
      </c>
    </row>
    <row r="888" spans="1:9" s="5" customFormat="1" ht="27.75" customHeight="1" x14ac:dyDescent="0.4">
      <c r="A888" s="9" t="s">
        <v>137</v>
      </c>
      <c r="B888" s="13" t="s">
        <v>1773</v>
      </c>
      <c r="C888" s="13" t="s">
        <v>1774</v>
      </c>
      <c r="D888" s="18">
        <v>1412700607</v>
      </c>
      <c r="E888" s="11">
        <v>46387</v>
      </c>
      <c r="F888" s="9" t="s">
        <v>1760</v>
      </c>
      <c r="G888" s="5">
        <v>886</v>
      </c>
      <c r="H888" s="12">
        <f t="shared" si="26"/>
        <v>16</v>
      </c>
      <c r="I888" s="12">
        <f t="shared" si="27"/>
        <v>13</v>
      </c>
    </row>
    <row r="889" spans="1:9" s="5" customFormat="1" ht="27.75" customHeight="1" x14ac:dyDescent="0.4">
      <c r="A889" s="29" t="s">
        <v>137</v>
      </c>
      <c r="B889" s="29" t="s">
        <v>1775</v>
      </c>
      <c r="C889" s="22" t="s">
        <v>1776</v>
      </c>
      <c r="D889" s="10">
        <v>1412700623</v>
      </c>
      <c r="E889" s="11">
        <v>46387</v>
      </c>
      <c r="F889" s="9" t="s">
        <v>1760</v>
      </c>
      <c r="G889" s="12">
        <v>887</v>
      </c>
      <c r="H889" s="12">
        <f t="shared" si="26"/>
        <v>17</v>
      </c>
      <c r="I889" s="12">
        <f t="shared" si="27"/>
        <v>5</v>
      </c>
    </row>
    <row r="890" spans="1:9" s="5" customFormat="1" ht="27.75" customHeight="1" x14ac:dyDescent="0.4">
      <c r="A890" s="9" t="s">
        <v>137</v>
      </c>
      <c r="B890" s="9" t="s">
        <v>1777</v>
      </c>
      <c r="C890" s="9" t="s">
        <v>1778</v>
      </c>
      <c r="D890" s="18">
        <v>1412710119</v>
      </c>
      <c r="E890" s="11">
        <v>47269</v>
      </c>
      <c r="F890" s="9" t="s">
        <v>1760</v>
      </c>
      <c r="G890" s="5">
        <v>888</v>
      </c>
      <c r="H890" s="12">
        <f t="shared" si="26"/>
        <v>26</v>
      </c>
      <c r="I890" s="12">
        <f t="shared" si="27"/>
        <v>11</v>
      </c>
    </row>
    <row r="891" spans="1:9" s="5" customFormat="1" ht="27.75" customHeight="1" x14ac:dyDescent="0.4">
      <c r="A891" s="9" t="s">
        <v>137</v>
      </c>
      <c r="B891" s="13" t="s">
        <v>1779</v>
      </c>
      <c r="C891" s="9" t="s">
        <v>1780</v>
      </c>
      <c r="D891" s="18">
        <v>1412700441</v>
      </c>
      <c r="E891" s="11">
        <v>46387</v>
      </c>
      <c r="F891" s="9" t="s">
        <v>1760</v>
      </c>
      <c r="G891" s="12">
        <v>889</v>
      </c>
      <c r="H891" s="12">
        <f t="shared" si="26"/>
        <v>16</v>
      </c>
      <c r="I891" s="12">
        <f t="shared" si="27"/>
        <v>5</v>
      </c>
    </row>
    <row r="892" spans="1:9" s="5" customFormat="1" ht="27.75" customHeight="1" x14ac:dyDescent="0.4">
      <c r="A892" s="9" t="s">
        <v>137</v>
      </c>
      <c r="B892" s="9" t="s">
        <v>1781</v>
      </c>
      <c r="C892" s="9" t="s">
        <v>1782</v>
      </c>
      <c r="D892" s="18">
        <v>1412700599</v>
      </c>
      <c r="E892" s="11">
        <v>46387</v>
      </c>
      <c r="F892" s="9" t="s">
        <v>1760</v>
      </c>
      <c r="G892" s="5">
        <v>890</v>
      </c>
      <c r="H892" s="12">
        <f t="shared" si="26"/>
        <v>16</v>
      </c>
      <c r="I892" s="12">
        <f t="shared" si="27"/>
        <v>13</v>
      </c>
    </row>
    <row r="893" spans="1:9" s="5" customFormat="1" ht="27.75" customHeight="1" x14ac:dyDescent="0.4">
      <c r="A893" s="9" t="s">
        <v>137</v>
      </c>
      <c r="B893" s="16" t="s">
        <v>1783</v>
      </c>
      <c r="C893" s="16" t="s">
        <v>1784</v>
      </c>
      <c r="D893" s="10">
        <v>1412700557</v>
      </c>
      <c r="E893" s="11">
        <v>47361</v>
      </c>
      <c r="F893" s="9" t="s">
        <v>1760</v>
      </c>
      <c r="G893" s="12">
        <v>891</v>
      </c>
      <c r="H893" s="12">
        <f t="shared" si="26"/>
        <v>16</v>
      </c>
      <c r="I893" s="12">
        <f t="shared" si="27"/>
        <v>20</v>
      </c>
    </row>
    <row r="894" spans="1:9" s="5" customFormat="1" ht="27.75" customHeight="1" x14ac:dyDescent="0.4">
      <c r="A894" s="9" t="s">
        <v>137</v>
      </c>
      <c r="B894" s="9" t="s">
        <v>1785</v>
      </c>
      <c r="C894" s="9" t="s">
        <v>1786</v>
      </c>
      <c r="D894" s="18">
        <v>1412710101</v>
      </c>
      <c r="E894" s="11">
        <v>47149</v>
      </c>
      <c r="F894" s="9" t="s">
        <v>1760</v>
      </c>
      <c r="G894" s="5">
        <v>892</v>
      </c>
      <c r="H894" s="12">
        <f t="shared" si="26"/>
        <v>8</v>
      </c>
      <c r="I894" s="12">
        <f t="shared" si="27"/>
        <v>7</v>
      </c>
    </row>
    <row r="895" spans="1:9" s="5" customFormat="1" ht="27.75" customHeight="1" x14ac:dyDescent="0.4">
      <c r="A895" s="9" t="s">
        <v>137</v>
      </c>
      <c r="B895" s="9" t="s">
        <v>1787</v>
      </c>
      <c r="C895" s="9" t="s">
        <v>1788</v>
      </c>
      <c r="D895" s="18">
        <v>1412700037</v>
      </c>
      <c r="E895" s="11">
        <v>46387</v>
      </c>
      <c r="F895" s="9" t="s">
        <v>1760</v>
      </c>
      <c r="G895" s="12">
        <v>893</v>
      </c>
      <c r="H895" s="12">
        <f t="shared" si="26"/>
        <v>11</v>
      </c>
      <c r="I895" s="12">
        <f t="shared" si="27"/>
        <v>6</v>
      </c>
    </row>
    <row r="896" spans="1:9" s="5" customFormat="1" ht="27.75" customHeight="1" x14ac:dyDescent="0.4">
      <c r="A896" s="9" t="s">
        <v>137</v>
      </c>
      <c r="B896" s="14" t="s">
        <v>1789</v>
      </c>
      <c r="C896" s="9" t="s">
        <v>1790</v>
      </c>
      <c r="D896" s="18">
        <v>1412800340</v>
      </c>
      <c r="E896" s="11">
        <v>48029</v>
      </c>
      <c r="F896" s="9" t="s">
        <v>86</v>
      </c>
      <c r="G896" s="5">
        <v>894</v>
      </c>
      <c r="H896" s="12">
        <f t="shared" si="26"/>
        <v>10</v>
      </c>
      <c r="I896" s="12">
        <f t="shared" si="27"/>
        <v>9</v>
      </c>
    </row>
    <row r="897" spans="1:9" s="5" customFormat="1" ht="27.75" customHeight="1" x14ac:dyDescent="0.4">
      <c r="A897" s="9" t="s">
        <v>137</v>
      </c>
      <c r="B897" s="9" t="s">
        <v>1791</v>
      </c>
      <c r="C897" s="9" t="s">
        <v>1792</v>
      </c>
      <c r="D897" s="18">
        <v>1412810141</v>
      </c>
      <c r="E897" s="11">
        <v>46538</v>
      </c>
      <c r="F897" s="9" t="s">
        <v>86</v>
      </c>
      <c r="G897" s="12">
        <v>895</v>
      </c>
      <c r="H897" s="12">
        <f t="shared" si="26"/>
        <v>9</v>
      </c>
      <c r="I897" s="12">
        <f t="shared" si="27"/>
        <v>6</v>
      </c>
    </row>
    <row r="898" spans="1:9" s="5" customFormat="1" ht="27.75" customHeight="1" x14ac:dyDescent="0.4">
      <c r="A898" s="9" t="s">
        <v>137</v>
      </c>
      <c r="B898" s="9" t="s">
        <v>1793</v>
      </c>
      <c r="C898" s="9" t="s">
        <v>1794</v>
      </c>
      <c r="D898" s="18">
        <v>1412802106</v>
      </c>
      <c r="E898" s="11">
        <v>46387</v>
      </c>
      <c r="F898" s="9" t="s">
        <v>86</v>
      </c>
      <c r="G898" s="5">
        <v>896</v>
      </c>
      <c r="H898" s="12">
        <f t="shared" si="26"/>
        <v>20</v>
      </c>
      <c r="I898" s="12">
        <f t="shared" si="27"/>
        <v>16</v>
      </c>
    </row>
    <row r="899" spans="1:9" s="5" customFormat="1" ht="27.75" customHeight="1" x14ac:dyDescent="0.4">
      <c r="A899" s="9" t="s">
        <v>137</v>
      </c>
      <c r="B899" s="9" t="s">
        <v>1795</v>
      </c>
      <c r="C899" s="9" t="s">
        <v>1796</v>
      </c>
      <c r="D899" s="18">
        <v>1412810448</v>
      </c>
      <c r="E899" s="11">
        <v>47634</v>
      </c>
      <c r="F899" s="9" t="s">
        <v>86</v>
      </c>
      <c r="G899" s="12">
        <v>897</v>
      </c>
      <c r="H899" s="12">
        <f t="shared" si="26"/>
        <v>8</v>
      </c>
      <c r="I899" s="12">
        <f t="shared" si="27"/>
        <v>12</v>
      </c>
    </row>
    <row r="900" spans="1:9" s="5" customFormat="1" ht="27.75" customHeight="1" x14ac:dyDescent="0.4">
      <c r="A900" s="9" t="s">
        <v>137</v>
      </c>
      <c r="B900" s="14" t="s">
        <v>1797</v>
      </c>
      <c r="C900" s="9" t="s">
        <v>1798</v>
      </c>
      <c r="D900" s="18">
        <v>1412810331</v>
      </c>
      <c r="E900" s="11">
        <v>48121</v>
      </c>
      <c r="F900" s="9" t="s">
        <v>86</v>
      </c>
      <c r="G900" s="5">
        <v>898</v>
      </c>
      <c r="H900" s="12">
        <f t="shared" ref="H900:H963" si="28">LEN(C900)</f>
        <v>21</v>
      </c>
      <c r="I900" s="12">
        <f t="shared" ref="I900:I963" si="29">LEN(B900)</f>
        <v>6</v>
      </c>
    </row>
    <row r="901" spans="1:9" s="5" customFormat="1" ht="27.75" customHeight="1" x14ac:dyDescent="0.4">
      <c r="A901" s="9" t="s">
        <v>137</v>
      </c>
      <c r="B901" s="9" t="s">
        <v>1799</v>
      </c>
      <c r="C901" s="9" t="s">
        <v>1800</v>
      </c>
      <c r="D901" s="18">
        <v>1412801553</v>
      </c>
      <c r="E901" s="11">
        <v>46387</v>
      </c>
      <c r="F901" s="9" t="s">
        <v>86</v>
      </c>
      <c r="G901" s="12">
        <v>899</v>
      </c>
      <c r="H901" s="12">
        <f t="shared" si="28"/>
        <v>10</v>
      </c>
      <c r="I901" s="12">
        <f t="shared" si="29"/>
        <v>11</v>
      </c>
    </row>
    <row r="902" spans="1:9" s="5" customFormat="1" ht="27.75" customHeight="1" x14ac:dyDescent="0.4">
      <c r="A902" s="9" t="s">
        <v>137</v>
      </c>
      <c r="B902" s="9" t="s">
        <v>1801</v>
      </c>
      <c r="C902" s="9" t="s">
        <v>1802</v>
      </c>
      <c r="D902" s="18">
        <v>1412810414</v>
      </c>
      <c r="E902" s="11">
        <v>47391</v>
      </c>
      <c r="F902" s="9" t="s">
        <v>86</v>
      </c>
      <c r="G902" s="5">
        <v>900</v>
      </c>
      <c r="H902" s="12">
        <f t="shared" si="28"/>
        <v>19</v>
      </c>
      <c r="I902" s="12">
        <f t="shared" si="29"/>
        <v>15</v>
      </c>
    </row>
    <row r="903" spans="1:9" s="5" customFormat="1" ht="27.75" customHeight="1" x14ac:dyDescent="0.4">
      <c r="A903" s="9" t="s">
        <v>137</v>
      </c>
      <c r="B903" s="9" t="s">
        <v>1803</v>
      </c>
      <c r="C903" s="9" t="s">
        <v>1804</v>
      </c>
      <c r="D903" s="18">
        <v>1412810547</v>
      </c>
      <c r="E903" s="11">
        <v>48029</v>
      </c>
      <c r="F903" s="9" t="s">
        <v>86</v>
      </c>
      <c r="G903" s="12">
        <v>901</v>
      </c>
      <c r="H903" s="12">
        <f t="shared" si="28"/>
        <v>14</v>
      </c>
      <c r="I903" s="12">
        <f t="shared" si="29"/>
        <v>15</v>
      </c>
    </row>
    <row r="904" spans="1:9" s="5" customFormat="1" ht="27.75" customHeight="1" x14ac:dyDescent="0.4">
      <c r="A904" s="9" t="s">
        <v>137</v>
      </c>
      <c r="B904" s="13" t="s">
        <v>1805</v>
      </c>
      <c r="C904" s="13" t="s">
        <v>1806</v>
      </c>
      <c r="D904" s="18">
        <v>1412800548</v>
      </c>
      <c r="E904" s="11">
        <v>48244</v>
      </c>
      <c r="F904" s="9" t="s">
        <v>86</v>
      </c>
      <c r="G904" s="5">
        <v>902</v>
      </c>
      <c r="H904" s="12">
        <f t="shared" si="28"/>
        <v>8</v>
      </c>
      <c r="I904" s="12">
        <f t="shared" si="29"/>
        <v>4</v>
      </c>
    </row>
    <row r="905" spans="1:9" s="5" customFormat="1" ht="27.75" customHeight="1" x14ac:dyDescent="0.4">
      <c r="A905" s="9" t="s">
        <v>137</v>
      </c>
      <c r="B905" s="9" t="s">
        <v>1807</v>
      </c>
      <c r="C905" s="9" t="s">
        <v>1808</v>
      </c>
      <c r="D905" s="23">
        <v>1412801314</v>
      </c>
      <c r="E905" s="11">
        <v>46387</v>
      </c>
      <c r="F905" s="9" t="s">
        <v>86</v>
      </c>
      <c r="G905" s="12">
        <v>903</v>
      </c>
      <c r="H905" s="12">
        <f t="shared" si="28"/>
        <v>11</v>
      </c>
      <c r="I905" s="12">
        <f t="shared" si="29"/>
        <v>16</v>
      </c>
    </row>
    <row r="906" spans="1:9" s="5" customFormat="1" ht="27.75" customHeight="1" x14ac:dyDescent="0.4">
      <c r="A906" s="9" t="s">
        <v>137</v>
      </c>
      <c r="B906" s="9" t="s">
        <v>1809</v>
      </c>
      <c r="C906" s="9" t="s">
        <v>1810</v>
      </c>
      <c r="D906" s="18">
        <v>1412810224</v>
      </c>
      <c r="E906" s="11">
        <v>47848</v>
      </c>
      <c r="F906" s="9" t="s">
        <v>86</v>
      </c>
      <c r="G906" s="5">
        <v>904</v>
      </c>
      <c r="H906" s="12">
        <f t="shared" si="28"/>
        <v>23</v>
      </c>
      <c r="I906" s="12">
        <f t="shared" si="29"/>
        <v>9</v>
      </c>
    </row>
    <row r="907" spans="1:9" s="5" customFormat="1" ht="27.75" customHeight="1" x14ac:dyDescent="0.4">
      <c r="A907" s="9" t="s">
        <v>137</v>
      </c>
      <c r="B907" s="9" t="s">
        <v>1811</v>
      </c>
      <c r="C907" s="9" t="s">
        <v>1812</v>
      </c>
      <c r="D907" s="18">
        <v>1412801207</v>
      </c>
      <c r="E907" s="11">
        <v>46387</v>
      </c>
      <c r="F907" s="9" t="s">
        <v>86</v>
      </c>
      <c r="G907" s="12">
        <v>905</v>
      </c>
      <c r="H907" s="12">
        <f t="shared" si="28"/>
        <v>8</v>
      </c>
      <c r="I907" s="12">
        <f t="shared" si="29"/>
        <v>11</v>
      </c>
    </row>
    <row r="908" spans="1:9" s="5" customFormat="1" ht="27.75" customHeight="1" x14ac:dyDescent="0.4">
      <c r="A908" s="9" t="s">
        <v>137</v>
      </c>
      <c r="B908" s="9" t="s">
        <v>1722</v>
      </c>
      <c r="C908" s="9" t="s">
        <v>1813</v>
      </c>
      <c r="D908" s="18">
        <v>1412800837</v>
      </c>
      <c r="E908" s="11">
        <v>46387</v>
      </c>
      <c r="F908" s="9" t="s">
        <v>86</v>
      </c>
      <c r="G908" s="5">
        <v>906</v>
      </c>
      <c r="H908" s="12">
        <f t="shared" si="28"/>
        <v>11</v>
      </c>
      <c r="I908" s="12">
        <f t="shared" si="29"/>
        <v>6</v>
      </c>
    </row>
    <row r="909" spans="1:9" s="5" customFormat="1" ht="27.75" customHeight="1" x14ac:dyDescent="0.4">
      <c r="A909" s="9" t="s">
        <v>137</v>
      </c>
      <c r="B909" s="9" t="s">
        <v>1814</v>
      </c>
      <c r="C909" s="9" t="s">
        <v>1815</v>
      </c>
      <c r="D909" s="18">
        <v>1412810109</v>
      </c>
      <c r="E909" s="11">
        <v>47542</v>
      </c>
      <c r="F909" s="9" t="s">
        <v>86</v>
      </c>
      <c r="G909" s="12">
        <v>907</v>
      </c>
      <c r="H909" s="12">
        <f t="shared" si="28"/>
        <v>9</v>
      </c>
      <c r="I909" s="12">
        <f t="shared" si="29"/>
        <v>12</v>
      </c>
    </row>
    <row r="910" spans="1:9" s="5" customFormat="1" ht="27.75" customHeight="1" x14ac:dyDescent="0.4">
      <c r="A910" s="9" t="s">
        <v>137</v>
      </c>
      <c r="B910" s="13" t="s">
        <v>1816</v>
      </c>
      <c r="C910" s="9" t="s">
        <v>1817</v>
      </c>
      <c r="D910" s="18">
        <v>1412810281</v>
      </c>
      <c r="E910" s="11">
        <v>48395</v>
      </c>
      <c r="F910" s="9" t="s">
        <v>86</v>
      </c>
      <c r="G910" s="5">
        <v>908</v>
      </c>
      <c r="H910" s="12">
        <f t="shared" si="28"/>
        <v>13</v>
      </c>
      <c r="I910" s="12">
        <f t="shared" si="29"/>
        <v>8</v>
      </c>
    </row>
    <row r="911" spans="1:9" s="5" customFormat="1" ht="27.75" customHeight="1" x14ac:dyDescent="0.4">
      <c r="A911" s="9" t="s">
        <v>137</v>
      </c>
      <c r="B911" s="9" t="s">
        <v>1818</v>
      </c>
      <c r="C911" s="9" t="s">
        <v>1819</v>
      </c>
      <c r="D911" s="18">
        <v>1412810570</v>
      </c>
      <c r="E911" s="11">
        <v>48334</v>
      </c>
      <c r="F911" s="9" t="s">
        <v>86</v>
      </c>
      <c r="G911" s="12">
        <v>909</v>
      </c>
      <c r="H911" s="12">
        <f t="shared" si="28"/>
        <v>13</v>
      </c>
      <c r="I911" s="12">
        <f t="shared" si="29"/>
        <v>17</v>
      </c>
    </row>
    <row r="912" spans="1:9" s="5" customFormat="1" ht="27.75" customHeight="1" x14ac:dyDescent="0.4">
      <c r="A912" s="9" t="s">
        <v>137</v>
      </c>
      <c r="B912" s="15" t="s">
        <v>1820</v>
      </c>
      <c r="C912" s="16" t="s">
        <v>1821</v>
      </c>
      <c r="D912" s="10">
        <v>1412810075</v>
      </c>
      <c r="E912" s="11">
        <v>46387</v>
      </c>
      <c r="F912" s="9" t="s">
        <v>86</v>
      </c>
      <c r="G912" s="5">
        <v>910</v>
      </c>
      <c r="H912" s="12">
        <f t="shared" si="28"/>
        <v>11</v>
      </c>
      <c r="I912" s="12">
        <f t="shared" si="29"/>
        <v>7</v>
      </c>
    </row>
    <row r="913" spans="1:9" s="5" customFormat="1" ht="27.75" customHeight="1" x14ac:dyDescent="0.4">
      <c r="A913" s="9" t="s">
        <v>137</v>
      </c>
      <c r="B913" s="9" t="s">
        <v>1822</v>
      </c>
      <c r="C913" s="9" t="s">
        <v>1823</v>
      </c>
      <c r="D913" s="26">
        <v>1412800829</v>
      </c>
      <c r="E913" s="11">
        <v>46387</v>
      </c>
      <c r="F913" s="9" t="s">
        <v>86</v>
      </c>
      <c r="G913" s="12">
        <v>911</v>
      </c>
      <c r="H913" s="12">
        <f t="shared" si="28"/>
        <v>14</v>
      </c>
      <c r="I913" s="12">
        <f t="shared" si="29"/>
        <v>16</v>
      </c>
    </row>
    <row r="914" spans="1:9" s="5" customFormat="1" ht="27.75" customHeight="1" x14ac:dyDescent="0.4">
      <c r="A914" s="17" t="s">
        <v>137</v>
      </c>
      <c r="B914" s="9" t="s">
        <v>1824</v>
      </c>
      <c r="C914" s="9" t="s">
        <v>1825</v>
      </c>
      <c r="D914" s="18">
        <v>1412802007</v>
      </c>
      <c r="E914" s="11">
        <v>46387</v>
      </c>
      <c r="F914" s="9" t="s">
        <v>86</v>
      </c>
      <c r="G914" s="5">
        <v>912</v>
      </c>
      <c r="H914" s="12">
        <f t="shared" si="28"/>
        <v>23</v>
      </c>
      <c r="I914" s="12">
        <f t="shared" si="29"/>
        <v>23</v>
      </c>
    </row>
    <row r="915" spans="1:9" s="5" customFormat="1" ht="27.75" customHeight="1" x14ac:dyDescent="0.4">
      <c r="A915" s="9" t="s">
        <v>137</v>
      </c>
      <c r="B915" s="9" t="s">
        <v>1826</v>
      </c>
      <c r="C915" s="9" t="s">
        <v>1827</v>
      </c>
      <c r="D915" s="18">
        <v>1412810208</v>
      </c>
      <c r="E915" s="11">
        <v>46387</v>
      </c>
      <c r="F915" s="9" t="s">
        <v>86</v>
      </c>
      <c r="G915" s="12">
        <v>913</v>
      </c>
      <c r="H915" s="12">
        <f t="shared" si="28"/>
        <v>12</v>
      </c>
      <c r="I915" s="12">
        <f t="shared" si="29"/>
        <v>7</v>
      </c>
    </row>
    <row r="916" spans="1:9" s="5" customFormat="1" ht="27.75" customHeight="1" x14ac:dyDescent="0.4">
      <c r="A916" s="17" t="s">
        <v>137</v>
      </c>
      <c r="B916" s="13" t="s">
        <v>1828</v>
      </c>
      <c r="C916" s="13" t="s">
        <v>1829</v>
      </c>
      <c r="D916" s="18">
        <v>1412810190</v>
      </c>
      <c r="E916" s="11">
        <v>47634</v>
      </c>
      <c r="F916" s="9" t="s">
        <v>86</v>
      </c>
      <c r="G916" s="5">
        <v>914</v>
      </c>
      <c r="H916" s="12">
        <f t="shared" si="28"/>
        <v>12</v>
      </c>
      <c r="I916" s="12">
        <f t="shared" si="29"/>
        <v>6</v>
      </c>
    </row>
    <row r="917" spans="1:9" s="5" customFormat="1" ht="27.75" customHeight="1" x14ac:dyDescent="0.4">
      <c r="A917" s="9" t="s">
        <v>137</v>
      </c>
      <c r="B917" s="9" t="s">
        <v>1830</v>
      </c>
      <c r="C917" s="9" t="s">
        <v>1831</v>
      </c>
      <c r="D917" s="18">
        <v>1412810489</v>
      </c>
      <c r="E917" s="11">
        <v>47938</v>
      </c>
      <c r="F917" s="9" t="s">
        <v>86</v>
      </c>
      <c r="G917" s="12">
        <v>915</v>
      </c>
      <c r="H917" s="12">
        <f t="shared" si="28"/>
        <v>21</v>
      </c>
      <c r="I917" s="12">
        <f t="shared" si="29"/>
        <v>14</v>
      </c>
    </row>
    <row r="918" spans="1:9" s="5" customFormat="1" ht="27.75" customHeight="1" x14ac:dyDescent="0.4">
      <c r="A918" s="9" t="s">
        <v>137</v>
      </c>
      <c r="B918" s="9" t="s">
        <v>1832</v>
      </c>
      <c r="C918" s="9" t="s">
        <v>1833</v>
      </c>
      <c r="D918" s="18">
        <v>1412802080</v>
      </c>
      <c r="E918" s="11">
        <v>46387</v>
      </c>
      <c r="F918" s="9" t="s">
        <v>86</v>
      </c>
      <c r="G918" s="5">
        <v>916</v>
      </c>
      <c r="H918" s="12">
        <f t="shared" si="28"/>
        <v>14</v>
      </c>
      <c r="I918" s="12">
        <f t="shared" si="29"/>
        <v>23</v>
      </c>
    </row>
    <row r="919" spans="1:9" s="5" customFormat="1" ht="27.75" customHeight="1" x14ac:dyDescent="0.4">
      <c r="A919" s="9" t="s">
        <v>137</v>
      </c>
      <c r="B919" s="13" t="s">
        <v>1834</v>
      </c>
      <c r="C919" s="13" t="s">
        <v>1835</v>
      </c>
      <c r="D919" s="18">
        <v>1412801066</v>
      </c>
      <c r="E919" s="11">
        <v>46387</v>
      </c>
      <c r="F919" s="9" t="s">
        <v>86</v>
      </c>
      <c r="G919" s="12">
        <v>917</v>
      </c>
      <c r="H919" s="12">
        <f t="shared" si="28"/>
        <v>9</v>
      </c>
      <c r="I919" s="12">
        <f t="shared" si="29"/>
        <v>17</v>
      </c>
    </row>
    <row r="920" spans="1:9" s="5" customFormat="1" ht="27.75" customHeight="1" x14ac:dyDescent="0.4">
      <c r="A920" s="9" t="s">
        <v>137</v>
      </c>
      <c r="B920" s="9" t="s">
        <v>1836</v>
      </c>
      <c r="C920" s="9" t="s">
        <v>1837</v>
      </c>
      <c r="D920" s="18">
        <v>1412810349</v>
      </c>
      <c r="E920" s="11">
        <v>47938</v>
      </c>
      <c r="F920" s="9" t="s">
        <v>86</v>
      </c>
      <c r="G920" s="5">
        <v>918</v>
      </c>
      <c r="H920" s="12">
        <f t="shared" si="28"/>
        <v>21</v>
      </c>
      <c r="I920" s="12">
        <f t="shared" si="29"/>
        <v>12</v>
      </c>
    </row>
    <row r="921" spans="1:9" s="5" customFormat="1" ht="27.75" customHeight="1" x14ac:dyDescent="0.4">
      <c r="A921" s="9" t="s">
        <v>137</v>
      </c>
      <c r="B921" s="9" t="s">
        <v>1838</v>
      </c>
      <c r="C921" s="9" t="s">
        <v>1839</v>
      </c>
      <c r="D921" s="18">
        <v>1412800704</v>
      </c>
      <c r="E921" s="11">
        <v>46387</v>
      </c>
      <c r="F921" s="9" t="s">
        <v>86</v>
      </c>
      <c r="G921" s="12">
        <v>919</v>
      </c>
      <c r="H921" s="12">
        <f t="shared" si="28"/>
        <v>13</v>
      </c>
      <c r="I921" s="12">
        <f t="shared" si="29"/>
        <v>19</v>
      </c>
    </row>
    <row r="922" spans="1:9" s="5" customFormat="1" ht="27.75" customHeight="1" x14ac:dyDescent="0.4">
      <c r="A922" s="9" t="s">
        <v>137</v>
      </c>
      <c r="B922" s="9" t="s">
        <v>1840</v>
      </c>
      <c r="C922" s="9" t="s">
        <v>1841</v>
      </c>
      <c r="D922" s="18">
        <v>1412810166</v>
      </c>
      <c r="E922" s="11">
        <v>47514</v>
      </c>
      <c r="F922" s="9" t="s">
        <v>86</v>
      </c>
      <c r="G922" s="5">
        <v>920</v>
      </c>
      <c r="H922" s="12">
        <f t="shared" si="28"/>
        <v>25</v>
      </c>
      <c r="I922" s="12">
        <f t="shared" si="29"/>
        <v>11</v>
      </c>
    </row>
    <row r="923" spans="1:9" s="5" customFormat="1" ht="27.75" customHeight="1" x14ac:dyDescent="0.4">
      <c r="A923" s="13" t="s">
        <v>137</v>
      </c>
      <c r="B923" s="13" t="s">
        <v>1842</v>
      </c>
      <c r="C923" s="13" t="s">
        <v>1843</v>
      </c>
      <c r="D923" s="26">
        <v>1412801371</v>
      </c>
      <c r="E923" s="11">
        <v>46387</v>
      </c>
      <c r="F923" s="9" t="s">
        <v>86</v>
      </c>
      <c r="G923" s="12">
        <v>921</v>
      </c>
      <c r="H923" s="12">
        <f t="shared" si="28"/>
        <v>27</v>
      </c>
      <c r="I923" s="12">
        <f t="shared" si="29"/>
        <v>7</v>
      </c>
    </row>
    <row r="924" spans="1:9" s="5" customFormat="1" ht="27.75" customHeight="1" x14ac:dyDescent="0.4">
      <c r="A924" s="9" t="s">
        <v>137</v>
      </c>
      <c r="B924" s="9" t="s">
        <v>1844</v>
      </c>
      <c r="C924" s="9" t="s">
        <v>1845</v>
      </c>
      <c r="D924" s="18">
        <v>1412802122</v>
      </c>
      <c r="E924" s="11">
        <v>46387</v>
      </c>
      <c r="F924" s="9" t="s">
        <v>86</v>
      </c>
      <c r="G924" s="5">
        <v>922</v>
      </c>
      <c r="H924" s="12">
        <f t="shared" si="28"/>
        <v>12</v>
      </c>
      <c r="I924" s="12">
        <f t="shared" si="29"/>
        <v>10</v>
      </c>
    </row>
    <row r="925" spans="1:9" s="5" customFormat="1" ht="27.75" customHeight="1" x14ac:dyDescent="0.4">
      <c r="A925" s="9" t="s">
        <v>137</v>
      </c>
      <c r="B925" s="13" t="s">
        <v>1846</v>
      </c>
      <c r="C925" s="13" t="s">
        <v>1847</v>
      </c>
      <c r="D925" s="18">
        <v>1412810083</v>
      </c>
      <c r="E925" s="11">
        <v>48029</v>
      </c>
      <c r="F925" s="9" t="s">
        <v>86</v>
      </c>
      <c r="G925" s="12">
        <v>923</v>
      </c>
      <c r="H925" s="12">
        <f t="shared" si="28"/>
        <v>25</v>
      </c>
      <c r="I925" s="12">
        <f t="shared" si="29"/>
        <v>6</v>
      </c>
    </row>
    <row r="926" spans="1:9" s="5" customFormat="1" ht="27.75" customHeight="1" x14ac:dyDescent="0.4">
      <c r="A926" s="9" t="s">
        <v>137</v>
      </c>
      <c r="B926" s="9" t="s">
        <v>1848</v>
      </c>
      <c r="C926" s="9" t="s">
        <v>1849</v>
      </c>
      <c r="D926" s="18">
        <v>1412810018</v>
      </c>
      <c r="E926" s="11">
        <v>46387</v>
      </c>
      <c r="F926" s="9" t="s">
        <v>86</v>
      </c>
      <c r="G926" s="5">
        <v>924</v>
      </c>
      <c r="H926" s="12">
        <f t="shared" si="28"/>
        <v>18</v>
      </c>
      <c r="I926" s="12">
        <f t="shared" si="29"/>
        <v>19</v>
      </c>
    </row>
    <row r="927" spans="1:9" s="5" customFormat="1" ht="27.75" customHeight="1" x14ac:dyDescent="0.4">
      <c r="A927" s="9" t="s">
        <v>137</v>
      </c>
      <c r="B927" s="9" t="s">
        <v>1850</v>
      </c>
      <c r="C927" s="9" t="s">
        <v>1851</v>
      </c>
      <c r="D927" s="18">
        <v>1412810026</v>
      </c>
      <c r="E927" s="11">
        <v>46387</v>
      </c>
      <c r="F927" s="9" t="s">
        <v>86</v>
      </c>
      <c r="G927" s="12">
        <v>925</v>
      </c>
      <c r="H927" s="12">
        <f t="shared" si="28"/>
        <v>11</v>
      </c>
      <c r="I927" s="12">
        <f t="shared" si="29"/>
        <v>4</v>
      </c>
    </row>
    <row r="928" spans="1:9" s="5" customFormat="1" ht="27.75" customHeight="1" x14ac:dyDescent="0.4">
      <c r="A928" s="9" t="s">
        <v>137</v>
      </c>
      <c r="B928" s="9" t="s">
        <v>1852</v>
      </c>
      <c r="C928" s="9" t="s">
        <v>1853</v>
      </c>
      <c r="D928" s="18">
        <v>1412801439</v>
      </c>
      <c r="E928" s="11">
        <v>46387</v>
      </c>
      <c r="F928" s="9" t="s">
        <v>86</v>
      </c>
      <c r="G928" s="5">
        <v>926</v>
      </c>
      <c r="H928" s="12">
        <f t="shared" si="28"/>
        <v>18</v>
      </c>
      <c r="I928" s="12">
        <f t="shared" si="29"/>
        <v>14</v>
      </c>
    </row>
    <row r="929" spans="1:9" s="5" customFormat="1" ht="27.75" customHeight="1" x14ac:dyDescent="0.4">
      <c r="A929" s="9" t="s">
        <v>137</v>
      </c>
      <c r="B929" s="9" t="s">
        <v>1854</v>
      </c>
      <c r="C929" s="9" t="s">
        <v>1855</v>
      </c>
      <c r="D929" s="18">
        <v>1412801694</v>
      </c>
      <c r="E929" s="11">
        <v>46387</v>
      </c>
      <c r="F929" s="9" t="s">
        <v>86</v>
      </c>
      <c r="G929" s="12">
        <v>927</v>
      </c>
      <c r="H929" s="12">
        <f t="shared" si="28"/>
        <v>18</v>
      </c>
      <c r="I929" s="12">
        <f t="shared" si="29"/>
        <v>6</v>
      </c>
    </row>
    <row r="930" spans="1:9" s="5" customFormat="1" ht="27.75" customHeight="1" x14ac:dyDescent="0.4">
      <c r="A930" s="9" t="s">
        <v>137</v>
      </c>
      <c r="B930" s="30" t="s">
        <v>1856</v>
      </c>
      <c r="C930" s="30" t="s">
        <v>1857</v>
      </c>
      <c r="D930" s="31">
        <v>1412810059</v>
      </c>
      <c r="E930" s="11">
        <v>48487</v>
      </c>
      <c r="F930" s="9" t="s">
        <v>86</v>
      </c>
      <c r="G930" s="5">
        <v>928</v>
      </c>
      <c r="H930" s="12">
        <f t="shared" si="28"/>
        <v>20</v>
      </c>
      <c r="I930" s="12">
        <f t="shared" si="29"/>
        <v>8</v>
      </c>
    </row>
    <row r="931" spans="1:9" s="5" customFormat="1" ht="27.75" customHeight="1" x14ac:dyDescent="0.4">
      <c r="A931" s="9" t="s">
        <v>137</v>
      </c>
      <c r="B931" s="9" t="s">
        <v>1858</v>
      </c>
      <c r="C931" s="9" t="s">
        <v>1859</v>
      </c>
      <c r="D931" s="18">
        <v>1412801652</v>
      </c>
      <c r="E931" s="11">
        <v>46387</v>
      </c>
      <c r="F931" s="9" t="s">
        <v>86</v>
      </c>
      <c r="G931" s="12">
        <v>929</v>
      </c>
      <c r="H931" s="12">
        <f t="shared" si="28"/>
        <v>10</v>
      </c>
      <c r="I931" s="12">
        <f t="shared" si="29"/>
        <v>17</v>
      </c>
    </row>
    <row r="932" spans="1:9" s="5" customFormat="1" ht="27.75" customHeight="1" x14ac:dyDescent="0.4">
      <c r="A932" s="9" t="s">
        <v>137</v>
      </c>
      <c r="B932" s="9" t="s">
        <v>1860</v>
      </c>
      <c r="C932" s="9" t="s">
        <v>1861</v>
      </c>
      <c r="D932" s="18">
        <v>1412801728</v>
      </c>
      <c r="E932" s="11">
        <v>46387</v>
      </c>
      <c r="F932" s="9" t="s">
        <v>86</v>
      </c>
      <c r="G932" s="5">
        <v>930</v>
      </c>
      <c r="H932" s="12">
        <f t="shared" si="28"/>
        <v>21</v>
      </c>
      <c r="I932" s="12">
        <f t="shared" si="29"/>
        <v>19</v>
      </c>
    </row>
    <row r="933" spans="1:9" s="5" customFormat="1" ht="27.75" customHeight="1" x14ac:dyDescent="0.4">
      <c r="A933" s="9" t="s">
        <v>137</v>
      </c>
      <c r="B933" s="9" t="s">
        <v>1862</v>
      </c>
      <c r="C933" s="9" t="s">
        <v>1863</v>
      </c>
      <c r="D933" s="18">
        <v>1412810257</v>
      </c>
      <c r="E933" s="11">
        <v>48244</v>
      </c>
      <c r="F933" s="9" t="s">
        <v>86</v>
      </c>
      <c r="G933" s="12">
        <v>931</v>
      </c>
      <c r="H933" s="12">
        <f t="shared" si="28"/>
        <v>11</v>
      </c>
      <c r="I933" s="12">
        <f t="shared" si="29"/>
        <v>10</v>
      </c>
    </row>
    <row r="934" spans="1:9" s="5" customFormat="1" ht="27.75" customHeight="1" x14ac:dyDescent="0.4">
      <c r="A934" s="9" t="s">
        <v>137</v>
      </c>
      <c r="B934" s="9" t="s">
        <v>1864</v>
      </c>
      <c r="C934" s="9" t="s">
        <v>1865</v>
      </c>
      <c r="D934" s="18">
        <v>1412801363</v>
      </c>
      <c r="E934" s="11">
        <v>46387</v>
      </c>
      <c r="F934" s="9" t="s">
        <v>86</v>
      </c>
      <c r="G934" s="5">
        <v>932</v>
      </c>
      <c r="H934" s="12">
        <f t="shared" si="28"/>
        <v>11</v>
      </c>
      <c r="I934" s="12">
        <f t="shared" si="29"/>
        <v>4</v>
      </c>
    </row>
    <row r="935" spans="1:9" s="5" customFormat="1" ht="27.75" customHeight="1" x14ac:dyDescent="0.4">
      <c r="A935" s="9" t="s">
        <v>137</v>
      </c>
      <c r="B935" s="9" t="s">
        <v>1866</v>
      </c>
      <c r="C935" s="9" t="s">
        <v>1867</v>
      </c>
      <c r="D935" s="18">
        <v>1412810513</v>
      </c>
      <c r="E935" s="11">
        <v>47907</v>
      </c>
      <c r="F935" s="9" t="s">
        <v>86</v>
      </c>
      <c r="G935" s="12">
        <v>933</v>
      </c>
      <c r="H935" s="12">
        <f t="shared" si="28"/>
        <v>19</v>
      </c>
      <c r="I935" s="12">
        <f t="shared" si="29"/>
        <v>19</v>
      </c>
    </row>
    <row r="936" spans="1:9" s="5" customFormat="1" ht="27.75" customHeight="1" x14ac:dyDescent="0.4">
      <c r="A936" s="9" t="s">
        <v>137</v>
      </c>
      <c r="B936" s="9" t="s">
        <v>1868</v>
      </c>
      <c r="C936" s="9" t="s">
        <v>1869</v>
      </c>
      <c r="D936" s="18">
        <v>1412810232</v>
      </c>
      <c r="E936" s="11">
        <v>47968</v>
      </c>
      <c r="F936" s="9" t="s">
        <v>86</v>
      </c>
      <c r="G936" s="5">
        <v>934</v>
      </c>
      <c r="H936" s="12">
        <f t="shared" si="28"/>
        <v>11</v>
      </c>
      <c r="I936" s="12">
        <f t="shared" si="29"/>
        <v>9</v>
      </c>
    </row>
    <row r="937" spans="1:9" s="5" customFormat="1" ht="27.75" customHeight="1" x14ac:dyDescent="0.4">
      <c r="A937" s="9" t="s">
        <v>137</v>
      </c>
      <c r="B937" s="9" t="s">
        <v>1870</v>
      </c>
      <c r="C937" s="9" t="s">
        <v>1871</v>
      </c>
      <c r="D937" s="18">
        <v>1412810299</v>
      </c>
      <c r="E937" s="11">
        <v>46326</v>
      </c>
      <c r="F937" s="9" t="s">
        <v>86</v>
      </c>
      <c r="G937" s="12">
        <v>935</v>
      </c>
      <c r="H937" s="12">
        <f t="shared" si="28"/>
        <v>10</v>
      </c>
      <c r="I937" s="12">
        <f t="shared" si="29"/>
        <v>9</v>
      </c>
    </row>
    <row r="938" spans="1:9" s="5" customFormat="1" ht="27.75" customHeight="1" x14ac:dyDescent="0.4">
      <c r="A938" s="9" t="s">
        <v>137</v>
      </c>
      <c r="B938" s="13" t="s">
        <v>1872</v>
      </c>
      <c r="C938" s="13" t="s">
        <v>1873</v>
      </c>
      <c r="D938" s="18">
        <v>1412800282</v>
      </c>
      <c r="E938" s="11">
        <v>46387</v>
      </c>
      <c r="F938" s="9" t="s">
        <v>86</v>
      </c>
      <c r="G938" s="5">
        <v>936</v>
      </c>
      <c r="H938" s="12">
        <f t="shared" si="28"/>
        <v>12</v>
      </c>
      <c r="I938" s="12">
        <f t="shared" si="29"/>
        <v>12</v>
      </c>
    </row>
    <row r="939" spans="1:9" s="5" customFormat="1" ht="27.75" customHeight="1" x14ac:dyDescent="0.4">
      <c r="A939" s="9" t="s">
        <v>137</v>
      </c>
      <c r="B939" s="13" t="s">
        <v>1874</v>
      </c>
      <c r="C939" s="13" t="s">
        <v>1875</v>
      </c>
      <c r="D939" s="18">
        <v>1412801488</v>
      </c>
      <c r="E939" s="11">
        <v>46387</v>
      </c>
      <c r="F939" s="9" t="s">
        <v>86</v>
      </c>
      <c r="G939" s="12">
        <v>937</v>
      </c>
      <c r="H939" s="12">
        <f t="shared" si="28"/>
        <v>10</v>
      </c>
      <c r="I939" s="12">
        <f t="shared" si="29"/>
        <v>4</v>
      </c>
    </row>
    <row r="940" spans="1:9" s="5" customFormat="1" ht="27.75" customHeight="1" x14ac:dyDescent="0.4">
      <c r="A940" s="9" t="s">
        <v>137</v>
      </c>
      <c r="B940" s="14" t="s">
        <v>1876</v>
      </c>
      <c r="C940" s="9" t="s">
        <v>1877</v>
      </c>
      <c r="D940" s="18">
        <v>1412801959</v>
      </c>
      <c r="E940" s="11">
        <v>46599</v>
      </c>
      <c r="F940" s="9" t="s">
        <v>86</v>
      </c>
      <c r="G940" s="5">
        <v>938</v>
      </c>
      <c r="H940" s="12">
        <f t="shared" si="28"/>
        <v>10</v>
      </c>
      <c r="I940" s="12">
        <f t="shared" si="29"/>
        <v>16</v>
      </c>
    </row>
    <row r="941" spans="1:9" s="5" customFormat="1" ht="27.75" customHeight="1" x14ac:dyDescent="0.4">
      <c r="A941" s="9" t="s">
        <v>137</v>
      </c>
      <c r="B941" s="9" t="s">
        <v>1878</v>
      </c>
      <c r="C941" s="9" t="s">
        <v>1879</v>
      </c>
      <c r="D941" s="18">
        <v>1412801991</v>
      </c>
      <c r="E941" s="11">
        <v>47391</v>
      </c>
      <c r="F941" s="9" t="s">
        <v>86</v>
      </c>
      <c r="G941" s="12">
        <v>939</v>
      </c>
      <c r="H941" s="12">
        <f t="shared" si="28"/>
        <v>11</v>
      </c>
      <c r="I941" s="12">
        <f t="shared" si="29"/>
        <v>8</v>
      </c>
    </row>
    <row r="942" spans="1:9" s="5" customFormat="1" ht="27.75" customHeight="1" x14ac:dyDescent="0.4">
      <c r="A942" s="15" t="s">
        <v>137</v>
      </c>
      <c r="B942" s="16" t="s">
        <v>1880</v>
      </c>
      <c r="C942" s="22" t="s">
        <v>1881</v>
      </c>
      <c r="D942" s="10">
        <v>1412810430</v>
      </c>
      <c r="E942" s="11">
        <v>47603</v>
      </c>
      <c r="F942" s="9" t="s">
        <v>86</v>
      </c>
      <c r="G942" s="5">
        <v>940</v>
      </c>
      <c r="H942" s="12">
        <f t="shared" si="28"/>
        <v>11</v>
      </c>
      <c r="I942" s="12">
        <f t="shared" si="29"/>
        <v>8</v>
      </c>
    </row>
    <row r="943" spans="1:9" s="5" customFormat="1" ht="27.75" customHeight="1" x14ac:dyDescent="0.4">
      <c r="A943" s="9" t="s">
        <v>137</v>
      </c>
      <c r="B943" s="9" t="s">
        <v>1882</v>
      </c>
      <c r="C943" s="9" t="s">
        <v>1883</v>
      </c>
      <c r="D943" s="18">
        <v>1412810406</v>
      </c>
      <c r="E943" s="11">
        <v>47299</v>
      </c>
      <c r="F943" s="9" t="s">
        <v>86</v>
      </c>
      <c r="G943" s="12">
        <v>941</v>
      </c>
      <c r="H943" s="12">
        <f t="shared" si="28"/>
        <v>23</v>
      </c>
      <c r="I943" s="12">
        <f t="shared" si="29"/>
        <v>15</v>
      </c>
    </row>
    <row r="944" spans="1:9" s="5" customFormat="1" ht="27.75" customHeight="1" x14ac:dyDescent="0.4">
      <c r="A944" s="9" t="s">
        <v>137</v>
      </c>
      <c r="B944" s="13" t="s">
        <v>1884</v>
      </c>
      <c r="C944" s="13" t="s">
        <v>1885</v>
      </c>
      <c r="D944" s="18">
        <v>1412810067</v>
      </c>
      <c r="E944" s="11">
        <v>46387</v>
      </c>
      <c r="F944" s="9" t="s">
        <v>86</v>
      </c>
      <c r="G944" s="5">
        <v>942</v>
      </c>
      <c r="H944" s="12">
        <f t="shared" si="28"/>
        <v>8</v>
      </c>
      <c r="I944" s="12">
        <f t="shared" si="29"/>
        <v>12</v>
      </c>
    </row>
    <row r="945" spans="1:9" s="5" customFormat="1" ht="27.75" customHeight="1" x14ac:dyDescent="0.4">
      <c r="A945" s="9" t="s">
        <v>137</v>
      </c>
      <c r="B945" s="9" t="s">
        <v>1886</v>
      </c>
      <c r="C945" s="9" t="s">
        <v>1887</v>
      </c>
      <c r="D945" s="18">
        <v>1419900010</v>
      </c>
      <c r="E945" s="11">
        <v>46387</v>
      </c>
      <c r="F945" s="9" t="s">
        <v>86</v>
      </c>
      <c r="G945" s="12">
        <v>943</v>
      </c>
      <c r="H945" s="12">
        <f t="shared" si="28"/>
        <v>12</v>
      </c>
      <c r="I945" s="12">
        <f t="shared" si="29"/>
        <v>18</v>
      </c>
    </row>
    <row r="946" spans="1:9" s="5" customFormat="1" ht="27.75" customHeight="1" x14ac:dyDescent="0.4">
      <c r="A946" s="9" t="s">
        <v>137</v>
      </c>
      <c r="B946" s="9" t="s">
        <v>1888</v>
      </c>
      <c r="C946" s="9" t="s">
        <v>1889</v>
      </c>
      <c r="D946" s="18">
        <v>1412800480</v>
      </c>
      <c r="E946" s="11">
        <v>46387</v>
      </c>
      <c r="F946" s="9" t="s">
        <v>86</v>
      </c>
      <c r="G946" s="5">
        <v>944</v>
      </c>
      <c r="H946" s="12">
        <f t="shared" si="28"/>
        <v>11</v>
      </c>
      <c r="I946" s="12">
        <f t="shared" si="29"/>
        <v>7</v>
      </c>
    </row>
    <row r="947" spans="1:9" s="5" customFormat="1" ht="27.75" customHeight="1" x14ac:dyDescent="0.4">
      <c r="A947" s="9" t="s">
        <v>137</v>
      </c>
      <c r="B947" s="9" t="s">
        <v>1890</v>
      </c>
      <c r="C947" s="9" t="s">
        <v>1891</v>
      </c>
      <c r="D947" s="18">
        <v>1412810422</v>
      </c>
      <c r="E947" s="11">
        <v>47452</v>
      </c>
      <c r="F947" s="9" t="s">
        <v>86</v>
      </c>
      <c r="G947" s="12">
        <v>945</v>
      </c>
      <c r="H947" s="12">
        <f t="shared" si="28"/>
        <v>10</v>
      </c>
      <c r="I947" s="12">
        <f t="shared" si="29"/>
        <v>10</v>
      </c>
    </row>
    <row r="948" spans="1:9" s="5" customFormat="1" ht="27.75" customHeight="1" x14ac:dyDescent="0.4">
      <c r="A948" s="9" t="s">
        <v>137</v>
      </c>
      <c r="B948" s="9" t="s">
        <v>1892</v>
      </c>
      <c r="C948" s="9" t="s">
        <v>1893</v>
      </c>
      <c r="D948" s="18">
        <v>1412810356</v>
      </c>
      <c r="E948" s="11">
        <v>46965</v>
      </c>
      <c r="F948" s="9" t="s">
        <v>86</v>
      </c>
      <c r="G948" s="5">
        <v>946</v>
      </c>
      <c r="H948" s="12">
        <f t="shared" si="28"/>
        <v>9</v>
      </c>
      <c r="I948" s="12">
        <f t="shared" si="29"/>
        <v>8</v>
      </c>
    </row>
    <row r="949" spans="1:9" s="5" customFormat="1" ht="27.75" customHeight="1" x14ac:dyDescent="0.4">
      <c r="A949" s="17" t="s">
        <v>137</v>
      </c>
      <c r="B949" s="9" t="s">
        <v>1894</v>
      </c>
      <c r="C949" s="9" t="s">
        <v>1895</v>
      </c>
      <c r="D949" s="18">
        <v>1412910073</v>
      </c>
      <c r="E949" s="11">
        <v>46538</v>
      </c>
      <c r="F949" s="9" t="s">
        <v>93</v>
      </c>
      <c r="G949" s="12">
        <v>947</v>
      </c>
      <c r="H949" s="12">
        <f t="shared" si="28"/>
        <v>22</v>
      </c>
      <c r="I949" s="12">
        <f t="shared" si="29"/>
        <v>28</v>
      </c>
    </row>
    <row r="950" spans="1:9" s="5" customFormat="1" ht="27.75" customHeight="1" x14ac:dyDescent="0.4">
      <c r="A950" s="9" t="s">
        <v>137</v>
      </c>
      <c r="B950" s="9" t="s">
        <v>1896</v>
      </c>
      <c r="C950" s="9" t="s">
        <v>1897</v>
      </c>
      <c r="D950" s="23">
        <v>1412903078</v>
      </c>
      <c r="E950" s="11">
        <v>46387</v>
      </c>
      <c r="F950" s="9" t="s">
        <v>93</v>
      </c>
      <c r="G950" s="5">
        <v>948</v>
      </c>
      <c r="H950" s="12">
        <f t="shared" si="28"/>
        <v>11</v>
      </c>
      <c r="I950" s="12">
        <f t="shared" si="29"/>
        <v>5</v>
      </c>
    </row>
    <row r="951" spans="1:9" s="5" customFormat="1" ht="27.75" customHeight="1" x14ac:dyDescent="0.4">
      <c r="A951" s="9" t="s">
        <v>137</v>
      </c>
      <c r="B951" s="9" t="s">
        <v>1898</v>
      </c>
      <c r="C951" s="9" t="s">
        <v>1899</v>
      </c>
      <c r="D951" s="18">
        <v>1412910289</v>
      </c>
      <c r="E951" s="11">
        <v>47330</v>
      </c>
      <c r="F951" s="9" t="s">
        <v>93</v>
      </c>
      <c r="G951" s="12">
        <v>949</v>
      </c>
      <c r="H951" s="12">
        <f t="shared" si="28"/>
        <v>19</v>
      </c>
      <c r="I951" s="12">
        <f t="shared" si="29"/>
        <v>15</v>
      </c>
    </row>
    <row r="952" spans="1:9" s="5" customFormat="1" ht="27.75" customHeight="1" x14ac:dyDescent="0.4">
      <c r="A952" s="9" t="s">
        <v>137</v>
      </c>
      <c r="B952" s="13" t="s">
        <v>1900</v>
      </c>
      <c r="C952" s="13" t="s">
        <v>1901</v>
      </c>
      <c r="D952" s="18">
        <v>1412910636</v>
      </c>
      <c r="E952" s="11">
        <v>47238</v>
      </c>
      <c r="F952" s="9" t="s">
        <v>93</v>
      </c>
      <c r="G952" s="5">
        <v>950</v>
      </c>
      <c r="H952" s="12">
        <f t="shared" si="28"/>
        <v>21</v>
      </c>
      <c r="I952" s="12">
        <f t="shared" si="29"/>
        <v>15</v>
      </c>
    </row>
    <row r="953" spans="1:9" s="5" customFormat="1" ht="27.75" customHeight="1" x14ac:dyDescent="0.4">
      <c r="A953" s="9" t="s">
        <v>137</v>
      </c>
      <c r="B953" s="9" t="s">
        <v>1902</v>
      </c>
      <c r="C953" s="9" t="s">
        <v>1901</v>
      </c>
      <c r="D953" s="18">
        <v>1412910776</v>
      </c>
      <c r="E953" s="11">
        <v>47787</v>
      </c>
      <c r="F953" s="9" t="s">
        <v>93</v>
      </c>
      <c r="G953" s="12">
        <v>951</v>
      </c>
      <c r="H953" s="12">
        <f t="shared" si="28"/>
        <v>21</v>
      </c>
      <c r="I953" s="12">
        <f t="shared" si="29"/>
        <v>19</v>
      </c>
    </row>
    <row r="954" spans="1:9" s="5" customFormat="1" ht="27.75" customHeight="1" x14ac:dyDescent="0.4">
      <c r="A954" s="9" t="s">
        <v>137</v>
      </c>
      <c r="B954" s="9" t="s">
        <v>1903</v>
      </c>
      <c r="C954" s="9" t="s">
        <v>1904</v>
      </c>
      <c r="D954" s="18">
        <v>1412910826</v>
      </c>
      <c r="E954" s="11">
        <v>47999</v>
      </c>
      <c r="F954" s="9" t="s">
        <v>93</v>
      </c>
      <c r="G954" s="5">
        <v>952</v>
      </c>
      <c r="H954" s="12">
        <f t="shared" si="28"/>
        <v>27</v>
      </c>
      <c r="I954" s="12">
        <f t="shared" si="29"/>
        <v>22</v>
      </c>
    </row>
    <row r="955" spans="1:9" s="5" customFormat="1" ht="27.75" customHeight="1" x14ac:dyDescent="0.4">
      <c r="A955" s="9" t="s">
        <v>137</v>
      </c>
      <c r="B955" s="9" t="s">
        <v>1905</v>
      </c>
      <c r="C955" s="9" t="s">
        <v>1906</v>
      </c>
      <c r="D955" s="18">
        <v>1412910347</v>
      </c>
      <c r="E955" s="11">
        <v>47391</v>
      </c>
      <c r="F955" s="9" t="s">
        <v>93</v>
      </c>
      <c r="G955" s="12">
        <v>953</v>
      </c>
      <c r="H955" s="12">
        <f t="shared" si="28"/>
        <v>13</v>
      </c>
      <c r="I955" s="12">
        <f t="shared" si="29"/>
        <v>9</v>
      </c>
    </row>
    <row r="956" spans="1:9" s="5" customFormat="1" ht="27.75" customHeight="1" x14ac:dyDescent="0.4">
      <c r="A956" s="9" t="s">
        <v>137</v>
      </c>
      <c r="B956" s="9" t="s">
        <v>1907</v>
      </c>
      <c r="C956" s="9" t="s">
        <v>1908</v>
      </c>
      <c r="D956" s="18">
        <v>1412910768</v>
      </c>
      <c r="E956" s="11">
        <v>47907</v>
      </c>
      <c r="F956" s="9" t="s">
        <v>93</v>
      </c>
      <c r="G956" s="5">
        <v>954</v>
      </c>
      <c r="H956" s="12">
        <f t="shared" si="28"/>
        <v>25</v>
      </c>
      <c r="I956" s="12">
        <f t="shared" si="29"/>
        <v>10</v>
      </c>
    </row>
    <row r="957" spans="1:9" s="5" customFormat="1" ht="27.75" customHeight="1" x14ac:dyDescent="0.4">
      <c r="A957" s="9" t="s">
        <v>137</v>
      </c>
      <c r="B957" s="9" t="s">
        <v>1909</v>
      </c>
      <c r="C957" s="9" t="s">
        <v>1910</v>
      </c>
      <c r="D957" s="18">
        <v>1412910685</v>
      </c>
      <c r="E957" s="11">
        <v>47361</v>
      </c>
      <c r="F957" s="9" t="s">
        <v>93</v>
      </c>
      <c r="G957" s="12">
        <v>955</v>
      </c>
      <c r="H957" s="12">
        <f t="shared" si="28"/>
        <v>16</v>
      </c>
      <c r="I957" s="12">
        <f t="shared" si="29"/>
        <v>8</v>
      </c>
    </row>
    <row r="958" spans="1:9" s="5" customFormat="1" ht="27.75" customHeight="1" x14ac:dyDescent="0.4">
      <c r="A958" s="9" t="s">
        <v>137</v>
      </c>
      <c r="B958" s="9" t="s">
        <v>1911</v>
      </c>
      <c r="C958" s="9" t="s">
        <v>1912</v>
      </c>
      <c r="D958" s="18">
        <v>1412902484</v>
      </c>
      <c r="E958" s="11">
        <v>46387</v>
      </c>
      <c r="F958" s="9" t="s">
        <v>93</v>
      </c>
      <c r="G958" s="5">
        <v>956</v>
      </c>
      <c r="H958" s="12">
        <f t="shared" si="28"/>
        <v>29</v>
      </c>
      <c r="I958" s="12">
        <f t="shared" si="29"/>
        <v>8</v>
      </c>
    </row>
    <row r="959" spans="1:9" s="5" customFormat="1" ht="27.75" customHeight="1" x14ac:dyDescent="0.4">
      <c r="A959" s="9" t="s">
        <v>137</v>
      </c>
      <c r="B959" s="9" t="s">
        <v>1913</v>
      </c>
      <c r="C959" s="9" t="s">
        <v>1914</v>
      </c>
      <c r="D959" s="18">
        <v>1412902039</v>
      </c>
      <c r="E959" s="11">
        <v>46387</v>
      </c>
      <c r="F959" s="9" t="s">
        <v>93</v>
      </c>
      <c r="G959" s="12">
        <v>957</v>
      </c>
      <c r="H959" s="12">
        <f t="shared" si="28"/>
        <v>11</v>
      </c>
      <c r="I959" s="12">
        <f t="shared" si="29"/>
        <v>17</v>
      </c>
    </row>
    <row r="960" spans="1:9" s="5" customFormat="1" ht="27.75" customHeight="1" x14ac:dyDescent="0.4">
      <c r="A960" s="9" t="s">
        <v>137</v>
      </c>
      <c r="B960" s="9" t="s">
        <v>1915</v>
      </c>
      <c r="C960" s="9" t="s">
        <v>1916</v>
      </c>
      <c r="D960" s="18">
        <v>1412901783</v>
      </c>
      <c r="E960" s="11">
        <v>46387</v>
      </c>
      <c r="F960" s="9" t="s">
        <v>93</v>
      </c>
      <c r="G960" s="5">
        <v>958</v>
      </c>
      <c r="H960" s="12">
        <f t="shared" si="28"/>
        <v>12</v>
      </c>
      <c r="I960" s="12">
        <f t="shared" si="29"/>
        <v>6</v>
      </c>
    </row>
    <row r="961" spans="1:35" s="5" customFormat="1" ht="27.75" customHeight="1" x14ac:dyDescent="0.4">
      <c r="A961" s="9" t="s">
        <v>137</v>
      </c>
      <c r="B961" s="9" t="s">
        <v>1917</v>
      </c>
      <c r="C961" s="9" t="s">
        <v>1918</v>
      </c>
      <c r="D961" s="18">
        <v>1412910800</v>
      </c>
      <c r="E961" s="11">
        <v>47938</v>
      </c>
      <c r="F961" s="9" t="s">
        <v>93</v>
      </c>
      <c r="G961" s="12">
        <v>959</v>
      </c>
      <c r="H961" s="12">
        <f t="shared" si="28"/>
        <v>26</v>
      </c>
      <c r="I961" s="12">
        <f t="shared" si="29"/>
        <v>11</v>
      </c>
    </row>
    <row r="962" spans="1:35" s="5" customFormat="1" ht="27.75" customHeight="1" x14ac:dyDescent="0.4">
      <c r="A962" s="17" t="s">
        <v>137</v>
      </c>
      <c r="B962" s="15" t="s">
        <v>1919</v>
      </c>
      <c r="C962" s="16" t="s">
        <v>1920</v>
      </c>
      <c r="D962" s="10">
        <v>1412910560</v>
      </c>
      <c r="E962" s="11">
        <v>47057</v>
      </c>
      <c r="F962" s="9" t="s">
        <v>93</v>
      </c>
      <c r="G962" s="5">
        <v>960</v>
      </c>
      <c r="H962" s="12">
        <f t="shared" si="28"/>
        <v>13</v>
      </c>
      <c r="I962" s="12">
        <f t="shared" si="29"/>
        <v>7</v>
      </c>
      <c r="J962" s="12"/>
      <c r="K962" s="12"/>
      <c r="L962" s="12"/>
      <c r="M962" s="12"/>
      <c r="N962" s="12"/>
      <c r="O962" s="12"/>
      <c r="P962" s="12"/>
      <c r="Q962" s="12"/>
      <c r="R962" s="12"/>
      <c r="S962" s="12"/>
      <c r="T962" s="12"/>
      <c r="U962" s="12"/>
      <c r="V962" s="12"/>
      <c r="W962" s="12"/>
      <c r="X962" s="12"/>
      <c r="Y962" s="12"/>
      <c r="Z962" s="12"/>
      <c r="AA962" s="12"/>
      <c r="AB962" s="12"/>
      <c r="AC962" s="12"/>
      <c r="AD962" s="12"/>
      <c r="AE962" s="12"/>
      <c r="AF962" s="12"/>
      <c r="AG962" s="12"/>
      <c r="AH962" s="12"/>
      <c r="AI962" s="12"/>
    </row>
    <row r="963" spans="1:35" s="5" customFormat="1" ht="27.75" customHeight="1" x14ac:dyDescent="0.4">
      <c r="A963" s="9" t="s">
        <v>137</v>
      </c>
      <c r="B963" s="9" t="s">
        <v>1921</v>
      </c>
      <c r="C963" s="9" t="s">
        <v>1922</v>
      </c>
      <c r="D963" s="18">
        <v>1412901882</v>
      </c>
      <c r="E963" s="11">
        <v>46387</v>
      </c>
      <c r="F963" s="9" t="s">
        <v>93</v>
      </c>
      <c r="G963" s="12">
        <v>961</v>
      </c>
      <c r="H963" s="12">
        <f t="shared" si="28"/>
        <v>12</v>
      </c>
      <c r="I963" s="12">
        <f t="shared" si="29"/>
        <v>15</v>
      </c>
    </row>
    <row r="964" spans="1:35" s="5" customFormat="1" ht="27.75" customHeight="1" x14ac:dyDescent="0.4">
      <c r="A964" s="9" t="s">
        <v>137</v>
      </c>
      <c r="B964" s="9" t="s">
        <v>1923</v>
      </c>
      <c r="C964" s="9" t="s">
        <v>1924</v>
      </c>
      <c r="D964" s="18">
        <v>1412910495</v>
      </c>
      <c r="E964" s="11">
        <v>48213</v>
      </c>
      <c r="F964" s="9" t="s">
        <v>93</v>
      </c>
      <c r="G964" s="5">
        <v>962</v>
      </c>
      <c r="H964" s="12">
        <f t="shared" ref="H964:H1027" si="30">LEN(C964)</f>
        <v>11</v>
      </c>
      <c r="I964" s="12">
        <f t="shared" ref="I964:I1027" si="31">LEN(B964)</f>
        <v>9</v>
      </c>
    </row>
    <row r="965" spans="1:35" s="5" customFormat="1" ht="27.75" customHeight="1" x14ac:dyDescent="0.4">
      <c r="A965" s="9" t="s">
        <v>137</v>
      </c>
      <c r="B965" s="9" t="s">
        <v>1925</v>
      </c>
      <c r="C965" s="9" t="s">
        <v>1926</v>
      </c>
      <c r="D965" s="18">
        <v>1412902948</v>
      </c>
      <c r="E965" s="11">
        <v>46387</v>
      </c>
      <c r="F965" s="9" t="s">
        <v>93</v>
      </c>
      <c r="G965" s="12">
        <v>963</v>
      </c>
      <c r="H965" s="12">
        <f t="shared" si="30"/>
        <v>11</v>
      </c>
      <c r="I965" s="12">
        <f t="shared" si="31"/>
        <v>14</v>
      </c>
    </row>
    <row r="966" spans="1:35" s="5" customFormat="1" ht="27.75" customHeight="1" x14ac:dyDescent="0.4">
      <c r="A966" s="9" t="s">
        <v>137</v>
      </c>
      <c r="B966" s="9" t="s">
        <v>1927</v>
      </c>
      <c r="C966" s="9" t="s">
        <v>1928</v>
      </c>
      <c r="D966" s="18">
        <v>1412910081</v>
      </c>
      <c r="E966" s="11">
        <v>46783</v>
      </c>
      <c r="F966" s="9" t="s">
        <v>93</v>
      </c>
      <c r="G966" s="5">
        <v>964</v>
      </c>
      <c r="H966" s="12">
        <f t="shared" si="30"/>
        <v>13</v>
      </c>
      <c r="I966" s="12">
        <f t="shared" si="31"/>
        <v>15</v>
      </c>
    </row>
    <row r="967" spans="1:35" s="5" customFormat="1" ht="27.75" customHeight="1" x14ac:dyDescent="0.4">
      <c r="A967" s="9" t="s">
        <v>137</v>
      </c>
      <c r="B967" s="9" t="s">
        <v>1929</v>
      </c>
      <c r="C967" s="9" t="s">
        <v>1930</v>
      </c>
      <c r="D967" s="18">
        <v>1412902179</v>
      </c>
      <c r="E967" s="11">
        <v>46387</v>
      </c>
      <c r="F967" s="9" t="s">
        <v>93</v>
      </c>
      <c r="G967" s="12">
        <v>965</v>
      </c>
      <c r="H967" s="12">
        <f t="shared" si="30"/>
        <v>12</v>
      </c>
      <c r="I967" s="12">
        <f t="shared" si="31"/>
        <v>17</v>
      </c>
    </row>
    <row r="968" spans="1:35" s="5" customFormat="1" ht="27.75" customHeight="1" x14ac:dyDescent="0.4">
      <c r="A968" s="9" t="s">
        <v>137</v>
      </c>
      <c r="B968" s="9" t="s">
        <v>1931</v>
      </c>
      <c r="C968" s="9" t="s">
        <v>1932</v>
      </c>
      <c r="D968" s="18">
        <v>1412902971</v>
      </c>
      <c r="E968" s="11">
        <v>46387</v>
      </c>
      <c r="F968" s="9" t="s">
        <v>93</v>
      </c>
      <c r="G968" s="5">
        <v>966</v>
      </c>
      <c r="H968" s="12">
        <f t="shared" si="30"/>
        <v>10</v>
      </c>
      <c r="I968" s="12">
        <f t="shared" si="31"/>
        <v>13</v>
      </c>
    </row>
    <row r="969" spans="1:35" s="5" customFormat="1" ht="27.75" customHeight="1" x14ac:dyDescent="0.4">
      <c r="A969" s="13" t="s">
        <v>137</v>
      </c>
      <c r="B969" s="13" t="s">
        <v>1933</v>
      </c>
      <c r="C969" s="13" t="s">
        <v>1934</v>
      </c>
      <c r="D969" s="26">
        <v>1412901361</v>
      </c>
      <c r="E969" s="11">
        <v>48457</v>
      </c>
      <c r="F969" s="9" t="s">
        <v>93</v>
      </c>
      <c r="G969" s="12">
        <v>967</v>
      </c>
      <c r="H969" s="12">
        <f t="shared" si="30"/>
        <v>9</v>
      </c>
      <c r="I969" s="12">
        <f t="shared" si="31"/>
        <v>6</v>
      </c>
    </row>
    <row r="970" spans="1:35" s="5" customFormat="1" ht="27.75" customHeight="1" x14ac:dyDescent="0.4">
      <c r="A970" s="9" t="s">
        <v>137</v>
      </c>
      <c r="B970" s="9" t="s">
        <v>1935</v>
      </c>
      <c r="C970" s="9" t="s">
        <v>1936</v>
      </c>
      <c r="D970" s="18">
        <v>1412910248</v>
      </c>
      <c r="E970" s="11">
        <v>46326</v>
      </c>
      <c r="F970" s="9" t="s">
        <v>93</v>
      </c>
      <c r="G970" s="5">
        <v>968</v>
      </c>
      <c r="H970" s="12">
        <f t="shared" si="30"/>
        <v>10</v>
      </c>
      <c r="I970" s="12">
        <f t="shared" si="31"/>
        <v>19</v>
      </c>
    </row>
    <row r="971" spans="1:35" s="5" customFormat="1" ht="27.75" customHeight="1" x14ac:dyDescent="0.4">
      <c r="A971" s="9" t="s">
        <v>137</v>
      </c>
      <c r="B971" s="9" t="s">
        <v>1937</v>
      </c>
      <c r="C971" s="9" t="s">
        <v>1938</v>
      </c>
      <c r="D971" s="18">
        <v>1412910271</v>
      </c>
      <c r="E971" s="11">
        <v>48457</v>
      </c>
      <c r="F971" s="9" t="s">
        <v>93</v>
      </c>
      <c r="G971" s="12">
        <v>969</v>
      </c>
      <c r="H971" s="12">
        <f t="shared" si="30"/>
        <v>12</v>
      </c>
      <c r="I971" s="12">
        <f t="shared" si="31"/>
        <v>15</v>
      </c>
    </row>
    <row r="972" spans="1:35" s="5" customFormat="1" ht="27.75" customHeight="1" x14ac:dyDescent="0.4">
      <c r="A972" s="9" t="s">
        <v>137</v>
      </c>
      <c r="B972" s="9" t="s">
        <v>1939</v>
      </c>
      <c r="C972" s="9" t="s">
        <v>1940</v>
      </c>
      <c r="D972" s="18">
        <v>1412910651</v>
      </c>
      <c r="E972" s="11">
        <v>47269</v>
      </c>
      <c r="F972" s="9" t="s">
        <v>93</v>
      </c>
      <c r="G972" s="5">
        <v>970</v>
      </c>
      <c r="H972" s="12">
        <f t="shared" si="30"/>
        <v>10</v>
      </c>
      <c r="I972" s="12">
        <f t="shared" si="31"/>
        <v>11</v>
      </c>
    </row>
    <row r="973" spans="1:35" s="5" customFormat="1" ht="27.75" customHeight="1" x14ac:dyDescent="0.4">
      <c r="A973" s="9" t="s">
        <v>137</v>
      </c>
      <c r="B973" s="9" t="s">
        <v>1941</v>
      </c>
      <c r="C973" s="9" t="s">
        <v>1942</v>
      </c>
      <c r="D973" s="18">
        <v>1412902401</v>
      </c>
      <c r="E973" s="11">
        <v>46387</v>
      </c>
      <c r="F973" s="9" t="s">
        <v>93</v>
      </c>
      <c r="G973" s="12">
        <v>971</v>
      </c>
      <c r="H973" s="12">
        <f t="shared" si="30"/>
        <v>11</v>
      </c>
      <c r="I973" s="12">
        <f t="shared" si="31"/>
        <v>7</v>
      </c>
    </row>
    <row r="974" spans="1:35" s="5" customFormat="1" ht="27.75" customHeight="1" x14ac:dyDescent="0.4">
      <c r="A974" s="9" t="s">
        <v>137</v>
      </c>
      <c r="B974" s="9" t="s">
        <v>1943</v>
      </c>
      <c r="C974" s="9" t="s">
        <v>1944</v>
      </c>
      <c r="D974" s="18">
        <v>1412910487</v>
      </c>
      <c r="E974" s="11">
        <v>46965</v>
      </c>
      <c r="F974" s="9" t="s">
        <v>93</v>
      </c>
      <c r="G974" s="5">
        <v>972</v>
      </c>
      <c r="H974" s="12">
        <f t="shared" si="30"/>
        <v>11</v>
      </c>
      <c r="I974" s="12">
        <f t="shared" si="31"/>
        <v>11</v>
      </c>
    </row>
    <row r="975" spans="1:35" s="5" customFormat="1" ht="27.75" customHeight="1" x14ac:dyDescent="0.4">
      <c r="A975" s="9" t="s">
        <v>137</v>
      </c>
      <c r="B975" s="9" t="s">
        <v>1945</v>
      </c>
      <c r="C975" s="9" t="s">
        <v>1946</v>
      </c>
      <c r="D975" s="18">
        <v>1412901999</v>
      </c>
      <c r="E975" s="11">
        <v>46418</v>
      </c>
      <c r="F975" s="9" t="s">
        <v>93</v>
      </c>
      <c r="G975" s="12">
        <v>973</v>
      </c>
      <c r="H975" s="12">
        <f t="shared" si="30"/>
        <v>10</v>
      </c>
      <c r="I975" s="12">
        <f t="shared" si="31"/>
        <v>4</v>
      </c>
    </row>
    <row r="976" spans="1:35" s="5" customFormat="1" ht="27.75" customHeight="1" x14ac:dyDescent="0.4">
      <c r="A976" s="9" t="s">
        <v>137</v>
      </c>
      <c r="B976" s="9" t="s">
        <v>1947</v>
      </c>
      <c r="C976" s="9" t="s">
        <v>1948</v>
      </c>
      <c r="D976" s="18">
        <v>1412903037</v>
      </c>
      <c r="E976" s="11">
        <v>47483</v>
      </c>
      <c r="F976" s="9" t="s">
        <v>93</v>
      </c>
      <c r="G976" s="5">
        <v>974</v>
      </c>
      <c r="H976" s="12">
        <f t="shared" si="30"/>
        <v>13</v>
      </c>
      <c r="I976" s="12">
        <f t="shared" si="31"/>
        <v>20</v>
      </c>
    </row>
    <row r="977" spans="1:35" s="5" customFormat="1" ht="27.75" customHeight="1" x14ac:dyDescent="0.4">
      <c r="A977" s="9" t="s">
        <v>137</v>
      </c>
      <c r="B977" s="9" t="s">
        <v>1949</v>
      </c>
      <c r="C977" s="9" t="s">
        <v>1950</v>
      </c>
      <c r="D977" s="18">
        <v>1412901957</v>
      </c>
      <c r="E977" s="11">
        <v>46387</v>
      </c>
      <c r="F977" s="9" t="s">
        <v>93</v>
      </c>
      <c r="G977" s="12">
        <v>975</v>
      </c>
      <c r="H977" s="12">
        <f t="shared" si="30"/>
        <v>12</v>
      </c>
      <c r="I977" s="12">
        <f t="shared" si="31"/>
        <v>9</v>
      </c>
    </row>
    <row r="978" spans="1:35" s="5" customFormat="1" ht="27.75" customHeight="1" x14ac:dyDescent="0.4">
      <c r="A978" s="9" t="s">
        <v>137</v>
      </c>
      <c r="B978" s="9" t="s">
        <v>1951</v>
      </c>
      <c r="C978" s="9" t="s">
        <v>1952</v>
      </c>
      <c r="D978" s="18">
        <v>1412902617</v>
      </c>
      <c r="E978" s="11">
        <v>46387</v>
      </c>
      <c r="F978" s="9" t="s">
        <v>93</v>
      </c>
      <c r="G978" s="5">
        <v>976</v>
      </c>
      <c r="H978" s="12">
        <f t="shared" si="30"/>
        <v>15</v>
      </c>
      <c r="I978" s="12">
        <f t="shared" si="31"/>
        <v>26</v>
      </c>
    </row>
    <row r="979" spans="1:35" s="5" customFormat="1" ht="27.75" customHeight="1" x14ac:dyDescent="0.4">
      <c r="A979" s="9" t="s">
        <v>137</v>
      </c>
      <c r="B979" s="9" t="s">
        <v>1953</v>
      </c>
      <c r="C979" s="9" t="s">
        <v>1954</v>
      </c>
      <c r="D979" s="18">
        <v>1412910016</v>
      </c>
      <c r="E979" s="11">
        <v>46387</v>
      </c>
      <c r="F979" s="9" t="s">
        <v>93</v>
      </c>
      <c r="G979" s="12">
        <v>977</v>
      </c>
      <c r="H979" s="12">
        <f t="shared" si="30"/>
        <v>13</v>
      </c>
      <c r="I979" s="12">
        <f t="shared" si="31"/>
        <v>21</v>
      </c>
    </row>
    <row r="980" spans="1:35" s="5" customFormat="1" ht="27.75" customHeight="1" x14ac:dyDescent="0.4">
      <c r="A980" s="9" t="s">
        <v>137</v>
      </c>
      <c r="B980" s="9" t="s">
        <v>1955</v>
      </c>
      <c r="C980" s="9" t="s">
        <v>1956</v>
      </c>
      <c r="D980" s="18">
        <v>1412910669</v>
      </c>
      <c r="E980" s="11">
        <v>47238</v>
      </c>
      <c r="F980" s="9" t="s">
        <v>93</v>
      </c>
      <c r="G980" s="5">
        <v>978</v>
      </c>
      <c r="H980" s="12">
        <f t="shared" si="30"/>
        <v>17</v>
      </c>
      <c r="I980" s="12">
        <f t="shared" si="31"/>
        <v>12</v>
      </c>
    </row>
    <row r="981" spans="1:35" s="5" customFormat="1" ht="27.75" customHeight="1" x14ac:dyDescent="0.4">
      <c r="A981" s="9" t="s">
        <v>137</v>
      </c>
      <c r="B981" s="15" t="s">
        <v>1957</v>
      </c>
      <c r="C981" s="16" t="s">
        <v>1958</v>
      </c>
      <c r="D981" s="10">
        <v>1412910404</v>
      </c>
      <c r="E981" s="11">
        <v>47695</v>
      </c>
      <c r="F981" s="9" t="s">
        <v>93</v>
      </c>
      <c r="G981" s="12">
        <v>979</v>
      </c>
      <c r="H981" s="12">
        <f t="shared" si="30"/>
        <v>9</v>
      </c>
      <c r="I981" s="12">
        <f t="shared" si="31"/>
        <v>16</v>
      </c>
    </row>
    <row r="982" spans="1:35" s="5" customFormat="1" ht="27.75" customHeight="1" x14ac:dyDescent="0.4">
      <c r="A982" s="9" t="s">
        <v>137</v>
      </c>
      <c r="B982" s="9" t="s">
        <v>1959</v>
      </c>
      <c r="C982" s="9" t="s">
        <v>1960</v>
      </c>
      <c r="D982" s="18">
        <v>1412900751</v>
      </c>
      <c r="E982" s="11">
        <v>46387</v>
      </c>
      <c r="F982" s="9" t="s">
        <v>93</v>
      </c>
      <c r="G982" s="5">
        <v>980</v>
      </c>
      <c r="H982" s="12">
        <f t="shared" si="30"/>
        <v>8</v>
      </c>
      <c r="I982" s="12">
        <f t="shared" si="31"/>
        <v>14</v>
      </c>
    </row>
    <row r="983" spans="1:35" s="5" customFormat="1" ht="27.75" customHeight="1" x14ac:dyDescent="0.4">
      <c r="A983" s="9" t="s">
        <v>137</v>
      </c>
      <c r="B983" s="9" t="s">
        <v>1961</v>
      </c>
      <c r="C983" s="9" t="s">
        <v>1962</v>
      </c>
      <c r="D983" s="18">
        <v>1412901429</v>
      </c>
      <c r="E983" s="11">
        <v>46387</v>
      </c>
      <c r="F983" s="9" t="s">
        <v>93</v>
      </c>
      <c r="G983" s="12">
        <v>981</v>
      </c>
      <c r="H983" s="12">
        <f t="shared" si="30"/>
        <v>8</v>
      </c>
      <c r="I983" s="12">
        <f t="shared" si="31"/>
        <v>17</v>
      </c>
    </row>
    <row r="984" spans="1:35" s="5" customFormat="1" ht="27.75" customHeight="1" x14ac:dyDescent="0.4">
      <c r="A984" s="13" t="s">
        <v>137</v>
      </c>
      <c r="B984" s="13" t="s">
        <v>1963</v>
      </c>
      <c r="C984" s="13" t="s">
        <v>1964</v>
      </c>
      <c r="D984" s="18">
        <v>1412910453</v>
      </c>
      <c r="E984" s="11">
        <v>46265</v>
      </c>
      <c r="F984" s="9" t="s">
        <v>93</v>
      </c>
      <c r="G984" s="5">
        <v>982</v>
      </c>
      <c r="H984" s="12">
        <f t="shared" si="30"/>
        <v>10</v>
      </c>
      <c r="I984" s="12">
        <f t="shared" si="31"/>
        <v>12</v>
      </c>
    </row>
    <row r="985" spans="1:35" s="5" customFormat="1" ht="27.75" customHeight="1" x14ac:dyDescent="0.4">
      <c r="A985" s="9" t="s">
        <v>137</v>
      </c>
      <c r="B985" s="9" t="s">
        <v>1965</v>
      </c>
      <c r="C985" s="9" t="s">
        <v>1966</v>
      </c>
      <c r="D985" s="18">
        <v>1412901346</v>
      </c>
      <c r="E985" s="11">
        <v>46418</v>
      </c>
      <c r="F985" s="9" t="s">
        <v>93</v>
      </c>
      <c r="G985" s="12">
        <v>983</v>
      </c>
      <c r="H985" s="12">
        <f t="shared" si="30"/>
        <v>12</v>
      </c>
      <c r="I985" s="12">
        <f t="shared" si="31"/>
        <v>9</v>
      </c>
      <c r="J985" s="12"/>
      <c r="K985" s="12"/>
      <c r="L985" s="12"/>
      <c r="M985" s="12"/>
      <c r="N985" s="12"/>
      <c r="O985" s="12"/>
      <c r="P985" s="12"/>
      <c r="Q985" s="12"/>
      <c r="R985" s="12"/>
      <c r="S985" s="12"/>
      <c r="T985" s="12"/>
      <c r="U985" s="12"/>
      <c r="V985" s="12"/>
      <c r="W985" s="12"/>
      <c r="X985" s="12"/>
      <c r="Y985" s="12"/>
      <c r="Z985" s="12"/>
      <c r="AA985" s="12"/>
      <c r="AB985" s="12"/>
      <c r="AC985" s="12"/>
      <c r="AD985" s="12"/>
      <c r="AE985" s="12"/>
      <c r="AF985" s="12"/>
      <c r="AG985" s="12"/>
      <c r="AH985" s="12"/>
      <c r="AI985" s="12"/>
    </row>
    <row r="986" spans="1:35" s="5" customFormat="1" ht="27.75" customHeight="1" x14ac:dyDescent="0.4">
      <c r="A986" s="9" t="s">
        <v>137</v>
      </c>
      <c r="B986" s="14" t="s">
        <v>1967</v>
      </c>
      <c r="C986" s="9" t="s">
        <v>1968</v>
      </c>
      <c r="D986" s="18">
        <v>1412901304</v>
      </c>
      <c r="E986" s="11">
        <v>48029</v>
      </c>
      <c r="F986" s="9" t="s">
        <v>93</v>
      </c>
      <c r="G986" s="5">
        <v>984</v>
      </c>
      <c r="H986" s="12">
        <f t="shared" si="30"/>
        <v>12</v>
      </c>
      <c r="I986" s="12">
        <f t="shared" si="31"/>
        <v>4</v>
      </c>
    </row>
    <row r="987" spans="1:35" s="5" customFormat="1" ht="27.75" customHeight="1" x14ac:dyDescent="0.4">
      <c r="A987" s="9" t="s">
        <v>137</v>
      </c>
      <c r="B987" s="9" t="s">
        <v>1969</v>
      </c>
      <c r="C987" s="9" t="s">
        <v>1970</v>
      </c>
      <c r="D987" s="18">
        <v>1412902740</v>
      </c>
      <c r="E987" s="11">
        <v>46446</v>
      </c>
      <c r="F987" s="9" t="s">
        <v>93</v>
      </c>
      <c r="G987" s="12">
        <v>985</v>
      </c>
      <c r="H987" s="12">
        <f t="shared" si="30"/>
        <v>11</v>
      </c>
      <c r="I987" s="12">
        <f t="shared" si="31"/>
        <v>6</v>
      </c>
      <c r="J987" s="12"/>
      <c r="K987" s="12"/>
      <c r="L987" s="12"/>
      <c r="M987" s="12"/>
      <c r="N987" s="12"/>
      <c r="O987" s="12"/>
      <c r="P987" s="12"/>
      <c r="Q987" s="12"/>
      <c r="R987" s="12"/>
      <c r="S987" s="12"/>
      <c r="T987" s="12"/>
      <c r="U987" s="12"/>
      <c r="V987" s="12"/>
      <c r="W987" s="12"/>
      <c r="X987" s="12"/>
      <c r="Y987" s="12"/>
      <c r="Z987" s="12"/>
      <c r="AA987" s="12"/>
      <c r="AB987" s="12"/>
      <c r="AC987" s="12"/>
      <c r="AD987" s="12"/>
      <c r="AE987" s="12"/>
      <c r="AF987" s="12"/>
      <c r="AG987" s="12"/>
      <c r="AH987" s="12"/>
      <c r="AI987" s="12"/>
    </row>
    <row r="988" spans="1:35" s="5" customFormat="1" ht="27.75" customHeight="1" x14ac:dyDescent="0.4">
      <c r="A988" s="9" t="s">
        <v>137</v>
      </c>
      <c r="B988" s="9" t="s">
        <v>1971</v>
      </c>
      <c r="C988" s="9" t="s">
        <v>1972</v>
      </c>
      <c r="D988" s="18">
        <v>1412910065</v>
      </c>
      <c r="E988" s="11">
        <v>46660</v>
      </c>
      <c r="F988" s="9" t="s">
        <v>93</v>
      </c>
      <c r="G988" s="5">
        <v>986</v>
      </c>
      <c r="H988" s="12">
        <f t="shared" si="30"/>
        <v>12</v>
      </c>
      <c r="I988" s="12">
        <f t="shared" si="31"/>
        <v>7</v>
      </c>
      <c r="J988" s="12"/>
      <c r="K988" s="12"/>
      <c r="L988" s="12"/>
      <c r="M988" s="12"/>
      <c r="N988" s="12"/>
      <c r="O988" s="12"/>
      <c r="P988" s="12"/>
      <c r="Q988" s="12"/>
      <c r="R988" s="12"/>
      <c r="S988" s="12"/>
      <c r="T988" s="12"/>
      <c r="U988" s="12"/>
      <c r="V988" s="12"/>
      <c r="W988" s="12"/>
      <c r="X988" s="12"/>
      <c r="Y988" s="12"/>
      <c r="Z988" s="12"/>
      <c r="AA988" s="12"/>
      <c r="AB988" s="12"/>
      <c r="AC988" s="12"/>
      <c r="AD988" s="12"/>
      <c r="AE988" s="12"/>
      <c r="AF988" s="12"/>
      <c r="AG988" s="12"/>
      <c r="AH988" s="12"/>
      <c r="AI988" s="12"/>
    </row>
    <row r="989" spans="1:35" s="5" customFormat="1" ht="27.75" customHeight="1" x14ac:dyDescent="0.4">
      <c r="A989" s="9" t="s">
        <v>137</v>
      </c>
      <c r="B989" s="13" t="s">
        <v>1973</v>
      </c>
      <c r="C989" s="9" t="s">
        <v>1974</v>
      </c>
      <c r="D989" s="18">
        <v>1412901817</v>
      </c>
      <c r="E989" s="11">
        <v>46387</v>
      </c>
      <c r="F989" s="9" t="s">
        <v>93</v>
      </c>
      <c r="G989" s="12">
        <v>987</v>
      </c>
      <c r="H989" s="12">
        <f t="shared" si="30"/>
        <v>11</v>
      </c>
      <c r="I989" s="12">
        <f t="shared" si="31"/>
        <v>15</v>
      </c>
    </row>
    <row r="990" spans="1:35" s="5" customFormat="1" ht="27.75" customHeight="1" x14ac:dyDescent="0.4">
      <c r="A990" s="9" t="s">
        <v>137</v>
      </c>
      <c r="B990" s="9" t="s">
        <v>1975</v>
      </c>
      <c r="C990" s="9" t="s">
        <v>1976</v>
      </c>
      <c r="D990" s="18">
        <v>1412902468</v>
      </c>
      <c r="E990" s="11">
        <v>46387</v>
      </c>
      <c r="F990" s="9" t="s">
        <v>93</v>
      </c>
      <c r="G990" s="5">
        <v>988</v>
      </c>
      <c r="H990" s="12">
        <f t="shared" si="30"/>
        <v>14</v>
      </c>
      <c r="I990" s="12">
        <f t="shared" si="31"/>
        <v>6</v>
      </c>
    </row>
    <row r="991" spans="1:35" s="5" customFormat="1" ht="27.75" customHeight="1" x14ac:dyDescent="0.4">
      <c r="A991" s="9" t="s">
        <v>137</v>
      </c>
      <c r="B991" s="9" t="s">
        <v>1977</v>
      </c>
      <c r="C991" s="9" t="s">
        <v>1978</v>
      </c>
      <c r="D991" s="18">
        <v>1412910461</v>
      </c>
      <c r="E991" s="11">
        <v>48121</v>
      </c>
      <c r="F991" s="9" t="s">
        <v>93</v>
      </c>
      <c r="G991" s="12">
        <v>989</v>
      </c>
      <c r="H991" s="12">
        <f t="shared" si="30"/>
        <v>11</v>
      </c>
      <c r="I991" s="12">
        <f t="shared" si="31"/>
        <v>10</v>
      </c>
    </row>
    <row r="992" spans="1:35" s="5" customFormat="1" ht="27.75" customHeight="1" x14ac:dyDescent="0.4">
      <c r="A992" s="9" t="s">
        <v>137</v>
      </c>
      <c r="B992" s="9" t="s">
        <v>1979</v>
      </c>
      <c r="C992" s="9" t="s">
        <v>1980</v>
      </c>
      <c r="D992" s="23">
        <v>1412902674</v>
      </c>
      <c r="E992" s="11">
        <v>46418</v>
      </c>
      <c r="F992" s="9" t="s">
        <v>93</v>
      </c>
      <c r="G992" s="5">
        <v>990</v>
      </c>
      <c r="H992" s="12">
        <f t="shared" si="30"/>
        <v>11</v>
      </c>
      <c r="I992" s="12">
        <f t="shared" si="31"/>
        <v>7</v>
      </c>
    </row>
    <row r="993" spans="1:35" s="5" customFormat="1" ht="27.75" customHeight="1" x14ac:dyDescent="0.4">
      <c r="A993" s="9" t="s">
        <v>137</v>
      </c>
      <c r="B993" s="13" t="s">
        <v>1981</v>
      </c>
      <c r="C993" s="13" t="s">
        <v>1982</v>
      </c>
      <c r="D993" s="18">
        <v>1412910792</v>
      </c>
      <c r="E993" s="11">
        <v>47907</v>
      </c>
      <c r="F993" s="9" t="s">
        <v>93</v>
      </c>
      <c r="G993" s="12">
        <v>991</v>
      </c>
      <c r="H993" s="12">
        <f t="shared" si="30"/>
        <v>20</v>
      </c>
      <c r="I993" s="12">
        <f t="shared" si="31"/>
        <v>13</v>
      </c>
    </row>
    <row r="994" spans="1:35" s="5" customFormat="1" ht="27.75" customHeight="1" x14ac:dyDescent="0.4">
      <c r="A994" s="9" t="s">
        <v>137</v>
      </c>
      <c r="B994" s="9" t="s">
        <v>1983</v>
      </c>
      <c r="C994" s="9" t="s">
        <v>1984</v>
      </c>
      <c r="D994" s="18">
        <v>1412902070</v>
      </c>
      <c r="E994" s="11">
        <v>46387</v>
      </c>
      <c r="F994" s="9" t="s">
        <v>93</v>
      </c>
      <c r="G994" s="5">
        <v>992</v>
      </c>
      <c r="H994" s="12">
        <f t="shared" si="30"/>
        <v>17</v>
      </c>
      <c r="I994" s="12">
        <f t="shared" si="31"/>
        <v>13</v>
      </c>
    </row>
    <row r="995" spans="1:35" s="5" customFormat="1" ht="27.75" customHeight="1" x14ac:dyDescent="0.4">
      <c r="A995" s="9" t="s">
        <v>137</v>
      </c>
      <c r="B995" s="9" t="s">
        <v>1985</v>
      </c>
      <c r="C995" s="9" t="s">
        <v>1986</v>
      </c>
      <c r="D995" s="18">
        <v>1412902260</v>
      </c>
      <c r="E995" s="11">
        <v>46387</v>
      </c>
      <c r="F995" s="9" t="s">
        <v>93</v>
      </c>
      <c r="G995" s="12">
        <v>993</v>
      </c>
      <c r="H995" s="12">
        <f t="shared" si="30"/>
        <v>20</v>
      </c>
      <c r="I995" s="12">
        <f t="shared" si="31"/>
        <v>24</v>
      </c>
    </row>
    <row r="996" spans="1:35" s="5" customFormat="1" ht="27.75" customHeight="1" x14ac:dyDescent="0.4">
      <c r="A996" s="9" t="s">
        <v>137</v>
      </c>
      <c r="B996" s="13" t="s">
        <v>1987</v>
      </c>
      <c r="C996" s="13" t="s">
        <v>1988</v>
      </c>
      <c r="D996" s="18">
        <v>1412910677</v>
      </c>
      <c r="E996" s="11">
        <v>47330</v>
      </c>
      <c r="F996" s="9" t="s">
        <v>93</v>
      </c>
      <c r="G996" s="5">
        <v>994</v>
      </c>
      <c r="H996" s="12">
        <f t="shared" si="30"/>
        <v>22</v>
      </c>
      <c r="I996" s="12">
        <f t="shared" si="31"/>
        <v>21</v>
      </c>
    </row>
    <row r="997" spans="1:35" s="5" customFormat="1" ht="27.75" customHeight="1" x14ac:dyDescent="0.4">
      <c r="A997" s="9" t="s">
        <v>137</v>
      </c>
      <c r="B997" s="9" t="s">
        <v>1989</v>
      </c>
      <c r="C997" s="9" t="s">
        <v>1990</v>
      </c>
      <c r="D997" s="18">
        <v>1412901148</v>
      </c>
      <c r="E997" s="11">
        <v>46387</v>
      </c>
      <c r="F997" s="9" t="s">
        <v>93</v>
      </c>
      <c r="G997" s="12">
        <v>995</v>
      </c>
      <c r="H997" s="12">
        <f t="shared" si="30"/>
        <v>8</v>
      </c>
      <c r="I997" s="12">
        <f t="shared" si="31"/>
        <v>18</v>
      </c>
    </row>
    <row r="998" spans="1:35" s="5" customFormat="1" ht="27.75" customHeight="1" x14ac:dyDescent="0.4">
      <c r="A998" s="9" t="s">
        <v>137</v>
      </c>
      <c r="B998" s="9" t="s">
        <v>1991</v>
      </c>
      <c r="C998" s="9" t="s">
        <v>1992</v>
      </c>
      <c r="D998" s="18">
        <v>1412901601</v>
      </c>
      <c r="E998" s="11">
        <v>46387</v>
      </c>
      <c r="F998" s="9" t="s">
        <v>93</v>
      </c>
      <c r="G998" s="5">
        <v>996</v>
      </c>
      <c r="H998" s="12">
        <f t="shared" si="30"/>
        <v>8</v>
      </c>
      <c r="I998" s="12">
        <f t="shared" si="31"/>
        <v>24</v>
      </c>
    </row>
    <row r="999" spans="1:35" s="28" customFormat="1" ht="27.75" customHeight="1" x14ac:dyDescent="0.4">
      <c r="A999" s="9" t="s">
        <v>137</v>
      </c>
      <c r="B999" s="9" t="s">
        <v>1993</v>
      </c>
      <c r="C999" s="9" t="s">
        <v>1994</v>
      </c>
      <c r="D999" s="18">
        <v>1412910602</v>
      </c>
      <c r="E999" s="11">
        <v>46843</v>
      </c>
      <c r="F999" s="9" t="s">
        <v>93</v>
      </c>
      <c r="G999" s="12">
        <v>997</v>
      </c>
      <c r="H999" s="12">
        <f t="shared" si="30"/>
        <v>12</v>
      </c>
      <c r="I999" s="12">
        <f t="shared" si="31"/>
        <v>4</v>
      </c>
      <c r="J999" s="5"/>
      <c r="K999" s="5"/>
      <c r="L999" s="5"/>
      <c r="M999" s="5"/>
      <c r="N999" s="5"/>
      <c r="O999" s="5"/>
      <c r="P999" s="5"/>
      <c r="Q999" s="5"/>
      <c r="R999" s="5"/>
      <c r="S999" s="5"/>
      <c r="T999" s="5"/>
      <c r="U999" s="5"/>
      <c r="V999" s="5"/>
      <c r="W999" s="5"/>
      <c r="X999" s="5"/>
      <c r="Y999" s="5"/>
      <c r="Z999" s="5"/>
      <c r="AA999" s="5"/>
      <c r="AB999" s="5"/>
      <c r="AC999" s="5"/>
      <c r="AD999" s="5"/>
      <c r="AE999" s="5"/>
      <c r="AF999" s="5"/>
      <c r="AG999" s="5"/>
      <c r="AH999" s="5"/>
      <c r="AI999" s="5"/>
    </row>
    <row r="1000" spans="1:35" s="5" customFormat="1" ht="27.75" customHeight="1" x14ac:dyDescent="0.4">
      <c r="A1000" s="9" t="s">
        <v>137</v>
      </c>
      <c r="B1000" s="9" t="s">
        <v>1995</v>
      </c>
      <c r="C1000" s="9" t="s">
        <v>1996</v>
      </c>
      <c r="D1000" s="18">
        <v>1412901395</v>
      </c>
      <c r="E1000" s="11">
        <v>46387</v>
      </c>
      <c r="F1000" s="9" t="s">
        <v>93</v>
      </c>
      <c r="G1000" s="5">
        <v>998</v>
      </c>
      <c r="H1000" s="12">
        <f t="shared" si="30"/>
        <v>12</v>
      </c>
      <c r="I1000" s="12">
        <f t="shared" si="31"/>
        <v>10</v>
      </c>
    </row>
    <row r="1001" spans="1:35" s="5" customFormat="1" ht="27.75" customHeight="1" x14ac:dyDescent="0.4">
      <c r="A1001" s="9" t="s">
        <v>137</v>
      </c>
      <c r="B1001" s="9" t="s">
        <v>1997</v>
      </c>
      <c r="C1001" s="9" t="s">
        <v>1998</v>
      </c>
      <c r="D1001" s="18">
        <v>1412910198</v>
      </c>
      <c r="E1001" s="11">
        <v>46934</v>
      </c>
      <c r="F1001" s="9" t="s">
        <v>93</v>
      </c>
      <c r="G1001" s="12">
        <v>999</v>
      </c>
      <c r="H1001" s="12">
        <f t="shared" si="30"/>
        <v>24</v>
      </c>
      <c r="I1001" s="12">
        <f t="shared" si="31"/>
        <v>11</v>
      </c>
    </row>
    <row r="1002" spans="1:35" s="5" customFormat="1" ht="27.75" customHeight="1" x14ac:dyDescent="0.4">
      <c r="A1002" s="9" t="s">
        <v>137</v>
      </c>
      <c r="B1002" s="9" t="s">
        <v>1999</v>
      </c>
      <c r="C1002" s="9" t="s">
        <v>2000</v>
      </c>
      <c r="D1002" s="18">
        <v>1412910263</v>
      </c>
      <c r="E1002" s="11">
        <v>47149</v>
      </c>
      <c r="F1002" s="9" t="s">
        <v>93</v>
      </c>
      <c r="G1002" s="5">
        <v>1000</v>
      </c>
      <c r="H1002" s="12">
        <f t="shared" si="30"/>
        <v>22</v>
      </c>
      <c r="I1002" s="12">
        <f t="shared" si="31"/>
        <v>17</v>
      </c>
    </row>
    <row r="1003" spans="1:35" s="5" customFormat="1" ht="27.75" customHeight="1" x14ac:dyDescent="0.4">
      <c r="A1003" s="9" t="s">
        <v>137</v>
      </c>
      <c r="B1003" s="13" t="s">
        <v>2001</v>
      </c>
      <c r="C1003" s="13" t="s">
        <v>2002</v>
      </c>
      <c r="D1003" s="18">
        <v>1412910727</v>
      </c>
      <c r="E1003" s="11">
        <v>47634</v>
      </c>
      <c r="F1003" s="9" t="s">
        <v>93</v>
      </c>
      <c r="G1003" s="12">
        <v>1001</v>
      </c>
      <c r="H1003" s="12">
        <f t="shared" si="30"/>
        <v>29</v>
      </c>
      <c r="I1003" s="12">
        <f t="shared" si="31"/>
        <v>20</v>
      </c>
    </row>
    <row r="1004" spans="1:35" s="5" customFormat="1" ht="27.75" customHeight="1" x14ac:dyDescent="0.4">
      <c r="A1004" s="9" t="s">
        <v>137</v>
      </c>
      <c r="B1004" s="13" t="s">
        <v>2003</v>
      </c>
      <c r="C1004" s="13" t="s">
        <v>2004</v>
      </c>
      <c r="D1004" s="18">
        <v>1412910545</v>
      </c>
      <c r="E1004" s="11">
        <v>46507</v>
      </c>
      <c r="F1004" s="9" t="s">
        <v>93</v>
      </c>
      <c r="G1004" s="5">
        <v>1002</v>
      </c>
      <c r="H1004" s="12">
        <f t="shared" si="30"/>
        <v>16</v>
      </c>
      <c r="I1004" s="12">
        <f t="shared" si="31"/>
        <v>30</v>
      </c>
    </row>
    <row r="1005" spans="1:35" s="5" customFormat="1" ht="27.75" customHeight="1" x14ac:dyDescent="0.4">
      <c r="A1005" s="9" t="s">
        <v>137</v>
      </c>
      <c r="B1005" s="15" t="s">
        <v>2005</v>
      </c>
      <c r="C1005" s="16" t="s">
        <v>2006</v>
      </c>
      <c r="D1005" s="10">
        <v>1412910206</v>
      </c>
      <c r="E1005" s="11">
        <v>46387</v>
      </c>
      <c r="F1005" s="9" t="s">
        <v>93</v>
      </c>
      <c r="G1005" s="12">
        <v>1003</v>
      </c>
      <c r="H1005" s="12">
        <f t="shared" si="30"/>
        <v>18</v>
      </c>
      <c r="I1005" s="12">
        <f t="shared" si="31"/>
        <v>10</v>
      </c>
    </row>
    <row r="1006" spans="1:35" s="5" customFormat="1" ht="27.75" customHeight="1" x14ac:dyDescent="0.4">
      <c r="A1006" s="9" t="s">
        <v>137</v>
      </c>
      <c r="B1006" s="9" t="s">
        <v>2007</v>
      </c>
      <c r="C1006" s="9" t="s">
        <v>2008</v>
      </c>
      <c r="D1006" s="18">
        <v>1412900207</v>
      </c>
      <c r="E1006" s="11">
        <v>46387</v>
      </c>
      <c r="F1006" s="9" t="s">
        <v>93</v>
      </c>
      <c r="G1006" s="5">
        <v>1004</v>
      </c>
      <c r="H1006" s="12">
        <f t="shared" si="30"/>
        <v>11</v>
      </c>
      <c r="I1006" s="12">
        <f t="shared" si="31"/>
        <v>5</v>
      </c>
    </row>
    <row r="1007" spans="1:35" s="5" customFormat="1" ht="27.75" customHeight="1" x14ac:dyDescent="0.4">
      <c r="A1007" s="13" t="s">
        <v>137</v>
      </c>
      <c r="B1007" s="9" t="s">
        <v>2009</v>
      </c>
      <c r="C1007" s="9" t="s">
        <v>2010</v>
      </c>
      <c r="D1007" s="18">
        <v>1412910594</v>
      </c>
      <c r="E1007" s="11">
        <v>46783</v>
      </c>
      <c r="F1007" s="9" t="s">
        <v>93</v>
      </c>
      <c r="G1007" s="12">
        <v>1005</v>
      </c>
      <c r="H1007" s="12">
        <f t="shared" si="30"/>
        <v>28</v>
      </c>
      <c r="I1007" s="12">
        <f t="shared" si="31"/>
        <v>16</v>
      </c>
    </row>
    <row r="1008" spans="1:35" s="5" customFormat="1" ht="27.75" customHeight="1" x14ac:dyDescent="0.4">
      <c r="A1008" s="9" t="s">
        <v>137</v>
      </c>
      <c r="B1008" s="9" t="s">
        <v>2011</v>
      </c>
      <c r="C1008" s="9" t="s">
        <v>2012</v>
      </c>
      <c r="D1008" s="18">
        <v>1412910313</v>
      </c>
      <c r="E1008" s="11">
        <v>47208</v>
      </c>
      <c r="F1008" s="9" t="s">
        <v>93</v>
      </c>
      <c r="G1008" s="5">
        <v>1006</v>
      </c>
      <c r="H1008" s="12">
        <f t="shared" si="30"/>
        <v>22</v>
      </c>
      <c r="I1008" s="12">
        <f t="shared" si="31"/>
        <v>24</v>
      </c>
    </row>
    <row r="1009" spans="1:12" s="5" customFormat="1" ht="27.75" customHeight="1" x14ac:dyDescent="0.4">
      <c r="A1009" s="9" t="s">
        <v>137</v>
      </c>
      <c r="B1009" s="9" t="s">
        <v>2013</v>
      </c>
      <c r="C1009" s="9" t="s">
        <v>2014</v>
      </c>
      <c r="D1009" s="18">
        <v>1412910784</v>
      </c>
      <c r="E1009" s="11">
        <v>47787</v>
      </c>
      <c r="F1009" s="9" t="s">
        <v>93</v>
      </c>
      <c r="G1009" s="12">
        <v>1007</v>
      </c>
      <c r="H1009" s="12">
        <f t="shared" si="30"/>
        <v>19</v>
      </c>
      <c r="I1009" s="12">
        <f t="shared" si="31"/>
        <v>24</v>
      </c>
    </row>
    <row r="1010" spans="1:12" s="5" customFormat="1" ht="27.75" customHeight="1" x14ac:dyDescent="0.4">
      <c r="A1010" s="9" t="s">
        <v>137</v>
      </c>
      <c r="B1010" s="13" t="s">
        <v>2015</v>
      </c>
      <c r="C1010" s="13" t="s">
        <v>2016</v>
      </c>
      <c r="D1010" s="18">
        <v>1412901569</v>
      </c>
      <c r="E1010" s="11">
        <v>46387</v>
      </c>
      <c r="F1010" s="9" t="s">
        <v>93</v>
      </c>
      <c r="G1010" s="5">
        <v>1008</v>
      </c>
      <c r="H1010" s="12">
        <f t="shared" si="30"/>
        <v>25</v>
      </c>
      <c r="I1010" s="12">
        <f t="shared" si="31"/>
        <v>18</v>
      </c>
    </row>
    <row r="1011" spans="1:12" s="5" customFormat="1" ht="27.75" customHeight="1" x14ac:dyDescent="0.4">
      <c r="A1011" s="9" t="s">
        <v>137</v>
      </c>
      <c r="B1011" s="9" t="s">
        <v>2017</v>
      </c>
      <c r="C1011" s="9" t="s">
        <v>2018</v>
      </c>
      <c r="D1011" s="18">
        <v>1412902450</v>
      </c>
      <c r="E1011" s="11">
        <v>46387</v>
      </c>
      <c r="F1011" s="9" t="s">
        <v>93</v>
      </c>
      <c r="G1011" s="12">
        <v>1009</v>
      </c>
      <c r="H1011" s="12">
        <f t="shared" si="30"/>
        <v>21</v>
      </c>
      <c r="I1011" s="12">
        <f t="shared" si="31"/>
        <v>20</v>
      </c>
    </row>
    <row r="1012" spans="1:12" s="5" customFormat="1" ht="27.75" customHeight="1" x14ac:dyDescent="0.4">
      <c r="A1012" s="9" t="s">
        <v>137</v>
      </c>
      <c r="B1012" s="9" t="s">
        <v>2019</v>
      </c>
      <c r="C1012" s="9" t="s">
        <v>2020</v>
      </c>
      <c r="D1012" s="18">
        <v>1412902799</v>
      </c>
      <c r="E1012" s="11">
        <v>46387</v>
      </c>
      <c r="F1012" s="9" t="s">
        <v>93</v>
      </c>
      <c r="G1012" s="5">
        <v>1010</v>
      </c>
      <c r="H1012" s="12">
        <f t="shared" si="30"/>
        <v>18</v>
      </c>
      <c r="I1012" s="12">
        <f t="shared" si="31"/>
        <v>9</v>
      </c>
      <c r="J1012" s="24"/>
      <c r="K1012" s="24"/>
      <c r="L1012" s="24"/>
    </row>
    <row r="1013" spans="1:12" s="5" customFormat="1" ht="27.75" customHeight="1" x14ac:dyDescent="0.4">
      <c r="A1013" s="9" t="s">
        <v>137</v>
      </c>
      <c r="B1013" s="9" t="s">
        <v>2021</v>
      </c>
      <c r="C1013" s="9" t="s">
        <v>2022</v>
      </c>
      <c r="D1013" s="18">
        <v>1412910388</v>
      </c>
      <c r="E1013" s="11">
        <v>47634</v>
      </c>
      <c r="F1013" s="9" t="s">
        <v>93</v>
      </c>
      <c r="G1013" s="12">
        <v>1011</v>
      </c>
      <c r="H1013" s="12">
        <f t="shared" si="30"/>
        <v>21</v>
      </c>
      <c r="I1013" s="12">
        <f t="shared" si="31"/>
        <v>11</v>
      </c>
    </row>
    <row r="1014" spans="1:12" s="5" customFormat="1" ht="27.75" customHeight="1" x14ac:dyDescent="0.4">
      <c r="A1014" s="9" t="s">
        <v>137</v>
      </c>
      <c r="B1014" s="9" t="s">
        <v>2023</v>
      </c>
      <c r="C1014" s="9" t="s">
        <v>2024</v>
      </c>
      <c r="D1014" s="23">
        <v>1412901296</v>
      </c>
      <c r="E1014" s="11">
        <v>46387</v>
      </c>
      <c r="F1014" s="9" t="s">
        <v>93</v>
      </c>
      <c r="G1014" s="5">
        <v>1012</v>
      </c>
      <c r="H1014" s="12">
        <f t="shared" si="30"/>
        <v>18</v>
      </c>
      <c r="I1014" s="12">
        <f t="shared" si="31"/>
        <v>9</v>
      </c>
    </row>
    <row r="1015" spans="1:12" s="5" customFormat="1" ht="27.75" customHeight="1" x14ac:dyDescent="0.4">
      <c r="A1015" s="9" t="s">
        <v>137</v>
      </c>
      <c r="B1015" s="9" t="s">
        <v>2025</v>
      </c>
      <c r="C1015" s="9" t="s">
        <v>2026</v>
      </c>
      <c r="D1015" s="18">
        <v>1412910479</v>
      </c>
      <c r="E1015" s="11">
        <v>48121</v>
      </c>
      <c r="F1015" s="9" t="s">
        <v>93</v>
      </c>
      <c r="G1015" s="12">
        <v>1013</v>
      </c>
      <c r="H1015" s="12">
        <f t="shared" si="30"/>
        <v>26</v>
      </c>
      <c r="I1015" s="12">
        <f t="shared" si="31"/>
        <v>19</v>
      </c>
    </row>
    <row r="1016" spans="1:12" s="5" customFormat="1" ht="27.75" customHeight="1" x14ac:dyDescent="0.4">
      <c r="A1016" s="17" t="s">
        <v>137</v>
      </c>
      <c r="B1016" s="9" t="s">
        <v>2027</v>
      </c>
      <c r="C1016" s="9" t="s">
        <v>2028</v>
      </c>
      <c r="D1016" s="18">
        <v>1412910883</v>
      </c>
      <c r="E1016" s="11">
        <v>48334</v>
      </c>
      <c r="F1016" s="9" t="s">
        <v>93</v>
      </c>
      <c r="G1016" s="5">
        <v>1014</v>
      </c>
      <c r="H1016" s="12">
        <f t="shared" si="30"/>
        <v>14</v>
      </c>
      <c r="I1016" s="12">
        <f t="shared" si="31"/>
        <v>13</v>
      </c>
    </row>
    <row r="1017" spans="1:12" s="5" customFormat="1" ht="27.75" customHeight="1" x14ac:dyDescent="0.4">
      <c r="A1017" s="9" t="s">
        <v>137</v>
      </c>
      <c r="B1017" s="9" t="s">
        <v>2029</v>
      </c>
      <c r="C1017" s="9" t="s">
        <v>2030</v>
      </c>
      <c r="D1017" s="18">
        <v>1412902641</v>
      </c>
      <c r="E1017" s="11">
        <v>46387</v>
      </c>
      <c r="F1017" s="9" t="s">
        <v>93</v>
      </c>
      <c r="G1017" s="12">
        <v>1015</v>
      </c>
      <c r="H1017" s="12">
        <f t="shared" si="30"/>
        <v>10</v>
      </c>
      <c r="I1017" s="12">
        <f t="shared" si="31"/>
        <v>12</v>
      </c>
    </row>
    <row r="1018" spans="1:12" s="5" customFormat="1" ht="27.75" customHeight="1" x14ac:dyDescent="0.4">
      <c r="A1018" s="9" t="s">
        <v>137</v>
      </c>
      <c r="B1018" s="14" t="s">
        <v>1062</v>
      </c>
      <c r="C1018" s="9" t="s">
        <v>2031</v>
      </c>
      <c r="D1018" s="18">
        <v>1412902575</v>
      </c>
      <c r="E1018" s="11">
        <v>46387</v>
      </c>
      <c r="F1018" s="9" t="s">
        <v>93</v>
      </c>
      <c r="G1018" s="5">
        <v>1016</v>
      </c>
      <c r="H1018" s="12">
        <f t="shared" si="30"/>
        <v>9</v>
      </c>
      <c r="I1018" s="12">
        <f t="shared" si="31"/>
        <v>4</v>
      </c>
    </row>
    <row r="1019" spans="1:12" s="5" customFormat="1" ht="27.75" customHeight="1" x14ac:dyDescent="0.4">
      <c r="A1019" s="9" t="s">
        <v>137</v>
      </c>
      <c r="B1019" s="9" t="s">
        <v>2032</v>
      </c>
      <c r="C1019" s="9" t="s">
        <v>2033</v>
      </c>
      <c r="D1019" s="18">
        <v>1412900116</v>
      </c>
      <c r="E1019" s="11">
        <v>46387</v>
      </c>
      <c r="F1019" s="9" t="s">
        <v>93</v>
      </c>
      <c r="G1019" s="12">
        <v>1017</v>
      </c>
      <c r="H1019" s="12">
        <f t="shared" si="30"/>
        <v>9</v>
      </c>
      <c r="I1019" s="12">
        <f t="shared" si="31"/>
        <v>4</v>
      </c>
    </row>
    <row r="1020" spans="1:12" s="5" customFormat="1" ht="27.75" customHeight="1" x14ac:dyDescent="0.4">
      <c r="A1020" s="9" t="s">
        <v>137</v>
      </c>
      <c r="B1020" s="9" t="s">
        <v>2034</v>
      </c>
      <c r="C1020" s="9" t="s">
        <v>2035</v>
      </c>
      <c r="D1020" s="18">
        <v>1412901510</v>
      </c>
      <c r="E1020" s="11">
        <v>46387</v>
      </c>
      <c r="F1020" s="9" t="s">
        <v>93</v>
      </c>
      <c r="G1020" s="5">
        <v>1018</v>
      </c>
      <c r="H1020" s="12">
        <f t="shared" si="30"/>
        <v>15</v>
      </c>
      <c r="I1020" s="12">
        <f t="shared" si="31"/>
        <v>12</v>
      </c>
    </row>
    <row r="1021" spans="1:12" s="5" customFormat="1" ht="27.75" customHeight="1" x14ac:dyDescent="0.4">
      <c r="A1021" s="9" t="s">
        <v>137</v>
      </c>
      <c r="B1021" s="14" t="s">
        <v>2036</v>
      </c>
      <c r="C1021" s="9" t="s">
        <v>2037</v>
      </c>
      <c r="D1021" s="18">
        <v>1412902153</v>
      </c>
      <c r="E1021" s="11">
        <v>46387</v>
      </c>
      <c r="F1021" s="9" t="s">
        <v>93</v>
      </c>
      <c r="G1021" s="12">
        <v>1019</v>
      </c>
      <c r="H1021" s="12">
        <f t="shared" si="30"/>
        <v>8</v>
      </c>
      <c r="I1021" s="12">
        <f t="shared" si="31"/>
        <v>6</v>
      </c>
    </row>
    <row r="1022" spans="1:12" s="5" customFormat="1" ht="27.75" customHeight="1" x14ac:dyDescent="0.4">
      <c r="A1022" s="9" t="s">
        <v>137</v>
      </c>
      <c r="B1022" s="9" t="s">
        <v>2038</v>
      </c>
      <c r="C1022" s="9" t="s">
        <v>2039</v>
      </c>
      <c r="D1022" s="18">
        <v>1412910230</v>
      </c>
      <c r="E1022" s="11">
        <v>46812</v>
      </c>
      <c r="F1022" s="9" t="s">
        <v>93</v>
      </c>
      <c r="G1022" s="5">
        <v>1020</v>
      </c>
      <c r="H1022" s="12">
        <f t="shared" si="30"/>
        <v>21</v>
      </c>
      <c r="I1022" s="12">
        <f t="shared" si="31"/>
        <v>19</v>
      </c>
    </row>
    <row r="1023" spans="1:12" s="5" customFormat="1" ht="27.75" customHeight="1" x14ac:dyDescent="0.4">
      <c r="A1023" s="9" t="s">
        <v>137</v>
      </c>
      <c r="B1023" s="9" t="s">
        <v>2040</v>
      </c>
      <c r="C1023" s="9" t="s">
        <v>2041</v>
      </c>
      <c r="D1023" s="18">
        <v>1412910024</v>
      </c>
      <c r="E1023" s="11">
        <v>46387</v>
      </c>
      <c r="F1023" s="9" t="s">
        <v>93</v>
      </c>
      <c r="G1023" s="12">
        <v>1021</v>
      </c>
      <c r="H1023" s="12">
        <f t="shared" si="30"/>
        <v>11</v>
      </c>
      <c r="I1023" s="12">
        <f t="shared" si="31"/>
        <v>16</v>
      </c>
    </row>
    <row r="1024" spans="1:12" s="5" customFormat="1" ht="27.75" customHeight="1" x14ac:dyDescent="0.4">
      <c r="A1024" s="9" t="s">
        <v>137</v>
      </c>
      <c r="B1024" s="9" t="s">
        <v>2042</v>
      </c>
      <c r="C1024" s="9" t="s">
        <v>2043</v>
      </c>
      <c r="D1024" s="18">
        <v>1412910578</v>
      </c>
      <c r="E1024" s="11">
        <v>46538</v>
      </c>
      <c r="F1024" s="9" t="s">
        <v>93</v>
      </c>
      <c r="G1024" s="5">
        <v>1022</v>
      </c>
      <c r="H1024" s="12">
        <f t="shared" si="30"/>
        <v>11</v>
      </c>
      <c r="I1024" s="12">
        <f t="shared" si="31"/>
        <v>15</v>
      </c>
    </row>
    <row r="1025" spans="1:35" s="5" customFormat="1" ht="27.75" customHeight="1" x14ac:dyDescent="0.4">
      <c r="A1025" s="9" t="s">
        <v>137</v>
      </c>
      <c r="B1025" s="9" t="s">
        <v>2044</v>
      </c>
      <c r="C1025" s="9" t="s">
        <v>2045</v>
      </c>
      <c r="D1025" s="18">
        <v>1412902377</v>
      </c>
      <c r="E1025" s="11">
        <v>46387</v>
      </c>
      <c r="F1025" s="9" t="s">
        <v>93</v>
      </c>
      <c r="G1025" s="12">
        <v>1023</v>
      </c>
      <c r="H1025" s="12">
        <f t="shared" si="30"/>
        <v>11</v>
      </c>
      <c r="I1025" s="12">
        <f t="shared" si="31"/>
        <v>7</v>
      </c>
    </row>
    <row r="1026" spans="1:35" s="5" customFormat="1" ht="27.75" customHeight="1" x14ac:dyDescent="0.4">
      <c r="A1026" s="9" t="s">
        <v>137</v>
      </c>
      <c r="B1026" s="9" t="s">
        <v>2046</v>
      </c>
      <c r="C1026" s="9" t="s">
        <v>2047</v>
      </c>
      <c r="D1026" s="18">
        <v>1412910529</v>
      </c>
      <c r="E1026" s="11">
        <v>46387</v>
      </c>
      <c r="F1026" s="9" t="s">
        <v>93</v>
      </c>
      <c r="G1026" s="5">
        <v>1024</v>
      </c>
      <c r="H1026" s="12">
        <f t="shared" si="30"/>
        <v>11</v>
      </c>
      <c r="I1026" s="12">
        <f t="shared" si="31"/>
        <v>11</v>
      </c>
      <c r="J1026" s="24"/>
      <c r="K1026" s="24"/>
      <c r="L1026" s="24"/>
      <c r="M1026" s="24"/>
      <c r="N1026" s="24"/>
      <c r="O1026" s="24"/>
      <c r="P1026" s="24"/>
      <c r="Q1026" s="24"/>
      <c r="R1026" s="24"/>
      <c r="S1026" s="24"/>
      <c r="T1026" s="24"/>
      <c r="U1026" s="24"/>
      <c r="V1026" s="24"/>
      <c r="W1026" s="24"/>
      <c r="X1026" s="24"/>
      <c r="Y1026" s="24"/>
      <c r="Z1026" s="24"/>
      <c r="AA1026" s="24"/>
      <c r="AB1026" s="24"/>
      <c r="AC1026" s="24"/>
      <c r="AD1026" s="24"/>
      <c r="AE1026" s="24"/>
      <c r="AF1026" s="24"/>
      <c r="AG1026" s="24"/>
      <c r="AH1026" s="24"/>
      <c r="AI1026" s="24"/>
    </row>
    <row r="1027" spans="1:35" s="5" customFormat="1" ht="27.75" customHeight="1" x14ac:dyDescent="0.4">
      <c r="A1027" s="9" t="s">
        <v>137</v>
      </c>
      <c r="B1027" s="9" t="s">
        <v>2048</v>
      </c>
      <c r="C1027" s="9" t="s">
        <v>2049</v>
      </c>
      <c r="D1027" s="18">
        <v>1412910131</v>
      </c>
      <c r="E1027" s="11">
        <v>46387</v>
      </c>
      <c r="F1027" s="9" t="s">
        <v>93</v>
      </c>
      <c r="G1027" s="12">
        <v>1025</v>
      </c>
      <c r="H1027" s="12">
        <f t="shared" si="30"/>
        <v>10</v>
      </c>
      <c r="I1027" s="12">
        <f t="shared" si="31"/>
        <v>23</v>
      </c>
    </row>
    <row r="1028" spans="1:35" s="5" customFormat="1" ht="27.75" customHeight="1" x14ac:dyDescent="0.4">
      <c r="A1028" s="9" t="s">
        <v>137</v>
      </c>
      <c r="B1028" s="13" t="s">
        <v>2050</v>
      </c>
      <c r="C1028" s="13" t="s">
        <v>2051</v>
      </c>
      <c r="D1028" s="18">
        <v>1412910354</v>
      </c>
      <c r="E1028" s="11">
        <v>48213</v>
      </c>
      <c r="F1028" s="9" t="s">
        <v>93</v>
      </c>
      <c r="G1028" s="5">
        <v>1026</v>
      </c>
      <c r="H1028" s="12">
        <f t="shared" ref="H1028:H1091" si="32">LEN(C1028)</f>
        <v>15</v>
      </c>
      <c r="I1028" s="12">
        <f t="shared" ref="I1028:I1091" si="33">LEN(B1028)</f>
        <v>8</v>
      </c>
    </row>
    <row r="1029" spans="1:35" s="5" customFormat="1" ht="27.75" customHeight="1" x14ac:dyDescent="0.4">
      <c r="A1029" s="9" t="s">
        <v>137</v>
      </c>
      <c r="B1029" s="13" t="s">
        <v>2052</v>
      </c>
      <c r="C1029" s="13" t="s">
        <v>2053</v>
      </c>
      <c r="D1029" s="18">
        <v>1413010501</v>
      </c>
      <c r="E1029" s="11">
        <v>48304</v>
      </c>
      <c r="F1029" s="9" t="s">
        <v>98</v>
      </c>
      <c r="G1029" s="12">
        <v>1027</v>
      </c>
      <c r="H1029" s="12">
        <f t="shared" si="32"/>
        <v>13</v>
      </c>
      <c r="I1029" s="12">
        <f t="shared" si="33"/>
        <v>11</v>
      </c>
    </row>
    <row r="1030" spans="1:35" s="5" customFormat="1" ht="27.75" customHeight="1" x14ac:dyDescent="0.4">
      <c r="A1030" s="9" t="s">
        <v>137</v>
      </c>
      <c r="B1030" s="9" t="s">
        <v>2054</v>
      </c>
      <c r="C1030" s="9" t="s">
        <v>2053</v>
      </c>
      <c r="D1030" s="18">
        <v>1413010634</v>
      </c>
      <c r="E1030" s="11">
        <v>46446</v>
      </c>
      <c r="F1030" s="9" t="s">
        <v>98</v>
      </c>
      <c r="G1030" s="5">
        <v>1028</v>
      </c>
      <c r="H1030" s="12">
        <f t="shared" si="32"/>
        <v>13</v>
      </c>
      <c r="I1030" s="12">
        <f t="shared" si="33"/>
        <v>16</v>
      </c>
    </row>
    <row r="1031" spans="1:35" s="5" customFormat="1" ht="27.75" customHeight="1" x14ac:dyDescent="0.4">
      <c r="A1031" s="9" t="s">
        <v>137</v>
      </c>
      <c r="B1031" s="16" t="s">
        <v>2055</v>
      </c>
      <c r="C1031" s="16" t="s">
        <v>2056</v>
      </c>
      <c r="D1031" s="10">
        <v>1413002748</v>
      </c>
      <c r="E1031" s="11">
        <v>46387</v>
      </c>
      <c r="F1031" s="9" t="s">
        <v>98</v>
      </c>
      <c r="G1031" s="12">
        <v>1029</v>
      </c>
      <c r="H1031" s="12">
        <f t="shared" si="32"/>
        <v>14</v>
      </c>
      <c r="I1031" s="12">
        <f t="shared" si="33"/>
        <v>9</v>
      </c>
    </row>
    <row r="1032" spans="1:35" s="5" customFormat="1" ht="27.75" customHeight="1" x14ac:dyDescent="0.4">
      <c r="A1032" s="17" t="s">
        <v>137</v>
      </c>
      <c r="B1032" s="9" t="s">
        <v>2057</v>
      </c>
      <c r="C1032" s="9" t="s">
        <v>2058</v>
      </c>
      <c r="D1032" s="18">
        <v>1413002599</v>
      </c>
      <c r="E1032" s="11">
        <v>46446</v>
      </c>
      <c r="F1032" s="9" t="s">
        <v>98</v>
      </c>
      <c r="G1032" s="5">
        <v>1030</v>
      </c>
      <c r="H1032" s="12">
        <f t="shared" si="32"/>
        <v>11</v>
      </c>
      <c r="I1032" s="12">
        <f t="shared" si="33"/>
        <v>8</v>
      </c>
    </row>
    <row r="1033" spans="1:35" s="5" customFormat="1" ht="27.75" customHeight="1" x14ac:dyDescent="0.4">
      <c r="A1033" s="9" t="s">
        <v>137</v>
      </c>
      <c r="B1033" s="13" t="s">
        <v>2059</v>
      </c>
      <c r="C1033" s="13" t="s">
        <v>2060</v>
      </c>
      <c r="D1033" s="18">
        <v>1413002607</v>
      </c>
      <c r="E1033" s="11">
        <v>46387</v>
      </c>
      <c r="F1033" s="9" t="s">
        <v>98</v>
      </c>
      <c r="G1033" s="12">
        <v>1031</v>
      </c>
      <c r="H1033" s="12">
        <f t="shared" si="32"/>
        <v>28</v>
      </c>
      <c r="I1033" s="12">
        <f t="shared" si="33"/>
        <v>13</v>
      </c>
    </row>
    <row r="1034" spans="1:35" s="5" customFormat="1" ht="27.75" customHeight="1" x14ac:dyDescent="0.4">
      <c r="A1034" s="9" t="s">
        <v>137</v>
      </c>
      <c r="B1034" s="9" t="s">
        <v>2061</v>
      </c>
      <c r="C1034" s="9" t="s">
        <v>2062</v>
      </c>
      <c r="D1034" s="18">
        <v>1413002367</v>
      </c>
      <c r="E1034" s="11">
        <v>46387</v>
      </c>
      <c r="F1034" s="9" t="s">
        <v>98</v>
      </c>
      <c r="G1034" s="5">
        <v>1032</v>
      </c>
      <c r="H1034" s="12">
        <f t="shared" si="32"/>
        <v>12</v>
      </c>
      <c r="I1034" s="12">
        <f t="shared" si="33"/>
        <v>5</v>
      </c>
    </row>
    <row r="1035" spans="1:35" s="5" customFormat="1" ht="27.75" customHeight="1" x14ac:dyDescent="0.4">
      <c r="A1035" s="9" t="s">
        <v>137</v>
      </c>
      <c r="B1035" s="9" t="s">
        <v>2063</v>
      </c>
      <c r="C1035" s="9" t="s">
        <v>2064</v>
      </c>
      <c r="D1035" s="18">
        <v>1413002375</v>
      </c>
      <c r="E1035" s="11">
        <v>46387</v>
      </c>
      <c r="F1035" s="9" t="s">
        <v>98</v>
      </c>
      <c r="G1035" s="12">
        <v>1033</v>
      </c>
      <c r="H1035" s="12">
        <f t="shared" si="32"/>
        <v>11</v>
      </c>
      <c r="I1035" s="12">
        <f t="shared" si="33"/>
        <v>8</v>
      </c>
    </row>
    <row r="1036" spans="1:35" s="5" customFormat="1" ht="27.75" customHeight="1" x14ac:dyDescent="0.4">
      <c r="A1036" s="9" t="s">
        <v>137</v>
      </c>
      <c r="B1036" s="9" t="s">
        <v>2065</v>
      </c>
      <c r="C1036" s="9" t="s">
        <v>2066</v>
      </c>
      <c r="D1036" s="18">
        <v>1413003852</v>
      </c>
      <c r="E1036" s="11">
        <v>47879</v>
      </c>
      <c r="F1036" s="9" t="s">
        <v>98</v>
      </c>
      <c r="G1036" s="5">
        <v>1034</v>
      </c>
      <c r="H1036" s="12">
        <f t="shared" si="32"/>
        <v>11</v>
      </c>
      <c r="I1036" s="12">
        <f t="shared" si="33"/>
        <v>16</v>
      </c>
    </row>
    <row r="1037" spans="1:35" s="5" customFormat="1" ht="27.75" customHeight="1" x14ac:dyDescent="0.4">
      <c r="A1037" s="9" t="s">
        <v>137</v>
      </c>
      <c r="B1037" s="9" t="s">
        <v>2067</v>
      </c>
      <c r="C1037" s="9" t="s">
        <v>2068</v>
      </c>
      <c r="D1037" s="18">
        <v>1413003365</v>
      </c>
      <c r="E1037" s="11">
        <v>46418</v>
      </c>
      <c r="F1037" s="9" t="s">
        <v>98</v>
      </c>
      <c r="G1037" s="12">
        <v>1035</v>
      </c>
      <c r="H1037" s="12">
        <f t="shared" si="32"/>
        <v>13</v>
      </c>
      <c r="I1037" s="12">
        <f t="shared" si="33"/>
        <v>13</v>
      </c>
      <c r="J1037" s="12"/>
      <c r="K1037" s="12"/>
      <c r="L1037" s="12"/>
      <c r="M1037" s="12"/>
      <c r="N1037" s="12"/>
      <c r="O1037" s="12"/>
      <c r="P1037" s="12"/>
      <c r="Q1037" s="12"/>
      <c r="R1037" s="12"/>
      <c r="S1037" s="12"/>
      <c r="T1037" s="12"/>
      <c r="U1037" s="12"/>
      <c r="V1037" s="12"/>
      <c r="W1037" s="12"/>
      <c r="X1037" s="12"/>
      <c r="Y1037" s="12"/>
      <c r="Z1037" s="12"/>
      <c r="AA1037" s="12"/>
      <c r="AB1037" s="12"/>
      <c r="AC1037" s="12"/>
      <c r="AD1037" s="12"/>
      <c r="AE1037" s="12"/>
      <c r="AF1037" s="12"/>
      <c r="AG1037" s="12"/>
      <c r="AH1037" s="12"/>
      <c r="AI1037" s="12"/>
    </row>
    <row r="1038" spans="1:35" s="5" customFormat="1" ht="27.75" customHeight="1" x14ac:dyDescent="0.4">
      <c r="A1038" s="9" t="s">
        <v>137</v>
      </c>
      <c r="B1038" s="9" t="s">
        <v>2069</v>
      </c>
      <c r="C1038" s="9" t="s">
        <v>2070</v>
      </c>
      <c r="D1038" s="18">
        <v>1413003753</v>
      </c>
      <c r="E1038" s="11">
        <v>46387</v>
      </c>
      <c r="F1038" s="9" t="s">
        <v>98</v>
      </c>
      <c r="G1038" s="5">
        <v>1036</v>
      </c>
      <c r="H1038" s="12">
        <f t="shared" si="32"/>
        <v>25</v>
      </c>
      <c r="I1038" s="12">
        <f t="shared" si="33"/>
        <v>8</v>
      </c>
    </row>
    <row r="1039" spans="1:35" s="5" customFormat="1" ht="27.75" customHeight="1" x14ac:dyDescent="0.4">
      <c r="A1039" s="9" t="s">
        <v>137</v>
      </c>
      <c r="B1039" s="9" t="s">
        <v>2071</v>
      </c>
      <c r="C1039" s="9" t="s">
        <v>2072</v>
      </c>
      <c r="D1039" s="18">
        <v>1413003811</v>
      </c>
      <c r="E1039" s="11">
        <v>46387</v>
      </c>
      <c r="F1039" s="9" t="s">
        <v>98</v>
      </c>
      <c r="G1039" s="12">
        <v>1037</v>
      </c>
      <c r="H1039" s="12">
        <f t="shared" si="32"/>
        <v>18</v>
      </c>
      <c r="I1039" s="12">
        <f t="shared" si="33"/>
        <v>10</v>
      </c>
    </row>
    <row r="1040" spans="1:35" s="5" customFormat="1" ht="27.75" customHeight="1" x14ac:dyDescent="0.4">
      <c r="A1040" s="9" t="s">
        <v>137</v>
      </c>
      <c r="B1040" s="13" t="s">
        <v>2073</v>
      </c>
      <c r="C1040" s="9" t="s">
        <v>2074</v>
      </c>
      <c r="D1040" s="18">
        <v>1413003464</v>
      </c>
      <c r="E1040" s="11">
        <v>46387</v>
      </c>
      <c r="F1040" s="9" t="s">
        <v>98</v>
      </c>
      <c r="G1040" s="5">
        <v>1038</v>
      </c>
      <c r="H1040" s="12">
        <f t="shared" si="32"/>
        <v>11</v>
      </c>
      <c r="I1040" s="12">
        <f t="shared" si="33"/>
        <v>9</v>
      </c>
    </row>
    <row r="1041" spans="1:35" s="5" customFormat="1" ht="27.75" customHeight="1" x14ac:dyDescent="0.4">
      <c r="A1041" s="9" t="s">
        <v>137</v>
      </c>
      <c r="B1041" s="9" t="s">
        <v>2075</v>
      </c>
      <c r="C1041" s="9" t="s">
        <v>2076</v>
      </c>
      <c r="D1041" s="18">
        <v>1413010014</v>
      </c>
      <c r="E1041" s="11">
        <v>46387</v>
      </c>
      <c r="F1041" s="9" t="s">
        <v>98</v>
      </c>
      <c r="G1041" s="12">
        <v>1039</v>
      </c>
      <c r="H1041" s="12">
        <f t="shared" si="32"/>
        <v>10</v>
      </c>
      <c r="I1041" s="12">
        <f t="shared" si="33"/>
        <v>11</v>
      </c>
    </row>
    <row r="1042" spans="1:35" s="5" customFormat="1" ht="27.75" customHeight="1" x14ac:dyDescent="0.4">
      <c r="A1042" s="9" t="s">
        <v>137</v>
      </c>
      <c r="B1042" s="9" t="s">
        <v>2077</v>
      </c>
      <c r="C1042" s="9" t="s">
        <v>2078</v>
      </c>
      <c r="D1042" s="18">
        <v>1413001575</v>
      </c>
      <c r="E1042" s="11">
        <v>46387</v>
      </c>
      <c r="F1042" s="9" t="s">
        <v>98</v>
      </c>
      <c r="G1042" s="5">
        <v>1040</v>
      </c>
      <c r="H1042" s="12">
        <f t="shared" si="32"/>
        <v>11</v>
      </c>
      <c r="I1042" s="12">
        <f t="shared" si="33"/>
        <v>6</v>
      </c>
    </row>
    <row r="1043" spans="1:35" s="5" customFormat="1" ht="27.75" customHeight="1" x14ac:dyDescent="0.4">
      <c r="A1043" s="17" t="s">
        <v>137</v>
      </c>
      <c r="B1043" s="19" t="s">
        <v>2079</v>
      </c>
      <c r="C1043" s="19" t="s">
        <v>2080</v>
      </c>
      <c r="D1043" s="20">
        <v>1413010105</v>
      </c>
      <c r="E1043" s="11">
        <v>46934</v>
      </c>
      <c r="F1043" s="9" t="s">
        <v>98</v>
      </c>
      <c r="G1043" s="12">
        <v>1041</v>
      </c>
      <c r="H1043" s="12">
        <f t="shared" si="32"/>
        <v>14</v>
      </c>
      <c r="I1043" s="12">
        <f t="shared" si="33"/>
        <v>7</v>
      </c>
    </row>
    <row r="1044" spans="1:35" s="5" customFormat="1" ht="27.75" customHeight="1" x14ac:dyDescent="0.4">
      <c r="A1044" s="9" t="s">
        <v>137</v>
      </c>
      <c r="B1044" s="9" t="s">
        <v>2081</v>
      </c>
      <c r="C1044" s="9" t="s">
        <v>2082</v>
      </c>
      <c r="D1044" s="18">
        <v>1413010923</v>
      </c>
      <c r="E1044" s="11">
        <v>47938</v>
      </c>
      <c r="F1044" s="9" t="s">
        <v>98</v>
      </c>
      <c r="G1044" s="5">
        <v>1042</v>
      </c>
      <c r="H1044" s="12">
        <f t="shared" si="32"/>
        <v>25</v>
      </c>
      <c r="I1044" s="12">
        <f t="shared" si="33"/>
        <v>15</v>
      </c>
    </row>
    <row r="1045" spans="1:35" s="5" customFormat="1" ht="27.75" customHeight="1" x14ac:dyDescent="0.4">
      <c r="A1045" s="9" t="s">
        <v>137</v>
      </c>
      <c r="B1045" s="9" t="s">
        <v>2083</v>
      </c>
      <c r="C1045" s="9" t="s">
        <v>2084</v>
      </c>
      <c r="D1045" s="18">
        <v>1413010485</v>
      </c>
      <c r="E1045" s="11">
        <v>46446</v>
      </c>
      <c r="F1045" s="9" t="s">
        <v>98</v>
      </c>
      <c r="G1045" s="12">
        <v>1043</v>
      </c>
      <c r="H1045" s="12">
        <f t="shared" si="32"/>
        <v>20</v>
      </c>
      <c r="I1045" s="12">
        <f t="shared" si="33"/>
        <v>11</v>
      </c>
    </row>
    <row r="1046" spans="1:35" s="5" customFormat="1" ht="27.75" customHeight="1" x14ac:dyDescent="0.4">
      <c r="A1046" s="9" t="s">
        <v>137</v>
      </c>
      <c r="B1046" s="9" t="s">
        <v>2085</v>
      </c>
      <c r="C1046" s="9" t="s">
        <v>2086</v>
      </c>
      <c r="D1046" s="18">
        <v>1413001641</v>
      </c>
      <c r="E1046" s="11">
        <v>46387</v>
      </c>
      <c r="F1046" s="9" t="s">
        <v>98</v>
      </c>
      <c r="G1046" s="5">
        <v>1044</v>
      </c>
      <c r="H1046" s="12">
        <f t="shared" si="32"/>
        <v>11</v>
      </c>
      <c r="I1046" s="12">
        <f t="shared" si="33"/>
        <v>11</v>
      </c>
    </row>
    <row r="1047" spans="1:35" s="5" customFormat="1" ht="27.75" customHeight="1" x14ac:dyDescent="0.4">
      <c r="A1047" s="9" t="s">
        <v>137</v>
      </c>
      <c r="B1047" s="9" t="s">
        <v>2087</v>
      </c>
      <c r="C1047" s="9" t="s">
        <v>2088</v>
      </c>
      <c r="D1047" s="18">
        <v>1413002433</v>
      </c>
      <c r="E1047" s="11">
        <v>46387</v>
      </c>
      <c r="F1047" s="9" t="s">
        <v>98</v>
      </c>
      <c r="G1047" s="12">
        <v>1045</v>
      </c>
      <c r="H1047" s="12">
        <f t="shared" si="32"/>
        <v>12</v>
      </c>
      <c r="I1047" s="12">
        <f t="shared" si="33"/>
        <v>11</v>
      </c>
    </row>
    <row r="1048" spans="1:35" s="5" customFormat="1" ht="27.75" customHeight="1" x14ac:dyDescent="0.4">
      <c r="A1048" s="9" t="s">
        <v>137</v>
      </c>
      <c r="B1048" s="9" t="s">
        <v>2089</v>
      </c>
      <c r="C1048" s="9" t="s">
        <v>2090</v>
      </c>
      <c r="D1048" s="18">
        <v>1413000668</v>
      </c>
      <c r="E1048" s="11">
        <v>46387</v>
      </c>
      <c r="F1048" s="9" t="s">
        <v>98</v>
      </c>
      <c r="G1048" s="5">
        <v>1046</v>
      </c>
      <c r="H1048" s="12">
        <f t="shared" si="32"/>
        <v>11</v>
      </c>
      <c r="I1048" s="12">
        <f t="shared" si="33"/>
        <v>6</v>
      </c>
    </row>
    <row r="1049" spans="1:35" s="5" customFormat="1" ht="27.75" customHeight="1" x14ac:dyDescent="0.4">
      <c r="A1049" s="9" t="s">
        <v>137</v>
      </c>
      <c r="B1049" s="9" t="s">
        <v>2091</v>
      </c>
      <c r="C1049" s="9" t="s">
        <v>2092</v>
      </c>
      <c r="D1049" s="18">
        <v>1413001930</v>
      </c>
      <c r="E1049" s="11">
        <v>46387</v>
      </c>
      <c r="F1049" s="9" t="s">
        <v>98</v>
      </c>
      <c r="G1049" s="12">
        <v>1047</v>
      </c>
      <c r="H1049" s="12">
        <f t="shared" si="32"/>
        <v>13</v>
      </c>
      <c r="I1049" s="12">
        <f t="shared" si="33"/>
        <v>14</v>
      </c>
    </row>
    <row r="1050" spans="1:35" s="5" customFormat="1" ht="27.75" customHeight="1" x14ac:dyDescent="0.4">
      <c r="A1050" s="9" t="s">
        <v>137</v>
      </c>
      <c r="B1050" s="9" t="s">
        <v>1864</v>
      </c>
      <c r="C1050" s="9" t="s">
        <v>2093</v>
      </c>
      <c r="D1050" s="18">
        <v>1413010162</v>
      </c>
      <c r="E1050" s="11">
        <v>46599</v>
      </c>
      <c r="F1050" s="9" t="s">
        <v>98</v>
      </c>
      <c r="G1050" s="5">
        <v>1048</v>
      </c>
      <c r="H1050" s="12">
        <f t="shared" si="32"/>
        <v>15</v>
      </c>
      <c r="I1050" s="12">
        <f t="shared" si="33"/>
        <v>4</v>
      </c>
    </row>
    <row r="1051" spans="1:35" s="5" customFormat="1" ht="27.75" customHeight="1" x14ac:dyDescent="0.4">
      <c r="A1051" s="9" t="s">
        <v>137</v>
      </c>
      <c r="B1051" s="9" t="s">
        <v>2094</v>
      </c>
      <c r="C1051" s="9" t="s">
        <v>2095</v>
      </c>
      <c r="D1051" s="18">
        <v>1413010980</v>
      </c>
      <c r="E1051" s="11">
        <v>48121</v>
      </c>
      <c r="F1051" s="9" t="s">
        <v>98</v>
      </c>
      <c r="G1051" s="12">
        <v>1049</v>
      </c>
      <c r="H1051" s="12">
        <f t="shared" si="32"/>
        <v>27</v>
      </c>
      <c r="I1051" s="12">
        <f t="shared" si="33"/>
        <v>24</v>
      </c>
    </row>
    <row r="1052" spans="1:35" s="5" customFormat="1" ht="27.75" customHeight="1" x14ac:dyDescent="0.4">
      <c r="A1052" s="9" t="s">
        <v>137</v>
      </c>
      <c r="B1052" s="9" t="s">
        <v>2096</v>
      </c>
      <c r="C1052" s="9" t="s">
        <v>2097</v>
      </c>
      <c r="D1052" s="18">
        <v>1413010741</v>
      </c>
      <c r="E1052" s="11">
        <v>47238</v>
      </c>
      <c r="F1052" s="9" t="s">
        <v>98</v>
      </c>
      <c r="G1052" s="5">
        <v>1050</v>
      </c>
      <c r="H1052" s="12">
        <f t="shared" si="32"/>
        <v>15</v>
      </c>
      <c r="I1052" s="12">
        <f t="shared" si="33"/>
        <v>11</v>
      </c>
    </row>
    <row r="1053" spans="1:35" s="5" customFormat="1" ht="27.75" customHeight="1" x14ac:dyDescent="0.4">
      <c r="A1053" s="15" t="s">
        <v>137</v>
      </c>
      <c r="B1053" s="16" t="s">
        <v>2098</v>
      </c>
      <c r="C1053" s="22" t="s">
        <v>2099</v>
      </c>
      <c r="D1053" s="10">
        <v>1413010311</v>
      </c>
      <c r="E1053" s="11">
        <v>47330</v>
      </c>
      <c r="F1053" s="9" t="s">
        <v>98</v>
      </c>
      <c r="G1053" s="12">
        <v>1051</v>
      </c>
      <c r="H1053" s="12">
        <f t="shared" si="32"/>
        <v>22</v>
      </c>
      <c r="I1053" s="12">
        <f t="shared" si="33"/>
        <v>7</v>
      </c>
    </row>
    <row r="1054" spans="1:35" s="5" customFormat="1" ht="27.75" customHeight="1" x14ac:dyDescent="0.4">
      <c r="A1054" s="9" t="s">
        <v>137</v>
      </c>
      <c r="B1054" s="15" t="s">
        <v>2100</v>
      </c>
      <c r="C1054" s="16" t="s">
        <v>2101</v>
      </c>
      <c r="D1054" s="10">
        <v>1413001989</v>
      </c>
      <c r="E1054" s="11">
        <v>46387</v>
      </c>
      <c r="F1054" s="9" t="s">
        <v>98</v>
      </c>
      <c r="G1054" s="5">
        <v>1052</v>
      </c>
      <c r="H1054" s="12">
        <f t="shared" si="32"/>
        <v>15</v>
      </c>
      <c r="I1054" s="12">
        <f t="shared" si="33"/>
        <v>16</v>
      </c>
      <c r="J1054" s="12"/>
      <c r="K1054" s="12"/>
      <c r="L1054" s="12"/>
      <c r="M1054" s="12"/>
      <c r="N1054" s="12"/>
      <c r="O1054" s="12"/>
      <c r="P1054" s="12"/>
      <c r="Q1054" s="12"/>
      <c r="R1054" s="12"/>
      <c r="S1054" s="12"/>
      <c r="T1054" s="12"/>
      <c r="U1054" s="12"/>
      <c r="V1054" s="12"/>
      <c r="W1054" s="12"/>
      <c r="X1054" s="12"/>
      <c r="Y1054" s="12"/>
      <c r="Z1054" s="12"/>
      <c r="AA1054" s="12"/>
      <c r="AB1054" s="12"/>
      <c r="AC1054" s="12"/>
      <c r="AD1054" s="12"/>
      <c r="AE1054" s="12"/>
      <c r="AF1054" s="12"/>
      <c r="AG1054" s="12"/>
      <c r="AH1054" s="12"/>
      <c r="AI1054" s="12"/>
    </row>
    <row r="1055" spans="1:35" s="5" customFormat="1" ht="27.75" customHeight="1" x14ac:dyDescent="0.4">
      <c r="A1055" s="9" t="s">
        <v>137</v>
      </c>
      <c r="B1055" s="16" t="s">
        <v>2102</v>
      </c>
      <c r="C1055" s="52" t="s">
        <v>2103</v>
      </c>
      <c r="D1055" s="10">
        <v>1413010303</v>
      </c>
      <c r="E1055" s="11">
        <v>47330</v>
      </c>
      <c r="F1055" s="9" t="s">
        <v>98</v>
      </c>
      <c r="G1055" s="12">
        <v>1053</v>
      </c>
      <c r="H1055" s="12">
        <f t="shared" si="32"/>
        <v>33</v>
      </c>
      <c r="I1055" s="12">
        <f t="shared" si="33"/>
        <v>15</v>
      </c>
    </row>
    <row r="1056" spans="1:35" s="5" customFormat="1" ht="27.75" customHeight="1" x14ac:dyDescent="0.4">
      <c r="A1056" s="9" t="s">
        <v>137</v>
      </c>
      <c r="B1056" s="9" t="s">
        <v>2104</v>
      </c>
      <c r="C1056" s="9" t="s">
        <v>2105</v>
      </c>
      <c r="D1056" s="18">
        <v>1413010469</v>
      </c>
      <c r="E1056" s="11">
        <v>48091</v>
      </c>
      <c r="F1056" s="9" t="s">
        <v>98</v>
      </c>
      <c r="G1056" s="5">
        <v>1054</v>
      </c>
      <c r="H1056" s="12">
        <f t="shared" si="32"/>
        <v>20</v>
      </c>
      <c r="I1056" s="12">
        <f t="shared" si="33"/>
        <v>29</v>
      </c>
    </row>
    <row r="1057" spans="1:35" s="5" customFormat="1" ht="27.75" customHeight="1" x14ac:dyDescent="0.4">
      <c r="A1057" s="9" t="s">
        <v>137</v>
      </c>
      <c r="B1057" s="9" t="s">
        <v>2106</v>
      </c>
      <c r="C1057" s="9" t="s">
        <v>2107</v>
      </c>
      <c r="D1057" s="18">
        <v>1413001765</v>
      </c>
      <c r="E1057" s="11">
        <v>46387</v>
      </c>
      <c r="F1057" s="9" t="s">
        <v>98</v>
      </c>
      <c r="G1057" s="12">
        <v>1055</v>
      </c>
      <c r="H1057" s="12">
        <f t="shared" si="32"/>
        <v>11</v>
      </c>
      <c r="I1057" s="12">
        <f t="shared" si="33"/>
        <v>20</v>
      </c>
    </row>
    <row r="1058" spans="1:35" s="5" customFormat="1" ht="27.75" customHeight="1" x14ac:dyDescent="0.4">
      <c r="A1058" s="17" t="s">
        <v>137</v>
      </c>
      <c r="B1058" s="9" t="s">
        <v>2108</v>
      </c>
      <c r="C1058" s="9" t="s">
        <v>2109</v>
      </c>
      <c r="D1058" s="18">
        <v>1413002276</v>
      </c>
      <c r="E1058" s="11">
        <v>46387</v>
      </c>
      <c r="F1058" s="9" t="s">
        <v>98</v>
      </c>
      <c r="G1058" s="5">
        <v>1056</v>
      </c>
      <c r="H1058" s="12">
        <f t="shared" si="32"/>
        <v>14</v>
      </c>
      <c r="I1058" s="12">
        <f t="shared" si="33"/>
        <v>18</v>
      </c>
    </row>
    <row r="1059" spans="1:35" s="5" customFormat="1" ht="27.75" customHeight="1" x14ac:dyDescent="0.4">
      <c r="A1059" s="9" t="s">
        <v>137</v>
      </c>
      <c r="B1059" s="15" t="s">
        <v>2110</v>
      </c>
      <c r="C1059" s="15" t="s">
        <v>2111</v>
      </c>
      <c r="D1059" s="21">
        <v>1413002813</v>
      </c>
      <c r="E1059" s="11">
        <v>47879</v>
      </c>
      <c r="F1059" s="9" t="s">
        <v>98</v>
      </c>
      <c r="G1059" s="12">
        <v>1057</v>
      </c>
      <c r="H1059" s="12">
        <f t="shared" si="32"/>
        <v>11</v>
      </c>
      <c r="I1059" s="12">
        <f t="shared" si="33"/>
        <v>7</v>
      </c>
    </row>
    <row r="1060" spans="1:35" s="5" customFormat="1" ht="27.75" customHeight="1" x14ac:dyDescent="0.4">
      <c r="A1060" s="9" t="s">
        <v>137</v>
      </c>
      <c r="B1060" s="15" t="s">
        <v>2112</v>
      </c>
      <c r="C1060" s="16" t="s">
        <v>2113</v>
      </c>
      <c r="D1060" s="10">
        <v>1413003845</v>
      </c>
      <c r="E1060" s="27">
        <v>46387</v>
      </c>
      <c r="F1060" s="9" t="s">
        <v>98</v>
      </c>
      <c r="G1060" s="5">
        <v>1058</v>
      </c>
      <c r="H1060" s="12">
        <f t="shared" si="32"/>
        <v>24</v>
      </c>
      <c r="I1060" s="12">
        <f t="shared" si="33"/>
        <v>17</v>
      </c>
    </row>
    <row r="1061" spans="1:35" s="5" customFormat="1" ht="27.75" customHeight="1" x14ac:dyDescent="0.4">
      <c r="A1061" s="9" t="s">
        <v>137</v>
      </c>
      <c r="B1061" s="9" t="s">
        <v>2114</v>
      </c>
      <c r="C1061" s="9" t="s">
        <v>2115</v>
      </c>
      <c r="D1061" s="18">
        <v>1413010071</v>
      </c>
      <c r="E1061" s="11">
        <v>46387</v>
      </c>
      <c r="F1061" s="9" t="s">
        <v>98</v>
      </c>
      <c r="G1061" s="12">
        <v>1059</v>
      </c>
      <c r="H1061" s="12">
        <f t="shared" si="32"/>
        <v>14</v>
      </c>
      <c r="I1061" s="12">
        <f t="shared" si="33"/>
        <v>23</v>
      </c>
    </row>
    <row r="1062" spans="1:35" s="5" customFormat="1" ht="27.75" customHeight="1" x14ac:dyDescent="0.4">
      <c r="A1062" s="9" t="s">
        <v>137</v>
      </c>
      <c r="B1062" s="9" t="s">
        <v>2116</v>
      </c>
      <c r="C1062" s="9" t="s">
        <v>2117</v>
      </c>
      <c r="D1062" s="18">
        <v>1413003159</v>
      </c>
      <c r="E1062" s="11">
        <v>46387</v>
      </c>
      <c r="F1062" s="9" t="s">
        <v>98</v>
      </c>
      <c r="G1062" s="5">
        <v>1060</v>
      </c>
      <c r="H1062" s="12">
        <f t="shared" si="32"/>
        <v>15</v>
      </c>
      <c r="I1062" s="12">
        <f t="shared" si="33"/>
        <v>7</v>
      </c>
    </row>
    <row r="1063" spans="1:35" s="5" customFormat="1" ht="27.75" customHeight="1" x14ac:dyDescent="0.4">
      <c r="A1063" s="9" t="s">
        <v>137</v>
      </c>
      <c r="B1063" s="9" t="s">
        <v>2118</v>
      </c>
      <c r="C1063" s="9" t="s">
        <v>2119</v>
      </c>
      <c r="D1063" s="18">
        <v>1413010766</v>
      </c>
      <c r="E1063" s="11">
        <v>47361</v>
      </c>
      <c r="F1063" s="9" t="s">
        <v>98</v>
      </c>
      <c r="G1063" s="12">
        <v>1061</v>
      </c>
      <c r="H1063" s="12">
        <f t="shared" si="32"/>
        <v>20</v>
      </c>
      <c r="I1063" s="12">
        <f t="shared" si="33"/>
        <v>23</v>
      </c>
    </row>
    <row r="1064" spans="1:35" s="5" customFormat="1" ht="27.75" customHeight="1" x14ac:dyDescent="0.4">
      <c r="A1064" s="9" t="s">
        <v>137</v>
      </c>
      <c r="B1064" s="9" t="s">
        <v>2120</v>
      </c>
      <c r="C1064" s="9" t="s">
        <v>2121</v>
      </c>
      <c r="D1064" s="18">
        <v>1413010964</v>
      </c>
      <c r="E1064" s="11">
        <v>48029</v>
      </c>
      <c r="F1064" s="9" t="s">
        <v>98</v>
      </c>
      <c r="G1064" s="5">
        <v>1062</v>
      </c>
      <c r="H1064" s="12">
        <f t="shared" si="32"/>
        <v>13</v>
      </c>
      <c r="I1064" s="12">
        <f t="shared" si="33"/>
        <v>10</v>
      </c>
      <c r="J1064" s="12"/>
      <c r="K1064" s="12"/>
      <c r="L1064" s="12"/>
      <c r="M1064" s="12"/>
      <c r="N1064" s="12"/>
      <c r="O1064" s="12"/>
      <c r="P1064" s="12"/>
      <c r="Q1064" s="12"/>
      <c r="R1064" s="12"/>
      <c r="S1064" s="12"/>
      <c r="T1064" s="12"/>
      <c r="U1064" s="12"/>
      <c r="V1064" s="12"/>
      <c r="W1064" s="12"/>
      <c r="X1064" s="12"/>
      <c r="Y1064" s="12"/>
      <c r="Z1064" s="12"/>
      <c r="AA1064" s="12"/>
      <c r="AB1064" s="12"/>
      <c r="AC1064" s="12"/>
      <c r="AD1064" s="12"/>
      <c r="AE1064" s="12"/>
      <c r="AF1064" s="12"/>
      <c r="AG1064" s="12"/>
      <c r="AH1064" s="12"/>
      <c r="AI1064" s="12"/>
    </row>
    <row r="1065" spans="1:35" s="5" customFormat="1" ht="27.75" customHeight="1" x14ac:dyDescent="0.4">
      <c r="A1065" s="9" t="s">
        <v>137</v>
      </c>
      <c r="B1065" s="14" t="s">
        <v>2122</v>
      </c>
      <c r="C1065" s="9" t="s">
        <v>2123</v>
      </c>
      <c r="D1065" s="18">
        <v>1413001443</v>
      </c>
      <c r="E1065" s="11">
        <v>46387</v>
      </c>
      <c r="F1065" s="9" t="s">
        <v>98</v>
      </c>
      <c r="G1065" s="12">
        <v>1063</v>
      </c>
      <c r="H1065" s="12">
        <f t="shared" si="32"/>
        <v>20</v>
      </c>
      <c r="I1065" s="12">
        <f t="shared" si="33"/>
        <v>4</v>
      </c>
    </row>
    <row r="1066" spans="1:35" s="5" customFormat="1" ht="27.75" customHeight="1" x14ac:dyDescent="0.4">
      <c r="A1066" s="9" t="s">
        <v>137</v>
      </c>
      <c r="B1066" s="16" t="s">
        <v>2124</v>
      </c>
      <c r="C1066" s="16" t="s">
        <v>2125</v>
      </c>
      <c r="D1066" s="10">
        <v>1413010154</v>
      </c>
      <c r="E1066" s="11">
        <v>46387</v>
      </c>
      <c r="F1066" s="9" t="s">
        <v>98</v>
      </c>
      <c r="G1066" s="5">
        <v>1064</v>
      </c>
      <c r="H1066" s="12">
        <f t="shared" si="32"/>
        <v>14</v>
      </c>
      <c r="I1066" s="12">
        <f t="shared" si="33"/>
        <v>18</v>
      </c>
    </row>
    <row r="1067" spans="1:35" s="5" customFormat="1" ht="27.75" customHeight="1" x14ac:dyDescent="0.4">
      <c r="A1067" s="29" t="s">
        <v>137</v>
      </c>
      <c r="B1067" s="29" t="s">
        <v>2126</v>
      </c>
      <c r="C1067" s="22" t="s">
        <v>2127</v>
      </c>
      <c r="D1067" s="10">
        <v>1413003654</v>
      </c>
      <c r="E1067" s="11">
        <v>46387</v>
      </c>
      <c r="F1067" s="9" t="s">
        <v>98</v>
      </c>
      <c r="G1067" s="12">
        <v>1065</v>
      </c>
      <c r="H1067" s="12">
        <f t="shared" si="32"/>
        <v>11</v>
      </c>
      <c r="I1067" s="12">
        <f t="shared" si="33"/>
        <v>20</v>
      </c>
    </row>
    <row r="1068" spans="1:35" s="5" customFormat="1" ht="27.75" customHeight="1" x14ac:dyDescent="0.4">
      <c r="A1068" s="9" t="s">
        <v>137</v>
      </c>
      <c r="B1068" s="9" t="s">
        <v>2128</v>
      </c>
      <c r="C1068" s="9" t="s">
        <v>2129</v>
      </c>
      <c r="D1068" s="18">
        <v>1413010428</v>
      </c>
      <c r="E1068" s="11">
        <v>47726</v>
      </c>
      <c r="F1068" s="9" t="s">
        <v>98</v>
      </c>
      <c r="G1068" s="5">
        <v>1066</v>
      </c>
      <c r="H1068" s="12">
        <f t="shared" si="32"/>
        <v>27</v>
      </c>
      <c r="I1068" s="12">
        <f t="shared" si="33"/>
        <v>11</v>
      </c>
    </row>
    <row r="1069" spans="1:35" s="5" customFormat="1" ht="27.75" customHeight="1" x14ac:dyDescent="0.4">
      <c r="A1069" s="9" t="s">
        <v>137</v>
      </c>
      <c r="B1069" s="9" t="s">
        <v>2130</v>
      </c>
      <c r="C1069" s="9" t="s">
        <v>2131</v>
      </c>
      <c r="D1069" s="18">
        <v>1413002615</v>
      </c>
      <c r="E1069" s="11">
        <v>47634</v>
      </c>
      <c r="F1069" s="9" t="s">
        <v>98</v>
      </c>
      <c r="G1069" s="12">
        <v>1067</v>
      </c>
      <c r="H1069" s="12">
        <f t="shared" si="32"/>
        <v>19</v>
      </c>
      <c r="I1069" s="12">
        <f t="shared" si="33"/>
        <v>7</v>
      </c>
    </row>
    <row r="1070" spans="1:35" s="5" customFormat="1" ht="27.75" customHeight="1" x14ac:dyDescent="0.4">
      <c r="A1070" s="9" t="s">
        <v>137</v>
      </c>
      <c r="B1070" s="9" t="s">
        <v>2132</v>
      </c>
      <c r="C1070" s="9" t="s">
        <v>2133</v>
      </c>
      <c r="D1070" s="18">
        <v>1413003621</v>
      </c>
      <c r="E1070" s="11">
        <v>46387</v>
      </c>
      <c r="F1070" s="9" t="s">
        <v>98</v>
      </c>
      <c r="G1070" s="5">
        <v>1068</v>
      </c>
      <c r="H1070" s="12">
        <f t="shared" si="32"/>
        <v>17</v>
      </c>
      <c r="I1070" s="12">
        <f t="shared" si="33"/>
        <v>14</v>
      </c>
    </row>
    <row r="1071" spans="1:35" s="5" customFormat="1" ht="27.75" customHeight="1" x14ac:dyDescent="0.4">
      <c r="A1071" s="9" t="s">
        <v>137</v>
      </c>
      <c r="B1071" s="13" t="s">
        <v>2134</v>
      </c>
      <c r="C1071" s="13" t="s">
        <v>2135</v>
      </c>
      <c r="D1071" s="18">
        <v>1413010618</v>
      </c>
      <c r="E1071" s="11">
        <v>47514</v>
      </c>
      <c r="F1071" s="9" t="s">
        <v>98</v>
      </c>
      <c r="G1071" s="12">
        <v>1069</v>
      </c>
      <c r="H1071" s="12">
        <f t="shared" si="32"/>
        <v>21</v>
      </c>
      <c r="I1071" s="12">
        <f t="shared" si="33"/>
        <v>13</v>
      </c>
    </row>
    <row r="1072" spans="1:35" s="5" customFormat="1" ht="27.75" customHeight="1" x14ac:dyDescent="0.4">
      <c r="A1072" s="9" t="s">
        <v>137</v>
      </c>
      <c r="B1072" s="9" t="s">
        <v>2136</v>
      </c>
      <c r="C1072" s="9" t="s">
        <v>2137</v>
      </c>
      <c r="D1072" s="18">
        <v>1413001302</v>
      </c>
      <c r="E1072" s="11">
        <v>46387</v>
      </c>
      <c r="F1072" s="9" t="s">
        <v>98</v>
      </c>
      <c r="G1072" s="5">
        <v>1070</v>
      </c>
      <c r="H1072" s="12">
        <f t="shared" si="32"/>
        <v>11</v>
      </c>
      <c r="I1072" s="12">
        <f t="shared" si="33"/>
        <v>7</v>
      </c>
    </row>
    <row r="1073" spans="1:9" s="5" customFormat="1" ht="27.75" customHeight="1" x14ac:dyDescent="0.4">
      <c r="A1073" s="9" t="s">
        <v>137</v>
      </c>
      <c r="B1073" s="9" t="s">
        <v>2138</v>
      </c>
      <c r="C1073" s="9" t="s">
        <v>2139</v>
      </c>
      <c r="D1073" s="18">
        <v>1413002342</v>
      </c>
      <c r="E1073" s="11">
        <v>46599</v>
      </c>
      <c r="F1073" s="9" t="s">
        <v>98</v>
      </c>
      <c r="G1073" s="12">
        <v>1071</v>
      </c>
      <c r="H1073" s="12">
        <f t="shared" si="32"/>
        <v>22</v>
      </c>
      <c r="I1073" s="12">
        <f t="shared" si="33"/>
        <v>17</v>
      </c>
    </row>
    <row r="1074" spans="1:9" s="5" customFormat="1" ht="27.75" customHeight="1" x14ac:dyDescent="0.4">
      <c r="A1074" s="9" t="s">
        <v>137</v>
      </c>
      <c r="B1074" s="13" t="s">
        <v>2140</v>
      </c>
      <c r="C1074" s="13" t="s">
        <v>2141</v>
      </c>
      <c r="D1074" s="18">
        <v>1413010816</v>
      </c>
      <c r="E1074" s="11">
        <v>47634</v>
      </c>
      <c r="F1074" s="9" t="s">
        <v>98</v>
      </c>
      <c r="G1074" s="5">
        <v>1072</v>
      </c>
      <c r="H1074" s="12">
        <f t="shared" si="32"/>
        <v>26</v>
      </c>
      <c r="I1074" s="12">
        <f t="shared" si="33"/>
        <v>9</v>
      </c>
    </row>
    <row r="1075" spans="1:9" s="5" customFormat="1" ht="27.75" customHeight="1" x14ac:dyDescent="0.4">
      <c r="A1075" s="9" t="s">
        <v>137</v>
      </c>
      <c r="B1075" s="9" t="s">
        <v>2142</v>
      </c>
      <c r="C1075" s="9" t="s">
        <v>2143</v>
      </c>
      <c r="D1075" s="18">
        <v>1413010832</v>
      </c>
      <c r="E1075" s="11">
        <v>47634</v>
      </c>
      <c r="F1075" s="9" t="s">
        <v>98</v>
      </c>
      <c r="G1075" s="12">
        <v>1073</v>
      </c>
      <c r="H1075" s="12">
        <f t="shared" si="32"/>
        <v>26</v>
      </c>
      <c r="I1075" s="12">
        <f t="shared" si="33"/>
        <v>8</v>
      </c>
    </row>
    <row r="1076" spans="1:9" s="5" customFormat="1" ht="27.75" customHeight="1" x14ac:dyDescent="0.4">
      <c r="A1076" s="9" t="s">
        <v>137</v>
      </c>
      <c r="B1076" s="13" t="s">
        <v>2144</v>
      </c>
      <c r="C1076" s="9" t="s">
        <v>2145</v>
      </c>
      <c r="D1076" s="18">
        <v>1413003746</v>
      </c>
      <c r="E1076" s="11">
        <v>46387</v>
      </c>
      <c r="F1076" s="9" t="s">
        <v>98</v>
      </c>
      <c r="G1076" s="5">
        <v>1074</v>
      </c>
      <c r="H1076" s="12">
        <f t="shared" si="32"/>
        <v>12</v>
      </c>
      <c r="I1076" s="12">
        <f t="shared" si="33"/>
        <v>10</v>
      </c>
    </row>
    <row r="1077" spans="1:9" s="5" customFormat="1" ht="27.75" customHeight="1" x14ac:dyDescent="0.4">
      <c r="A1077" s="9" t="s">
        <v>137</v>
      </c>
      <c r="B1077" s="9" t="s">
        <v>2146</v>
      </c>
      <c r="C1077" s="9" t="s">
        <v>2147</v>
      </c>
      <c r="D1077" s="18">
        <v>1413010006</v>
      </c>
      <c r="E1077" s="11">
        <v>47177</v>
      </c>
      <c r="F1077" s="9" t="s">
        <v>98</v>
      </c>
      <c r="G1077" s="12">
        <v>1075</v>
      </c>
      <c r="H1077" s="12">
        <f t="shared" si="32"/>
        <v>27</v>
      </c>
      <c r="I1077" s="12">
        <f t="shared" si="33"/>
        <v>6</v>
      </c>
    </row>
    <row r="1078" spans="1:9" s="5" customFormat="1" ht="27.75" customHeight="1" x14ac:dyDescent="0.4">
      <c r="A1078" s="9" t="s">
        <v>137</v>
      </c>
      <c r="B1078" s="14" t="s">
        <v>2148</v>
      </c>
      <c r="C1078" s="9" t="s">
        <v>2149</v>
      </c>
      <c r="D1078" s="18">
        <v>1413003324</v>
      </c>
      <c r="E1078" s="11">
        <v>46387</v>
      </c>
      <c r="F1078" s="9" t="s">
        <v>98</v>
      </c>
      <c r="G1078" s="5">
        <v>1076</v>
      </c>
      <c r="H1078" s="12">
        <f t="shared" si="32"/>
        <v>13</v>
      </c>
      <c r="I1078" s="12">
        <f t="shared" si="33"/>
        <v>15</v>
      </c>
    </row>
    <row r="1079" spans="1:9" s="5" customFormat="1" ht="27.75" customHeight="1" x14ac:dyDescent="0.4">
      <c r="A1079" s="9" t="s">
        <v>137</v>
      </c>
      <c r="B1079" s="9" t="s">
        <v>2150</v>
      </c>
      <c r="C1079" s="9" t="s">
        <v>2151</v>
      </c>
      <c r="D1079" s="18">
        <v>1413003225</v>
      </c>
      <c r="E1079" s="11">
        <v>46387</v>
      </c>
      <c r="F1079" s="9" t="s">
        <v>98</v>
      </c>
      <c r="G1079" s="12">
        <v>1077</v>
      </c>
      <c r="H1079" s="12">
        <f t="shared" si="32"/>
        <v>13</v>
      </c>
      <c r="I1079" s="12">
        <f t="shared" si="33"/>
        <v>4</v>
      </c>
    </row>
    <row r="1080" spans="1:9" s="5" customFormat="1" ht="27.75" customHeight="1" x14ac:dyDescent="0.4">
      <c r="A1080" s="9" t="s">
        <v>137</v>
      </c>
      <c r="B1080" s="9" t="s">
        <v>2152</v>
      </c>
      <c r="C1080" s="9" t="s">
        <v>2153</v>
      </c>
      <c r="D1080" s="18">
        <v>1413003035</v>
      </c>
      <c r="E1080" s="11">
        <v>48091</v>
      </c>
      <c r="F1080" s="9" t="s">
        <v>98</v>
      </c>
      <c r="G1080" s="5">
        <v>1078</v>
      </c>
      <c r="H1080" s="12">
        <f t="shared" si="32"/>
        <v>14</v>
      </c>
      <c r="I1080" s="12">
        <f t="shared" si="33"/>
        <v>9</v>
      </c>
    </row>
    <row r="1081" spans="1:9" s="5" customFormat="1" ht="27.75" customHeight="1" x14ac:dyDescent="0.4">
      <c r="A1081" s="9" t="s">
        <v>137</v>
      </c>
      <c r="B1081" s="9" t="s">
        <v>2154</v>
      </c>
      <c r="C1081" s="9" t="s">
        <v>2155</v>
      </c>
      <c r="D1081" s="18">
        <v>1413003449</v>
      </c>
      <c r="E1081" s="11">
        <v>46387</v>
      </c>
      <c r="F1081" s="9" t="s">
        <v>98</v>
      </c>
      <c r="G1081" s="12">
        <v>1079</v>
      </c>
      <c r="H1081" s="12">
        <f t="shared" si="32"/>
        <v>16</v>
      </c>
      <c r="I1081" s="12">
        <f t="shared" si="33"/>
        <v>15</v>
      </c>
    </row>
    <row r="1082" spans="1:9" s="5" customFormat="1" ht="27.75" customHeight="1" x14ac:dyDescent="0.4">
      <c r="A1082" s="9" t="s">
        <v>137</v>
      </c>
      <c r="B1082" s="16" t="s">
        <v>2156</v>
      </c>
      <c r="C1082" s="16" t="s">
        <v>2157</v>
      </c>
      <c r="D1082" s="10">
        <v>1413011004</v>
      </c>
      <c r="E1082" s="11">
        <v>48334</v>
      </c>
      <c r="F1082" s="9" t="s">
        <v>98</v>
      </c>
      <c r="G1082" s="5">
        <v>1080</v>
      </c>
      <c r="H1082" s="12">
        <f t="shared" si="32"/>
        <v>25</v>
      </c>
      <c r="I1082" s="12">
        <f t="shared" si="33"/>
        <v>15</v>
      </c>
    </row>
    <row r="1083" spans="1:9" s="5" customFormat="1" ht="27.75" customHeight="1" x14ac:dyDescent="0.4">
      <c r="A1083" s="9" t="s">
        <v>137</v>
      </c>
      <c r="B1083" s="9" t="s">
        <v>2158</v>
      </c>
      <c r="C1083" s="9" t="s">
        <v>2159</v>
      </c>
      <c r="D1083" s="18">
        <v>1413002854</v>
      </c>
      <c r="E1083" s="11">
        <v>46387</v>
      </c>
      <c r="F1083" s="9" t="s">
        <v>98</v>
      </c>
      <c r="G1083" s="12">
        <v>1081</v>
      </c>
      <c r="H1083" s="12">
        <f t="shared" si="32"/>
        <v>14</v>
      </c>
      <c r="I1083" s="12">
        <f t="shared" si="33"/>
        <v>16</v>
      </c>
    </row>
    <row r="1084" spans="1:9" s="5" customFormat="1" ht="27.75" customHeight="1" x14ac:dyDescent="0.4">
      <c r="A1084" s="9" t="s">
        <v>137</v>
      </c>
      <c r="B1084" s="9" t="s">
        <v>2160</v>
      </c>
      <c r="C1084" s="9" t="s">
        <v>2161</v>
      </c>
      <c r="D1084" s="18">
        <v>1413010782</v>
      </c>
      <c r="E1084" s="11">
        <v>47573</v>
      </c>
      <c r="F1084" s="9" t="s">
        <v>98</v>
      </c>
      <c r="G1084" s="5">
        <v>1082</v>
      </c>
      <c r="H1084" s="12">
        <f t="shared" si="32"/>
        <v>25</v>
      </c>
      <c r="I1084" s="12">
        <f t="shared" si="33"/>
        <v>12</v>
      </c>
    </row>
    <row r="1085" spans="1:9" s="5" customFormat="1" ht="27.75" customHeight="1" x14ac:dyDescent="0.4">
      <c r="A1085" s="9" t="s">
        <v>137</v>
      </c>
      <c r="B1085" s="13" t="s">
        <v>2162</v>
      </c>
      <c r="C1085" s="13" t="s">
        <v>2163</v>
      </c>
      <c r="D1085" s="18">
        <v>1413002938</v>
      </c>
      <c r="E1085" s="11">
        <v>46387</v>
      </c>
      <c r="F1085" s="9" t="s">
        <v>98</v>
      </c>
      <c r="G1085" s="12">
        <v>1083</v>
      </c>
      <c r="H1085" s="12">
        <f t="shared" si="32"/>
        <v>26</v>
      </c>
      <c r="I1085" s="12">
        <f t="shared" si="33"/>
        <v>21</v>
      </c>
    </row>
    <row r="1086" spans="1:9" s="5" customFormat="1" ht="27.75" customHeight="1" x14ac:dyDescent="0.4">
      <c r="A1086" s="9" t="s">
        <v>137</v>
      </c>
      <c r="B1086" s="16" t="s">
        <v>2164</v>
      </c>
      <c r="C1086" s="16" t="s">
        <v>2165</v>
      </c>
      <c r="D1086" s="10">
        <v>1413010477</v>
      </c>
      <c r="E1086" s="11">
        <v>46326</v>
      </c>
      <c r="F1086" s="9" t="s">
        <v>98</v>
      </c>
      <c r="G1086" s="5">
        <v>1084</v>
      </c>
      <c r="H1086" s="12">
        <f t="shared" si="32"/>
        <v>17</v>
      </c>
      <c r="I1086" s="12">
        <f t="shared" si="33"/>
        <v>9</v>
      </c>
    </row>
    <row r="1087" spans="1:9" s="5" customFormat="1" ht="27.75" customHeight="1" x14ac:dyDescent="0.4">
      <c r="A1087" s="9" t="s">
        <v>137</v>
      </c>
      <c r="B1087" s="9" t="s">
        <v>2166</v>
      </c>
      <c r="C1087" s="9" t="s">
        <v>2167</v>
      </c>
      <c r="D1087" s="18">
        <v>1413003555</v>
      </c>
      <c r="E1087" s="11">
        <v>46783</v>
      </c>
      <c r="F1087" s="9" t="s">
        <v>98</v>
      </c>
      <c r="G1087" s="12">
        <v>1085</v>
      </c>
      <c r="H1087" s="12">
        <f t="shared" si="32"/>
        <v>13</v>
      </c>
      <c r="I1087" s="12">
        <f t="shared" si="33"/>
        <v>7</v>
      </c>
    </row>
    <row r="1088" spans="1:9" s="5" customFormat="1" ht="27.75" customHeight="1" x14ac:dyDescent="0.4">
      <c r="A1088" s="9" t="s">
        <v>137</v>
      </c>
      <c r="B1088" s="9" t="s">
        <v>2168</v>
      </c>
      <c r="C1088" s="9" t="s">
        <v>2169</v>
      </c>
      <c r="D1088" s="18">
        <v>1413010535</v>
      </c>
      <c r="E1088" s="11">
        <v>48334</v>
      </c>
      <c r="F1088" s="9" t="s">
        <v>98</v>
      </c>
      <c r="G1088" s="5">
        <v>1086</v>
      </c>
      <c r="H1088" s="12">
        <f t="shared" si="32"/>
        <v>17</v>
      </c>
      <c r="I1088" s="12">
        <f t="shared" si="33"/>
        <v>10</v>
      </c>
    </row>
    <row r="1089" spans="1:9" s="5" customFormat="1" ht="27.75" customHeight="1" x14ac:dyDescent="0.4">
      <c r="A1089" s="17" t="s">
        <v>137</v>
      </c>
      <c r="B1089" s="9" t="s">
        <v>2170</v>
      </c>
      <c r="C1089" s="9" t="s">
        <v>2171</v>
      </c>
      <c r="D1089" s="18">
        <v>1413010683</v>
      </c>
      <c r="E1089" s="11">
        <v>46873</v>
      </c>
      <c r="F1089" s="9" t="s">
        <v>98</v>
      </c>
      <c r="G1089" s="12">
        <v>1087</v>
      </c>
      <c r="H1089" s="12">
        <f t="shared" si="32"/>
        <v>17</v>
      </c>
      <c r="I1089" s="12">
        <f t="shared" si="33"/>
        <v>16</v>
      </c>
    </row>
    <row r="1090" spans="1:9" s="5" customFormat="1" ht="27.75" customHeight="1" x14ac:dyDescent="0.4">
      <c r="A1090" s="9" t="s">
        <v>137</v>
      </c>
      <c r="B1090" s="15" t="s">
        <v>2172</v>
      </c>
      <c r="C1090" s="16" t="s">
        <v>2173</v>
      </c>
      <c r="D1090" s="10">
        <v>1413002284</v>
      </c>
      <c r="E1090" s="11">
        <v>46387</v>
      </c>
      <c r="F1090" s="9" t="s">
        <v>98</v>
      </c>
      <c r="G1090" s="5">
        <v>1088</v>
      </c>
      <c r="H1090" s="12">
        <f t="shared" si="32"/>
        <v>22</v>
      </c>
      <c r="I1090" s="12">
        <f t="shared" si="33"/>
        <v>13</v>
      </c>
    </row>
    <row r="1091" spans="1:9" s="5" customFormat="1" ht="27.75" customHeight="1" x14ac:dyDescent="0.4">
      <c r="A1091" s="9" t="s">
        <v>137</v>
      </c>
      <c r="B1091" s="9" t="s">
        <v>2174</v>
      </c>
      <c r="C1091" s="9" t="s">
        <v>2175</v>
      </c>
      <c r="D1091" s="18">
        <v>1413010568</v>
      </c>
      <c r="E1091" s="11">
        <v>48334</v>
      </c>
      <c r="F1091" s="9" t="s">
        <v>98</v>
      </c>
      <c r="G1091" s="12">
        <v>1089</v>
      </c>
      <c r="H1091" s="12">
        <f t="shared" si="32"/>
        <v>25</v>
      </c>
      <c r="I1091" s="12">
        <f t="shared" si="33"/>
        <v>10</v>
      </c>
    </row>
    <row r="1092" spans="1:9" s="5" customFormat="1" ht="27.75" customHeight="1" x14ac:dyDescent="0.4">
      <c r="A1092" s="9" t="s">
        <v>137</v>
      </c>
      <c r="B1092" s="9" t="s">
        <v>2176</v>
      </c>
      <c r="C1092" s="9" t="s">
        <v>2177</v>
      </c>
      <c r="D1092" s="18">
        <v>1413010857</v>
      </c>
      <c r="E1092" s="11">
        <v>47968</v>
      </c>
      <c r="F1092" s="9" t="s">
        <v>98</v>
      </c>
      <c r="G1092" s="5">
        <v>1090</v>
      </c>
      <c r="H1092" s="12">
        <f t="shared" ref="H1092:H1155" si="34">LEN(C1092)</f>
        <v>27</v>
      </c>
      <c r="I1092" s="12">
        <f t="shared" ref="I1092:I1155" si="35">LEN(B1092)</f>
        <v>11</v>
      </c>
    </row>
    <row r="1093" spans="1:9" s="5" customFormat="1" ht="27.75" customHeight="1" x14ac:dyDescent="0.4">
      <c r="A1093" s="9" t="s">
        <v>137</v>
      </c>
      <c r="B1093" s="9" t="s">
        <v>2178</v>
      </c>
      <c r="C1093" s="49" t="s">
        <v>2179</v>
      </c>
      <c r="D1093" s="18">
        <v>1413010881</v>
      </c>
      <c r="E1093" s="11">
        <v>47968</v>
      </c>
      <c r="F1093" s="9" t="s">
        <v>98</v>
      </c>
      <c r="G1093" s="12">
        <v>1091</v>
      </c>
      <c r="H1093" s="12">
        <f t="shared" si="34"/>
        <v>30</v>
      </c>
      <c r="I1093" s="12">
        <f t="shared" si="35"/>
        <v>11</v>
      </c>
    </row>
    <row r="1094" spans="1:9" s="5" customFormat="1" ht="27.75" customHeight="1" x14ac:dyDescent="0.4">
      <c r="A1094" s="9" t="s">
        <v>137</v>
      </c>
      <c r="B1094" s="9" t="s">
        <v>2180</v>
      </c>
      <c r="C1094" s="9" t="s">
        <v>2181</v>
      </c>
      <c r="D1094" s="18">
        <v>1413002474</v>
      </c>
      <c r="E1094" s="11">
        <v>46630</v>
      </c>
      <c r="F1094" s="9" t="s">
        <v>98</v>
      </c>
      <c r="G1094" s="5">
        <v>1092</v>
      </c>
      <c r="H1094" s="12">
        <f t="shared" si="34"/>
        <v>12</v>
      </c>
      <c r="I1094" s="12">
        <f t="shared" si="35"/>
        <v>18</v>
      </c>
    </row>
    <row r="1095" spans="1:9" s="5" customFormat="1" ht="27.75" customHeight="1" x14ac:dyDescent="0.4">
      <c r="A1095" s="9" t="s">
        <v>137</v>
      </c>
      <c r="B1095" s="9" t="s">
        <v>2182</v>
      </c>
      <c r="C1095" s="9" t="s">
        <v>2183</v>
      </c>
      <c r="D1095" s="18">
        <v>1413010642</v>
      </c>
      <c r="E1095" s="11">
        <v>46538</v>
      </c>
      <c r="F1095" s="9" t="s">
        <v>98</v>
      </c>
      <c r="G1095" s="12">
        <v>1093</v>
      </c>
      <c r="H1095" s="12">
        <f t="shared" si="34"/>
        <v>16</v>
      </c>
      <c r="I1095" s="12">
        <f t="shared" si="35"/>
        <v>16</v>
      </c>
    </row>
    <row r="1096" spans="1:9" s="5" customFormat="1" ht="27.75" customHeight="1" x14ac:dyDescent="0.4">
      <c r="A1096" s="9" t="s">
        <v>137</v>
      </c>
      <c r="B1096" s="16" t="s">
        <v>2184</v>
      </c>
      <c r="C1096" s="16" t="s">
        <v>2185</v>
      </c>
      <c r="D1096" s="10">
        <v>1413003209</v>
      </c>
      <c r="E1096" s="11">
        <v>46387</v>
      </c>
      <c r="F1096" s="9" t="s">
        <v>98</v>
      </c>
      <c r="G1096" s="5">
        <v>1094</v>
      </c>
      <c r="H1096" s="12">
        <f t="shared" si="34"/>
        <v>14</v>
      </c>
      <c r="I1096" s="12">
        <f t="shared" si="35"/>
        <v>21</v>
      </c>
    </row>
    <row r="1097" spans="1:9" s="5" customFormat="1" ht="27.75" customHeight="1" x14ac:dyDescent="0.4">
      <c r="A1097" s="9" t="s">
        <v>137</v>
      </c>
      <c r="B1097" s="9" t="s">
        <v>2186</v>
      </c>
      <c r="C1097" s="9" t="s">
        <v>2187</v>
      </c>
      <c r="D1097" s="18">
        <v>1413010295</v>
      </c>
      <c r="E1097" s="11">
        <v>47330</v>
      </c>
      <c r="F1097" s="9" t="s">
        <v>98</v>
      </c>
      <c r="G1097" s="12">
        <v>1095</v>
      </c>
      <c r="H1097" s="12">
        <f t="shared" si="34"/>
        <v>12</v>
      </c>
      <c r="I1097" s="12">
        <f t="shared" si="35"/>
        <v>8</v>
      </c>
    </row>
    <row r="1098" spans="1:9" s="5" customFormat="1" ht="27.75" customHeight="1" x14ac:dyDescent="0.4">
      <c r="A1098" s="9" t="s">
        <v>137</v>
      </c>
      <c r="B1098" s="13" t="s">
        <v>2188</v>
      </c>
      <c r="C1098" s="13" t="s">
        <v>2189</v>
      </c>
      <c r="D1098" s="18">
        <v>1413003282</v>
      </c>
      <c r="E1098" s="11">
        <v>46387</v>
      </c>
      <c r="F1098" s="9" t="s">
        <v>98</v>
      </c>
      <c r="G1098" s="5">
        <v>1096</v>
      </c>
      <c r="H1098" s="12">
        <f t="shared" si="34"/>
        <v>28</v>
      </c>
      <c r="I1098" s="12">
        <f t="shared" si="35"/>
        <v>10</v>
      </c>
    </row>
    <row r="1099" spans="1:9" s="5" customFormat="1" ht="27.75" customHeight="1" x14ac:dyDescent="0.4">
      <c r="A1099" s="9" t="s">
        <v>137</v>
      </c>
      <c r="B1099" s="9" t="s">
        <v>2190</v>
      </c>
      <c r="C1099" s="9" t="s">
        <v>2191</v>
      </c>
      <c r="D1099" s="18">
        <v>1413010709</v>
      </c>
      <c r="E1099" s="11">
        <v>46904</v>
      </c>
      <c r="F1099" s="9" t="s">
        <v>98</v>
      </c>
      <c r="G1099" s="12">
        <v>1097</v>
      </c>
      <c r="H1099" s="12">
        <f t="shared" si="34"/>
        <v>15</v>
      </c>
      <c r="I1099" s="12">
        <f t="shared" si="35"/>
        <v>22</v>
      </c>
    </row>
    <row r="1100" spans="1:9" s="5" customFormat="1" ht="27.75" customHeight="1" x14ac:dyDescent="0.4">
      <c r="A1100" s="9" t="s">
        <v>137</v>
      </c>
      <c r="B1100" s="9" t="s">
        <v>2192</v>
      </c>
      <c r="C1100" s="9" t="s">
        <v>2193</v>
      </c>
      <c r="D1100" s="18">
        <v>1413003712</v>
      </c>
      <c r="E1100" s="11">
        <v>46752</v>
      </c>
      <c r="F1100" s="9" t="s">
        <v>98</v>
      </c>
      <c r="G1100" s="5">
        <v>1098</v>
      </c>
      <c r="H1100" s="12">
        <f t="shared" si="34"/>
        <v>24</v>
      </c>
      <c r="I1100" s="12">
        <f t="shared" si="35"/>
        <v>11</v>
      </c>
    </row>
    <row r="1101" spans="1:9" s="5" customFormat="1" ht="27.75" customHeight="1" x14ac:dyDescent="0.4">
      <c r="A1101" s="9" t="s">
        <v>137</v>
      </c>
      <c r="B1101" s="13" t="s">
        <v>2194</v>
      </c>
      <c r="C1101" s="13" t="s">
        <v>2195</v>
      </c>
      <c r="D1101" s="18">
        <v>1413002565</v>
      </c>
      <c r="E1101" s="11">
        <v>46387</v>
      </c>
      <c r="F1101" s="9" t="s">
        <v>98</v>
      </c>
      <c r="G1101" s="12">
        <v>1099</v>
      </c>
      <c r="H1101" s="12">
        <f t="shared" si="34"/>
        <v>24</v>
      </c>
      <c r="I1101" s="12">
        <f t="shared" si="35"/>
        <v>11</v>
      </c>
    </row>
    <row r="1102" spans="1:9" s="5" customFormat="1" ht="27.75" customHeight="1" x14ac:dyDescent="0.4">
      <c r="A1102" s="9" t="s">
        <v>137</v>
      </c>
      <c r="B1102" s="9" t="s">
        <v>2196</v>
      </c>
      <c r="C1102" s="9" t="s">
        <v>2197</v>
      </c>
      <c r="D1102" s="18">
        <v>1413010386</v>
      </c>
      <c r="E1102" s="11">
        <v>47514</v>
      </c>
      <c r="F1102" s="9" t="s">
        <v>98</v>
      </c>
      <c r="G1102" s="5">
        <v>1100</v>
      </c>
      <c r="H1102" s="12">
        <f t="shared" si="34"/>
        <v>16</v>
      </c>
      <c r="I1102" s="12">
        <f t="shared" si="35"/>
        <v>24</v>
      </c>
    </row>
    <row r="1103" spans="1:9" s="5" customFormat="1" ht="27.75" customHeight="1" x14ac:dyDescent="0.4">
      <c r="A1103" s="9" t="s">
        <v>137</v>
      </c>
      <c r="B1103" s="9" t="s">
        <v>2198</v>
      </c>
      <c r="C1103" s="9" t="s">
        <v>2199</v>
      </c>
      <c r="D1103" s="18">
        <v>1413002763</v>
      </c>
      <c r="E1103" s="11">
        <v>47208</v>
      </c>
      <c r="F1103" s="9" t="s">
        <v>98</v>
      </c>
      <c r="G1103" s="12">
        <v>1101</v>
      </c>
      <c r="H1103" s="12">
        <f t="shared" si="34"/>
        <v>26</v>
      </c>
      <c r="I1103" s="12">
        <f t="shared" si="35"/>
        <v>8</v>
      </c>
    </row>
    <row r="1104" spans="1:9" s="5" customFormat="1" ht="27.75" customHeight="1" x14ac:dyDescent="0.4">
      <c r="A1104" s="9" t="s">
        <v>137</v>
      </c>
      <c r="B1104" s="9" t="s">
        <v>2200</v>
      </c>
      <c r="C1104" s="9" t="s">
        <v>2201</v>
      </c>
      <c r="D1104" s="18">
        <v>1413010196</v>
      </c>
      <c r="E1104" s="11">
        <v>46812</v>
      </c>
      <c r="F1104" s="9" t="s">
        <v>98</v>
      </c>
      <c r="G1104" s="5">
        <v>1102</v>
      </c>
      <c r="H1104" s="12">
        <f t="shared" si="34"/>
        <v>29</v>
      </c>
      <c r="I1104" s="12">
        <f t="shared" si="35"/>
        <v>10</v>
      </c>
    </row>
    <row r="1105" spans="1:35" s="5" customFormat="1" ht="27.75" customHeight="1" x14ac:dyDescent="0.4">
      <c r="A1105" s="9" t="s">
        <v>137</v>
      </c>
      <c r="B1105" s="9" t="s">
        <v>2202</v>
      </c>
      <c r="C1105" s="9" t="s">
        <v>2203</v>
      </c>
      <c r="D1105" s="18">
        <v>1413003308</v>
      </c>
      <c r="E1105" s="11">
        <v>46387</v>
      </c>
      <c r="F1105" s="9" t="s">
        <v>98</v>
      </c>
      <c r="G1105" s="12">
        <v>1103</v>
      </c>
      <c r="H1105" s="12">
        <f t="shared" si="34"/>
        <v>22</v>
      </c>
      <c r="I1105" s="12">
        <f t="shared" si="35"/>
        <v>14</v>
      </c>
    </row>
    <row r="1106" spans="1:35" s="5" customFormat="1" ht="27.75" customHeight="1" x14ac:dyDescent="0.4">
      <c r="A1106" s="9" t="s">
        <v>137</v>
      </c>
      <c r="B1106" s="9" t="s">
        <v>2204</v>
      </c>
      <c r="C1106" s="9" t="s">
        <v>2205</v>
      </c>
      <c r="D1106" s="18">
        <v>1413003340</v>
      </c>
      <c r="E1106" s="11">
        <v>46752</v>
      </c>
      <c r="F1106" s="9" t="s">
        <v>98</v>
      </c>
      <c r="G1106" s="5">
        <v>1104</v>
      </c>
      <c r="H1106" s="12">
        <f t="shared" si="34"/>
        <v>21</v>
      </c>
      <c r="I1106" s="12">
        <f t="shared" si="35"/>
        <v>20</v>
      </c>
    </row>
    <row r="1107" spans="1:35" s="5" customFormat="1" ht="27.75" customHeight="1" x14ac:dyDescent="0.4">
      <c r="A1107" s="9" t="s">
        <v>137</v>
      </c>
      <c r="B1107" s="9" t="s">
        <v>2206</v>
      </c>
      <c r="C1107" s="9" t="s">
        <v>2207</v>
      </c>
      <c r="D1107" s="18">
        <v>1413010865</v>
      </c>
      <c r="E1107" s="11">
        <v>47968</v>
      </c>
      <c r="F1107" s="9" t="s">
        <v>98</v>
      </c>
      <c r="G1107" s="12">
        <v>1105</v>
      </c>
      <c r="H1107" s="12">
        <f t="shared" si="34"/>
        <v>23</v>
      </c>
      <c r="I1107" s="12">
        <f t="shared" si="35"/>
        <v>20</v>
      </c>
    </row>
    <row r="1108" spans="1:35" s="5" customFormat="1" ht="27.75" customHeight="1" x14ac:dyDescent="0.4">
      <c r="A1108" s="9" t="s">
        <v>137</v>
      </c>
      <c r="B1108" s="9" t="s">
        <v>2208</v>
      </c>
      <c r="C1108" s="9" t="s">
        <v>2209</v>
      </c>
      <c r="D1108" s="18">
        <v>1413002680</v>
      </c>
      <c r="E1108" s="11">
        <v>46387</v>
      </c>
      <c r="F1108" s="9" t="s">
        <v>98</v>
      </c>
      <c r="G1108" s="5">
        <v>1106</v>
      </c>
      <c r="H1108" s="12">
        <f t="shared" si="34"/>
        <v>21</v>
      </c>
      <c r="I1108" s="12">
        <f t="shared" si="35"/>
        <v>7</v>
      </c>
    </row>
    <row r="1109" spans="1:35" s="5" customFormat="1" ht="27.75" customHeight="1" x14ac:dyDescent="0.4">
      <c r="A1109" s="13" t="s">
        <v>137</v>
      </c>
      <c r="B1109" s="13" t="s">
        <v>2210</v>
      </c>
      <c r="C1109" s="13" t="s">
        <v>2211</v>
      </c>
      <c r="D1109" s="26">
        <v>1413010402</v>
      </c>
      <c r="E1109" s="11">
        <v>47573</v>
      </c>
      <c r="F1109" s="9" t="s">
        <v>98</v>
      </c>
      <c r="G1109" s="12">
        <v>1107</v>
      </c>
      <c r="H1109" s="12">
        <f t="shared" si="34"/>
        <v>22</v>
      </c>
      <c r="I1109" s="12">
        <f t="shared" si="35"/>
        <v>21</v>
      </c>
    </row>
    <row r="1110" spans="1:35" s="5" customFormat="1" ht="27.75" customHeight="1" x14ac:dyDescent="0.4">
      <c r="A1110" s="9" t="s">
        <v>137</v>
      </c>
      <c r="B1110" s="13" t="s">
        <v>2212</v>
      </c>
      <c r="C1110" s="13" t="s">
        <v>2213</v>
      </c>
      <c r="D1110" s="18">
        <v>1413011020</v>
      </c>
      <c r="E1110" s="11">
        <v>48334</v>
      </c>
      <c r="F1110" s="9" t="s">
        <v>98</v>
      </c>
      <c r="G1110" s="5">
        <v>1108</v>
      </c>
      <c r="H1110" s="12">
        <f t="shared" si="34"/>
        <v>19</v>
      </c>
      <c r="I1110" s="12">
        <f t="shared" si="35"/>
        <v>9</v>
      </c>
    </row>
    <row r="1111" spans="1:35" s="5" customFormat="1" ht="27.75" customHeight="1" x14ac:dyDescent="0.4">
      <c r="A1111" s="9" t="s">
        <v>137</v>
      </c>
      <c r="B1111" s="16" t="s">
        <v>2214</v>
      </c>
      <c r="C1111" s="52" t="s">
        <v>2215</v>
      </c>
      <c r="D1111" s="10">
        <v>1413011012</v>
      </c>
      <c r="E1111" s="11">
        <v>48334</v>
      </c>
      <c r="F1111" s="9" t="s">
        <v>98</v>
      </c>
      <c r="G1111" s="12">
        <v>1109</v>
      </c>
      <c r="H1111" s="12">
        <f t="shared" si="34"/>
        <v>39</v>
      </c>
      <c r="I1111" s="12">
        <f t="shared" si="35"/>
        <v>14</v>
      </c>
    </row>
    <row r="1112" spans="1:35" s="5" customFormat="1" ht="27.75" customHeight="1" x14ac:dyDescent="0.4">
      <c r="A1112" s="9" t="s">
        <v>137</v>
      </c>
      <c r="B1112" s="9" t="s">
        <v>2216</v>
      </c>
      <c r="C1112" s="9" t="s">
        <v>2217</v>
      </c>
      <c r="D1112" s="18">
        <v>1413001005</v>
      </c>
      <c r="E1112" s="11">
        <v>46387</v>
      </c>
      <c r="F1112" s="9" t="s">
        <v>98</v>
      </c>
      <c r="G1112" s="5">
        <v>1110</v>
      </c>
      <c r="H1112" s="12">
        <f t="shared" si="34"/>
        <v>12</v>
      </c>
      <c r="I1112" s="12">
        <f t="shared" si="35"/>
        <v>4</v>
      </c>
    </row>
    <row r="1113" spans="1:35" s="5" customFormat="1" ht="27.75" customHeight="1" x14ac:dyDescent="0.4">
      <c r="A1113" s="9" t="s">
        <v>137</v>
      </c>
      <c r="B1113" s="9" t="s">
        <v>2218</v>
      </c>
      <c r="C1113" s="9" t="s">
        <v>2219</v>
      </c>
      <c r="D1113" s="18">
        <v>1413002268</v>
      </c>
      <c r="E1113" s="11">
        <v>46387</v>
      </c>
      <c r="F1113" s="9" t="s">
        <v>98</v>
      </c>
      <c r="G1113" s="12">
        <v>1111</v>
      </c>
      <c r="H1113" s="12">
        <f t="shared" si="34"/>
        <v>11</v>
      </c>
      <c r="I1113" s="12">
        <f t="shared" si="35"/>
        <v>17</v>
      </c>
    </row>
    <row r="1114" spans="1:35" s="5" customFormat="1" ht="27.75" customHeight="1" x14ac:dyDescent="0.4">
      <c r="A1114" s="9" t="s">
        <v>137</v>
      </c>
      <c r="B1114" s="9" t="s">
        <v>2220</v>
      </c>
      <c r="C1114" s="9" t="s">
        <v>2221</v>
      </c>
      <c r="D1114" s="18">
        <v>1413003217</v>
      </c>
      <c r="E1114" s="11">
        <v>46387</v>
      </c>
      <c r="F1114" s="9" t="s">
        <v>98</v>
      </c>
      <c r="G1114" s="5">
        <v>1112</v>
      </c>
      <c r="H1114" s="12">
        <f t="shared" si="34"/>
        <v>9</v>
      </c>
      <c r="I1114" s="12">
        <f t="shared" si="35"/>
        <v>4</v>
      </c>
    </row>
    <row r="1115" spans="1:35" s="5" customFormat="1" ht="27.75" customHeight="1" x14ac:dyDescent="0.4">
      <c r="A1115" s="9" t="s">
        <v>137</v>
      </c>
      <c r="B1115" s="16" t="s">
        <v>2222</v>
      </c>
      <c r="C1115" s="16" t="s">
        <v>2223</v>
      </c>
      <c r="D1115" s="10">
        <v>1413001708</v>
      </c>
      <c r="E1115" s="11">
        <v>46387</v>
      </c>
      <c r="F1115" s="9" t="s">
        <v>98</v>
      </c>
      <c r="G1115" s="12">
        <v>1113</v>
      </c>
      <c r="H1115" s="12">
        <f t="shared" si="34"/>
        <v>10</v>
      </c>
      <c r="I1115" s="12">
        <f t="shared" si="35"/>
        <v>4</v>
      </c>
    </row>
    <row r="1116" spans="1:35" s="5" customFormat="1" ht="27.75" customHeight="1" x14ac:dyDescent="0.4">
      <c r="A1116" s="9" t="s">
        <v>137</v>
      </c>
      <c r="B1116" s="9" t="s">
        <v>2224</v>
      </c>
      <c r="C1116" s="9" t="s">
        <v>2225</v>
      </c>
      <c r="D1116" s="18">
        <v>1413002078</v>
      </c>
      <c r="E1116" s="11">
        <v>46387</v>
      </c>
      <c r="F1116" s="9" t="s">
        <v>98</v>
      </c>
      <c r="G1116" s="5">
        <v>1114</v>
      </c>
      <c r="H1116" s="12">
        <f t="shared" si="34"/>
        <v>10</v>
      </c>
      <c r="I1116" s="12">
        <f t="shared" si="35"/>
        <v>17</v>
      </c>
    </row>
    <row r="1117" spans="1:35" s="5" customFormat="1" ht="27.75" customHeight="1" x14ac:dyDescent="0.4">
      <c r="A1117" s="9" t="s">
        <v>137</v>
      </c>
      <c r="B1117" s="9" t="s">
        <v>2226</v>
      </c>
      <c r="C1117" s="9" t="s">
        <v>2227</v>
      </c>
      <c r="D1117" s="18">
        <v>1413010147</v>
      </c>
      <c r="E1117" s="11">
        <v>46599</v>
      </c>
      <c r="F1117" s="9" t="s">
        <v>98</v>
      </c>
      <c r="G1117" s="12">
        <v>1115</v>
      </c>
      <c r="H1117" s="12">
        <f t="shared" si="34"/>
        <v>10</v>
      </c>
      <c r="I1117" s="12">
        <f t="shared" si="35"/>
        <v>7</v>
      </c>
    </row>
    <row r="1118" spans="1:35" s="5" customFormat="1" ht="27.75" customHeight="1" x14ac:dyDescent="0.4">
      <c r="A1118" s="9" t="s">
        <v>137</v>
      </c>
      <c r="B1118" s="9" t="s">
        <v>2228</v>
      </c>
      <c r="C1118" s="9" t="s">
        <v>2229</v>
      </c>
      <c r="D1118" s="18">
        <v>1413002755</v>
      </c>
      <c r="E1118" s="11">
        <v>47756</v>
      </c>
      <c r="F1118" s="9" t="s">
        <v>98</v>
      </c>
      <c r="G1118" s="5">
        <v>1116</v>
      </c>
      <c r="H1118" s="12">
        <f t="shared" si="34"/>
        <v>11</v>
      </c>
      <c r="I1118" s="12">
        <f t="shared" si="35"/>
        <v>7</v>
      </c>
    </row>
    <row r="1119" spans="1:35" s="5" customFormat="1" ht="27.75" customHeight="1" x14ac:dyDescent="0.4">
      <c r="A1119" s="9" t="s">
        <v>137</v>
      </c>
      <c r="B1119" s="9" t="s">
        <v>2230</v>
      </c>
      <c r="C1119" s="9" t="s">
        <v>2231</v>
      </c>
      <c r="D1119" s="18">
        <v>1413010824</v>
      </c>
      <c r="E1119" s="11">
        <v>47603</v>
      </c>
      <c r="F1119" s="9" t="s">
        <v>98</v>
      </c>
      <c r="G1119" s="12">
        <v>1117</v>
      </c>
      <c r="H1119" s="12">
        <f t="shared" si="34"/>
        <v>14</v>
      </c>
      <c r="I1119" s="12">
        <f t="shared" si="35"/>
        <v>11</v>
      </c>
    </row>
    <row r="1120" spans="1:35" s="5" customFormat="1" ht="27.75" customHeight="1" x14ac:dyDescent="0.4">
      <c r="A1120" s="9" t="s">
        <v>137</v>
      </c>
      <c r="B1120" s="9" t="s">
        <v>2232</v>
      </c>
      <c r="C1120" s="9" t="s">
        <v>2233</v>
      </c>
      <c r="D1120" s="18">
        <v>1413003498</v>
      </c>
      <c r="E1120" s="11">
        <v>46387</v>
      </c>
      <c r="F1120" s="9" t="s">
        <v>98</v>
      </c>
      <c r="G1120" s="5">
        <v>1118</v>
      </c>
      <c r="H1120" s="12">
        <f t="shared" si="34"/>
        <v>11</v>
      </c>
      <c r="I1120" s="12">
        <f t="shared" si="35"/>
        <v>5</v>
      </c>
      <c r="J1120" s="12"/>
      <c r="K1120" s="12"/>
      <c r="L1120" s="12"/>
      <c r="M1120" s="12"/>
      <c r="N1120" s="12"/>
      <c r="O1120" s="12"/>
      <c r="P1120" s="12"/>
      <c r="Q1120" s="12"/>
      <c r="R1120" s="12"/>
      <c r="S1120" s="12"/>
      <c r="T1120" s="12"/>
      <c r="U1120" s="12"/>
      <c r="V1120" s="12"/>
      <c r="W1120" s="12"/>
      <c r="X1120" s="12"/>
      <c r="Y1120" s="12"/>
      <c r="Z1120" s="12"/>
      <c r="AA1120" s="12"/>
      <c r="AB1120" s="12"/>
      <c r="AC1120" s="12"/>
      <c r="AD1120" s="12"/>
      <c r="AE1120" s="12"/>
      <c r="AF1120" s="12"/>
      <c r="AG1120" s="12"/>
      <c r="AH1120" s="12"/>
      <c r="AI1120" s="12"/>
    </row>
    <row r="1121" spans="1:35" s="5" customFormat="1" ht="27.75" customHeight="1" x14ac:dyDescent="0.4">
      <c r="A1121" s="9" t="s">
        <v>137</v>
      </c>
      <c r="B1121" s="9" t="s">
        <v>2234</v>
      </c>
      <c r="C1121" s="9" t="s">
        <v>2235</v>
      </c>
      <c r="D1121" s="18">
        <v>1413003092</v>
      </c>
      <c r="E1121" s="11">
        <v>46538</v>
      </c>
      <c r="F1121" s="9" t="s">
        <v>98</v>
      </c>
      <c r="G1121" s="12">
        <v>1119</v>
      </c>
      <c r="H1121" s="12">
        <f t="shared" si="34"/>
        <v>22</v>
      </c>
      <c r="I1121" s="12">
        <f t="shared" si="35"/>
        <v>17</v>
      </c>
    </row>
    <row r="1122" spans="1:35" s="5" customFormat="1" ht="27.75" customHeight="1" x14ac:dyDescent="0.4">
      <c r="A1122" s="9" t="s">
        <v>137</v>
      </c>
      <c r="B1122" s="9" t="s">
        <v>2236</v>
      </c>
      <c r="C1122" s="9" t="s">
        <v>2237</v>
      </c>
      <c r="D1122" s="18">
        <v>1413001823</v>
      </c>
      <c r="E1122" s="11">
        <v>46387</v>
      </c>
      <c r="F1122" s="9" t="s">
        <v>98</v>
      </c>
      <c r="G1122" s="5">
        <v>1120</v>
      </c>
      <c r="H1122" s="12">
        <f t="shared" si="34"/>
        <v>10</v>
      </c>
      <c r="I1122" s="12">
        <f t="shared" si="35"/>
        <v>13</v>
      </c>
      <c r="J1122" s="12"/>
      <c r="K1122" s="12"/>
      <c r="L1122" s="12"/>
      <c r="M1122" s="12"/>
      <c r="N1122" s="12"/>
      <c r="O1122" s="12"/>
      <c r="P1122" s="12"/>
      <c r="Q1122" s="12"/>
      <c r="R1122" s="12"/>
      <c r="S1122" s="12"/>
      <c r="T1122" s="12"/>
      <c r="U1122" s="12"/>
      <c r="V1122" s="12"/>
      <c r="W1122" s="12"/>
      <c r="X1122" s="12"/>
      <c r="Y1122" s="12"/>
      <c r="Z1122" s="12"/>
      <c r="AA1122" s="12"/>
      <c r="AB1122" s="12"/>
      <c r="AC1122" s="12"/>
      <c r="AD1122" s="12"/>
      <c r="AE1122" s="12"/>
      <c r="AF1122" s="12"/>
      <c r="AG1122" s="12"/>
      <c r="AH1122" s="12"/>
      <c r="AI1122" s="12"/>
    </row>
    <row r="1123" spans="1:35" s="5" customFormat="1" ht="27.75" customHeight="1" x14ac:dyDescent="0.4">
      <c r="A1123" s="9" t="s">
        <v>137</v>
      </c>
      <c r="B1123" s="9" t="s">
        <v>2238</v>
      </c>
      <c r="C1123" s="9" t="s">
        <v>2239</v>
      </c>
      <c r="D1123" s="18">
        <v>1414010252</v>
      </c>
      <c r="E1123" s="11">
        <v>47269</v>
      </c>
      <c r="F1123" s="9" t="s">
        <v>2240</v>
      </c>
      <c r="G1123" s="12">
        <v>1121</v>
      </c>
      <c r="H1123" s="12">
        <f t="shared" si="34"/>
        <v>14</v>
      </c>
      <c r="I1123" s="12">
        <f t="shared" si="35"/>
        <v>10</v>
      </c>
    </row>
    <row r="1124" spans="1:35" s="5" customFormat="1" ht="27.75" customHeight="1" x14ac:dyDescent="0.4">
      <c r="A1124" s="9" t="s">
        <v>137</v>
      </c>
      <c r="B1124" s="16" t="s">
        <v>2241</v>
      </c>
      <c r="C1124" s="16" t="s">
        <v>2242</v>
      </c>
      <c r="D1124" s="10">
        <v>1414010096</v>
      </c>
      <c r="E1124" s="11">
        <v>47514</v>
      </c>
      <c r="F1124" s="9" t="s">
        <v>2240</v>
      </c>
      <c r="G1124" s="5">
        <v>1122</v>
      </c>
      <c r="H1124" s="12">
        <f t="shared" si="34"/>
        <v>29</v>
      </c>
      <c r="I1124" s="12">
        <f t="shared" si="35"/>
        <v>11</v>
      </c>
    </row>
    <row r="1125" spans="1:35" s="5" customFormat="1" ht="27.75" customHeight="1" x14ac:dyDescent="0.4">
      <c r="A1125" s="9" t="s">
        <v>137</v>
      </c>
      <c r="B1125" s="9" t="s">
        <v>2243</v>
      </c>
      <c r="C1125" s="9" t="s">
        <v>2244</v>
      </c>
      <c r="D1125" s="18">
        <v>1414010310</v>
      </c>
      <c r="E1125" s="11">
        <v>47361</v>
      </c>
      <c r="F1125" s="9" t="s">
        <v>2240</v>
      </c>
      <c r="G1125" s="12">
        <v>1123</v>
      </c>
      <c r="H1125" s="12">
        <f t="shared" si="34"/>
        <v>26</v>
      </c>
      <c r="I1125" s="12">
        <f t="shared" si="35"/>
        <v>7</v>
      </c>
    </row>
    <row r="1126" spans="1:35" s="5" customFormat="1" ht="27.75" customHeight="1" x14ac:dyDescent="0.4">
      <c r="A1126" s="9" t="s">
        <v>137</v>
      </c>
      <c r="B1126" s="9" t="s">
        <v>2245</v>
      </c>
      <c r="C1126" s="9" t="s">
        <v>2246</v>
      </c>
      <c r="D1126" s="18">
        <v>1414010195</v>
      </c>
      <c r="E1126" s="11">
        <v>48334</v>
      </c>
      <c r="F1126" s="9" t="s">
        <v>2240</v>
      </c>
      <c r="G1126" s="5">
        <v>1124</v>
      </c>
      <c r="H1126" s="12">
        <f t="shared" si="34"/>
        <v>13</v>
      </c>
      <c r="I1126" s="12">
        <f t="shared" si="35"/>
        <v>11</v>
      </c>
    </row>
    <row r="1127" spans="1:35" s="5" customFormat="1" ht="27.75" customHeight="1" x14ac:dyDescent="0.4">
      <c r="A1127" s="9" t="s">
        <v>137</v>
      </c>
      <c r="B1127" s="9" t="s">
        <v>2247</v>
      </c>
      <c r="C1127" s="9" t="s">
        <v>2248</v>
      </c>
      <c r="D1127" s="18">
        <v>1414001038</v>
      </c>
      <c r="E1127" s="11">
        <v>46387</v>
      </c>
      <c r="F1127" s="9" t="s">
        <v>2240</v>
      </c>
      <c r="G1127" s="12">
        <v>1125</v>
      </c>
      <c r="H1127" s="12">
        <f t="shared" si="34"/>
        <v>22</v>
      </c>
      <c r="I1127" s="12">
        <f t="shared" si="35"/>
        <v>21</v>
      </c>
    </row>
    <row r="1128" spans="1:35" s="5" customFormat="1" ht="27.75" customHeight="1" x14ac:dyDescent="0.4">
      <c r="A1128" s="9" t="s">
        <v>137</v>
      </c>
      <c r="B1128" s="16" t="s">
        <v>2249</v>
      </c>
      <c r="C1128" s="16" t="s">
        <v>2250</v>
      </c>
      <c r="D1128" s="26">
        <v>1414010245</v>
      </c>
      <c r="E1128" s="11">
        <v>46630</v>
      </c>
      <c r="F1128" s="9" t="s">
        <v>2240</v>
      </c>
      <c r="G1128" s="5">
        <v>1126</v>
      </c>
      <c r="H1128" s="12">
        <f t="shared" si="34"/>
        <v>14</v>
      </c>
      <c r="I1128" s="12">
        <f t="shared" si="35"/>
        <v>7</v>
      </c>
    </row>
    <row r="1129" spans="1:35" s="5" customFormat="1" ht="27.75" customHeight="1" x14ac:dyDescent="0.4">
      <c r="A1129" s="9" t="s">
        <v>137</v>
      </c>
      <c r="B1129" s="9" t="s">
        <v>2251</v>
      </c>
      <c r="C1129" s="9" t="s">
        <v>2252</v>
      </c>
      <c r="D1129" s="18">
        <v>1414001004</v>
      </c>
      <c r="E1129" s="11">
        <v>46387</v>
      </c>
      <c r="F1129" s="9" t="s">
        <v>2240</v>
      </c>
      <c r="G1129" s="12">
        <v>1127</v>
      </c>
      <c r="H1129" s="12">
        <f t="shared" si="34"/>
        <v>13</v>
      </c>
      <c r="I1129" s="12">
        <f t="shared" si="35"/>
        <v>14</v>
      </c>
    </row>
    <row r="1130" spans="1:35" s="5" customFormat="1" ht="27.75" customHeight="1" x14ac:dyDescent="0.4">
      <c r="A1130" s="9" t="s">
        <v>137</v>
      </c>
      <c r="B1130" s="9" t="s">
        <v>2253</v>
      </c>
      <c r="C1130" s="9" t="s">
        <v>2254</v>
      </c>
      <c r="D1130" s="18">
        <v>1414000980</v>
      </c>
      <c r="E1130" s="11">
        <v>46599</v>
      </c>
      <c r="F1130" s="9" t="s">
        <v>2240</v>
      </c>
      <c r="G1130" s="5">
        <v>1128</v>
      </c>
      <c r="H1130" s="12">
        <f t="shared" si="34"/>
        <v>16</v>
      </c>
      <c r="I1130" s="12">
        <f t="shared" si="35"/>
        <v>6</v>
      </c>
    </row>
    <row r="1131" spans="1:35" s="5" customFormat="1" ht="27.75" customHeight="1" x14ac:dyDescent="0.4">
      <c r="A1131" s="17" t="s">
        <v>137</v>
      </c>
      <c r="B1131" s="9" t="s">
        <v>2255</v>
      </c>
      <c r="C1131" s="9" t="s">
        <v>2256</v>
      </c>
      <c r="D1131" s="18">
        <v>1414001087</v>
      </c>
      <c r="E1131" s="11">
        <v>46387</v>
      </c>
      <c r="F1131" s="9" t="s">
        <v>2240</v>
      </c>
      <c r="G1131" s="12">
        <v>1129</v>
      </c>
      <c r="H1131" s="12">
        <f t="shared" si="34"/>
        <v>13</v>
      </c>
      <c r="I1131" s="12">
        <f t="shared" si="35"/>
        <v>9</v>
      </c>
    </row>
    <row r="1132" spans="1:35" s="5" customFormat="1" ht="27.75" customHeight="1" x14ac:dyDescent="0.4">
      <c r="A1132" s="9" t="s">
        <v>137</v>
      </c>
      <c r="B1132" s="9" t="s">
        <v>2257</v>
      </c>
      <c r="C1132" s="9" t="s">
        <v>2258</v>
      </c>
      <c r="D1132" s="18">
        <v>1414000279</v>
      </c>
      <c r="E1132" s="11">
        <v>46387</v>
      </c>
      <c r="F1132" s="9" t="s">
        <v>2240</v>
      </c>
      <c r="G1132" s="5">
        <v>1130</v>
      </c>
      <c r="H1132" s="12">
        <f t="shared" si="34"/>
        <v>10</v>
      </c>
      <c r="I1132" s="12">
        <f t="shared" si="35"/>
        <v>11</v>
      </c>
    </row>
    <row r="1133" spans="1:35" s="5" customFormat="1" ht="27.75" customHeight="1" x14ac:dyDescent="0.4">
      <c r="A1133" s="9" t="s">
        <v>137</v>
      </c>
      <c r="B1133" s="15" t="s">
        <v>2259</v>
      </c>
      <c r="C1133" s="16" t="s">
        <v>2260</v>
      </c>
      <c r="D1133" s="10">
        <v>1414010369</v>
      </c>
      <c r="E1133" s="11">
        <v>47968</v>
      </c>
      <c r="F1133" s="9" t="s">
        <v>2240</v>
      </c>
      <c r="G1133" s="12">
        <v>1131</v>
      </c>
      <c r="H1133" s="12">
        <f t="shared" si="34"/>
        <v>27</v>
      </c>
      <c r="I1133" s="12">
        <f t="shared" si="35"/>
        <v>12</v>
      </c>
    </row>
    <row r="1134" spans="1:35" s="5" customFormat="1" ht="27.75" customHeight="1" x14ac:dyDescent="0.4">
      <c r="A1134" s="17" t="s">
        <v>137</v>
      </c>
      <c r="B1134" s="15" t="s">
        <v>2261</v>
      </c>
      <c r="C1134" s="16" t="s">
        <v>2262</v>
      </c>
      <c r="D1134" s="10">
        <v>1414010294</v>
      </c>
      <c r="E1134" s="11">
        <v>47208</v>
      </c>
      <c r="F1134" s="9" t="s">
        <v>2240</v>
      </c>
      <c r="G1134" s="5">
        <v>1132</v>
      </c>
      <c r="H1134" s="12">
        <f t="shared" si="34"/>
        <v>14</v>
      </c>
      <c r="I1134" s="12">
        <f t="shared" si="35"/>
        <v>8</v>
      </c>
    </row>
    <row r="1135" spans="1:35" s="5" customFormat="1" ht="27.75" customHeight="1" x14ac:dyDescent="0.4">
      <c r="A1135" s="9" t="s">
        <v>137</v>
      </c>
      <c r="B1135" s="9" t="s">
        <v>2263</v>
      </c>
      <c r="C1135" s="9" t="s">
        <v>2264</v>
      </c>
      <c r="D1135" s="18">
        <v>1414000808</v>
      </c>
      <c r="E1135" s="11">
        <v>46387</v>
      </c>
      <c r="F1135" s="9" t="s">
        <v>2240</v>
      </c>
      <c r="G1135" s="12">
        <v>1133</v>
      </c>
      <c r="H1135" s="12">
        <f t="shared" si="34"/>
        <v>10</v>
      </c>
      <c r="I1135" s="12">
        <f t="shared" si="35"/>
        <v>12</v>
      </c>
    </row>
    <row r="1136" spans="1:35" s="5" customFormat="1" ht="27.75" customHeight="1" x14ac:dyDescent="0.4">
      <c r="A1136" s="9" t="s">
        <v>137</v>
      </c>
      <c r="B1136" s="13" t="s">
        <v>2265</v>
      </c>
      <c r="C1136" s="9" t="s">
        <v>2266</v>
      </c>
      <c r="D1136" s="18">
        <v>1414010179</v>
      </c>
      <c r="E1136" s="11">
        <v>48213</v>
      </c>
      <c r="F1136" s="9" t="s">
        <v>2240</v>
      </c>
      <c r="G1136" s="5">
        <v>1134</v>
      </c>
      <c r="H1136" s="12">
        <f t="shared" si="34"/>
        <v>13</v>
      </c>
      <c r="I1136" s="12">
        <f t="shared" si="35"/>
        <v>10</v>
      </c>
      <c r="J1136" s="12"/>
      <c r="K1136" s="12"/>
      <c r="L1136" s="12"/>
      <c r="M1136" s="12"/>
      <c r="N1136" s="12"/>
      <c r="O1136" s="12"/>
      <c r="P1136" s="12"/>
      <c r="Q1136" s="12"/>
      <c r="R1136" s="12"/>
      <c r="S1136" s="12"/>
      <c r="T1136" s="12"/>
      <c r="U1136" s="12"/>
      <c r="V1136" s="12"/>
      <c r="W1136" s="12"/>
      <c r="X1136" s="12"/>
      <c r="Y1136" s="12"/>
      <c r="Z1136" s="12"/>
      <c r="AA1136" s="12"/>
      <c r="AB1136" s="12"/>
      <c r="AC1136" s="12"/>
      <c r="AD1136" s="12"/>
      <c r="AE1136" s="12"/>
      <c r="AF1136" s="12"/>
      <c r="AG1136" s="12"/>
      <c r="AH1136" s="12"/>
      <c r="AI1136" s="12"/>
    </row>
    <row r="1137" spans="1:35" s="5" customFormat="1" ht="27.75" customHeight="1" x14ac:dyDescent="0.4">
      <c r="A1137" s="9" t="s">
        <v>137</v>
      </c>
      <c r="B1137" s="9" t="s">
        <v>2267</v>
      </c>
      <c r="C1137" s="9" t="s">
        <v>2268</v>
      </c>
      <c r="D1137" s="18">
        <v>1414000899</v>
      </c>
      <c r="E1137" s="11">
        <v>47907</v>
      </c>
      <c r="F1137" s="9" t="s">
        <v>2240</v>
      </c>
      <c r="G1137" s="12">
        <v>1135</v>
      </c>
      <c r="H1137" s="12">
        <f t="shared" si="34"/>
        <v>25</v>
      </c>
      <c r="I1137" s="12">
        <f t="shared" si="35"/>
        <v>22</v>
      </c>
    </row>
    <row r="1138" spans="1:35" s="5" customFormat="1" ht="27.75" customHeight="1" x14ac:dyDescent="0.4">
      <c r="A1138" s="9" t="s">
        <v>137</v>
      </c>
      <c r="B1138" s="9" t="s">
        <v>2269</v>
      </c>
      <c r="C1138" s="13" t="s">
        <v>2270</v>
      </c>
      <c r="D1138" s="18">
        <v>1414000493</v>
      </c>
      <c r="E1138" s="11">
        <v>46387</v>
      </c>
      <c r="F1138" s="9" t="s">
        <v>2240</v>
      </c>
      <c r="G1138" s="5">
        <v>1136</v>
      </c>
      <c r="H1138" s="12">
        <f t="shared" si="34"/>
        <v>12</v>
      </c>
      <c r="I1138" s="12">
        <f t="shared" si="35"/>
        <v>20</v>
      </c>
      <c r="J1138" s="12"/>
      <c r="K1138" s="12"/>
      <c r="L1138" s="12"/>
      <c r="M1138" s="12"/>
      <c r="N1138" s="12"/>
      <c r="O1138" s="12"/>
      <c r="P1138" s="12"/>
      <c r="Q1138" s="12"/>
      <c r="R1138" s="12"/>
      <c r="S1138" s="12"/>
      <c r="T1138" s="12"/>
      <c r="U1138" s="12"/>
      <c r="V1138" s="12"/>
      <c r="W1138" s="12"/>
      <c r="X1138" s="12"/>
      <c r="Y1138" s="12"/>
      <c r="Z1138" s="12"/>
      <c r="AA1138" s="12"/>
      <c r="AB1138" s="12"/>
      <c r="AC1138" s="12"/>
      <c r="AD1138" s="12"/>
      <c r="AE1138" s="12"/>
      <c r="AF1138" s="12"/>
      <c r="AG1138" s="12"/>
      <c r="AH1138" s="12"/>
      <c r="AI1138" s="12"/>
    </row>
    <row r="1139" spans="1:35" s="5" customFormat="1" ht="27.75" customHeight="1" x14ac:dyDescent="0.4">
      <c r="A1139" s="9" t="s">
        <v>137</v>
      </c>
      <c r="B1139" s="9" t="s">
        <v>2271</v>
      </c>
      <c r="C1139" s="9" t="s">
        <v>2272</v>
      </c>
      <c r="D1139" s="18">
        <v>1414010351</v>
      </c>
      <c r="E1139" s="11">
        <v>47968</v>
      </c>
      <c r="F1139" s="9" t="s">
        <v>2240</v>
      </c>
      <c r="G1139" s="12">
        <v>1137</v>
      </c>
      <c r="H1139" s="12">
        <f t="shared" si="34"/>
        <v>23</v>
      </c>
      <c r="I1139" s="12">
        <f t="shared" si="35"/>
        <v>10</v>
      </c>
    </row>
    <row r="1140" spans="1:35" s="5" customFormat="1" ht="27.75" customHeight="1" x14ac:dyDescent="0.4">
      <c r="A1140" s="9" t="s">
        <v>137</v>
      </c>
      <c r="B1140" s="9" t="s">
        <v>2273</v>
      </c>
      <c r="C1140" s="9" t="s">
        <v>2274</v>
      </c>
      <c r="D1140" s="18">
        <v>1414010153</v>
      </c>
      <c r="E1140" s="11">
        <v>47968</v>
      </c>
      <c r="F1140" s="9" t="s">
        <v>2240</v>
      </c>
      <c r="G1140" s="5">
        <v>1138</v>
      </c>
      <c r="H1140" s="12">
        <f t="shared" si="34"/>
        <v>21</v>
      </c>
      <c r="I1140" s="12">
        <f t="shared" si="35"/>
        <v>13</v>
      </c>
    </row>
    <row r="1141" spans="1:35" s="5" customFormat="1" ht="27.75" customHeight="1" x14ac:dyDescent="0.4">
      <c r="A1141" s="9" t="s">
        <v>137</v>
      </c>
      <c r="B1141" s="13" t="s">
        <v>2275</v>
      </c>
      <c r="C1141" s="13" t="s">
        <v>2276</v>
      </c>
      <c r="D1141" s="18">
        <v>1414010146</v>
      </c>
      <c r="E1141" s="11">
        <v>48244</v>
      </c>
      <c r="F1141" s="9" t="s">
        <v>2240</v>
      </c>
      <c r="G1141" s="12">
        <v>1139</v>
      </c>
      <c r="H1141" s="12">
        <f t="shared" si="34"/>
        <v>13</v>
      </c>
      <c r="I1141" s="12">
        <f t="shared" si="35"/>
        <v>11</v>
      </c>
    </row>
    <row r="1142" spans="1:35" s="5" customFormat="1" ht="27.75" customHeight="1" x14ac:dyDescent="0.4">
      <c r="A1142" s="9" t="s">
        <v>137</v>
      </c>
      <c r="B1142" s="13" t="s">
        <v>2277</v>
      </c>
      <c r="C1142" s="13" t="s">
        <v>2278</v>
      </c>
      <c r="D1142" s="18">
        <v>1414010203</v>
      </c>
      <c r="E1142" s="11">
        <v>48365</v>
      </c>
      <c r="F1142" s="9" t="s">
        <v>2240</v>
      </c>
      <c r="G1142" s="5">
        <v>1140</v>
      </c>
      <c r="H1142" s="12">
        <f t="shared" si="34"/>
        <v>21</v>
      </c>
      <c r="I1142" s="12">
        <f t="shared" si="35"/>
        <v>18</v>
      </c>
    </row>
    <row r="1143" spans="1:35" s="5" customFormat="1" ht="27.75" customHeight="1" x14ac:dyDescent="0.4">
      <c r="A1143" s="9" t="s">
        <v>137</v>
      </c>
      <c r="B1143" s="13" t="s">
        <v>2279</v>
      </c>
      <c r="C1143" s="13" t="s">
        <v>2280</v>
      </c>
      <c r="D1143" s="18">
        <v>1414010104</v>
      </c>
      <c r="E1143" s="11">
        <v>47938</v>
      </c>
      <c r="F1143" s="9" t="s">
        <v>2240</v>
      </c>
      <c r="G1143" s="12">
        <v>1141</v>
      </c>
      <c r="H1143" s="12">
        <f t="shared" si="34"/>
        <v>12</v>
      </c>
      <c r="I1143" s="12">
        <f t="shared" si="35"/>
        <v>11</v>
      </c>
    </row>
    <row r="1144" spans="1:35" s="5" customFormat="1" ht="27.75" customHeight="1" x14ac:dyDescent="0.4">
      <c r="A1144" s="9" t="s">
        <v>137</v>
      </c>
      <c r="B1144" s="13" t="s">
        <v>2281</v>
      </c>
      <c r="C1144" s="13" t="s">
        <v>2282</v>
      </c>
      <c r="D1144" s="18">
        <v>1414000675</v>
      </c>
      <c r="E1144" s="11">
        <v>46387</v>
      </c>
      <c r="F1144" s="9" t="s">
        <v>2240</v>
      </c>
      <c r="G1144" s="5">
        <v>1142</v>
      </c>
      <c r="H1144" s="12">
        <f t="shared" si="34"/>
        <v>13</v>
      </c>
      <c r="I1144" s="12">
        <f t="shared" si="35"/>
        <v>5</v>
      </c>
    </row>
    <row r="1145" spans="1:35" s="5" customFormat="1" ht="27.75" customHeight="1" x14ac:dyDescent="0.4">
      <c r="A1145" s="9" t="s">
        <v>137</v>
      </c>
      <c r="B1145" s="9" t="s">
        <v>2283</v>
      </c>
      <c r="C1145" s="9" t="s">
        <v>2284</v>
      </c>
      <c r="D1145" s="18">
        <v>1414001236</v>
      </c>
      <c r="E1145" s="11">
        <v>46387</v>
      </c>
      <c r="F1145" s="9" t="s">
        <v>2240</v>
      </c>
      <c r="G1145" s="12">
        <v>1143</v>
      </c>
      <c r="H1145" s="12">
        <f t="shared" si="34"/>
        <v>13</v>
      </c>
      <c r="I1145" s="12">
        <f t="shared" si="35"/>
        <v>20</v>
      </c>
    </row>
    <row r="1146" spans="1:35" s="5" customFormat="1" ht="27.75" customHeight="1" x14ac:dyDescent="0.4">
      <c r="A1146" s="17" t="s">
        <v>137</v>
      </c>
      <c r="B1146" s="9" t="s">
        <v>2285</v>
      </c>
      <c r="C1146" s="9" t="s">
        <v>2286</v>
      </c>
      <c r="D1146" s="18">
        <v>1414000691</v>
      </c>
      <c r="E1146" s="11">
        <v>46387</v>
      </c>
      <c r="F1146" s="9" t="s">
        <v>2240</v>
      </c>
      <c r="G1146" s="5">
        <v>1144</v>
      </c>
      <c r="H1146" s="12">
        <f t="shared" si="34"/>
        <v>14</v>
      </c>
      <c r="I1146" s="12">
        <f t="shared" si="35"/>
        <v>17</v>
      </c>
    </row>
    <row r="1147" spans="1:35" s="5" customFormat="1" ht="27.75" customHeight="1" x14ac:dyDescent="0.4">
      <c r="A1147" s="9" t="s">
        <v>137</v>
      </c>
      <c r="B1147" s="9" t="s">
        <v>2287</v>
      </c>
      <c r="C1147" s="9" t="s">
        <v>2288</v>
      </c>
      <c r="D1147" s="18">
        <v>1414000378</v>
      </c>
      <c r="E1147" s="11">
        <v>46387</v>
      </c>
      <c r="F1147" s="9" t="s">
        <v>2240</v>
      </c>
      <c r="G1147" s="12">
        <v>1145</v>
      </c>
      <c r="H1147" s="12">
        <f t="shared" si="34"/>
        <v>9</v>
      </c>
      <c r="I1147" s="12">
        <f t="shared" si="35"/>
        <v>4</v>
      </c>
    </row>
    <row r="1148" spans="1:35" s="5" customFormat="1" ht="27.75" customHeight="1" x14ac:dyDescent="0.4">
      <c r="A1148" s="17" t="s">
        <v>137</v>
      </c>
      <c r="B1148" s="9" t="s">
        <v>2289</v>
      </c>
      <c r="C1148" s="9" t="s">
        <v>2290</v>
      </c>
      <c r="D1148" s="18">
        <v>1414000949</v>
      </c>
      <c r="E1148" s="11">
        <v>46387</v>
      </c>
      <c r="F1148" s="9" t="s">
        <v>2240</v>
      </c>
      <c r="G1148" s="5">
        <v>1146</v>
      </c>
      <c r="H1148" s="12">
        <f t="shared" si="34"/>
        <v>12</v>
      </c>
      <c r="I1148" s="12">
        <f t="shared" si="35"/>
        <v>18</v>
      </c>
    </row>
    <row r="1149" spans="1:35" s="5" customFormat="1" ht="27.75" customHeight="1" x14ac:dyDescent="0.4">
      <c r="A1149" s="9" t="s">
        <v>137</v>
      </c>
      <c r="B1149" s="9" t="s">
        <v>2291</v>
      </c>
      <c r="C1149" s="9" t="s">
        <v>2292</v>
      </c>
      <c r="D1149" s="18">
        <v>1414010377</v>
      </c>
      <c r="E1149" s="11">
        <v>48029</v>
      </c>
      <c r="F1149" s="9" t="s">
        <v>2240</v>
      </c>
      <c r="G1149" s="12">
        <v>1147</v>
      </c>
      <c r="H1149" s="12">
        <f t="shared" si="34"/>
        <v>14</v>
      </c>
      <c r="I1149" s="12">
        <f t="shared" si="35"/>
        <v>9</v>
      </c>
    </row>
    <row r="1150" spans="1:35" s="5" customFormat="1" ht="27.75" customHeight="1" x14ac:dyDescent="0.4">
      <c r="A1150" s="9" t="s">
        <v>137</v>
      </c>
      <c r="B1150" s="9" t="s">
        <v>2293</v>
      </c>
      <c r="C1150" s="9" t="s">
        <v>2294</v>
      </c>
      <c r="D1150" s="18">
        <v>1414000923</v>
      </c>
      <c r="E1150" s="11">
        <v>47361</v>
      </c>
      <c r="F1150" s="9" t="s">
        <v>2240</v>
      </c>
      <c r="G1150" s="5">
        <v>1148</v>
      </c>
      <c r="H1150" s="12">
        <f t="shared" si="34"/>
        <v>11</v>
      </c>
      <c r="I1150" s="12">
        <f t="shared" si="35"/>
        <v>19</v>
      </c>
    </row>
    <row r="1151" spans="1:35" s="5" customFormat="1" ht="27.75" customHeight="1" x14ac:dyDescent="0.4">
      <c r="A1151" s="9" t="s">
        <v>137</v>
      </c>
      <c r="B1151" s="9" t="s">
        <v>2295</v>
      </c>
      <c r="C1151" s="9" t="s">
        <v>2296</v>
      </c>
      <c r="D1151" s="18">
        <v>1414000204</v>
      </c>
      <c r="E1151" s="11">
        <v>46387</v>
      </c>
      <c r="F1151" s="9" t="s">
        <v>2240</v>
      </c>
      <c r="G1151" s="12">
        <v>1149</v>
      </c>
      <c r="H1151" s="12">
        <f t="shared" si="34"/>
        <v>11</v>
      </c>
      <c r="I1151" s="12">
        <f t="shared" si="35"/>
        <v>23</v>
      </c>
    </row>
    <row r="1152" spans="1:35" s="5" customFormat="1" ht="27.75" customHeight="1" x14ac:dyDescent="0.4">
      <c r="A1152" s="9" t="s">
        <v>137</v>
      </c>
      <c r="B1152" s="9" t="s">
        <v>2297</v>
      </c>
      <c r="C1152" s="9" t="s">
        <v>2298</v>
      </c>
      <c r="D1152" s="26">
        <v>1414010286</v>
      </c>
      <c r="E1152" s="11">
        <v>48121</v>
      </c>
      <c r="F1152" s="9" t="s">
        <v>2240</v>
      </c>
      <c r="G1152" s="5">
        <v>1150</v>
      </c>
      <c r="H1152" s="12">
        <f t="shared" si="34"/>
        <v>13</v>
      </c>
      <c r="I1152" s="12">
        <f t="shared" si="35"/>
        <v>9</v>
      </c>
    </row>
    <row r="1153" spans="1:35" s="5" customFormat="1" ht="27.75" customHeight="1" x14ac:dyDescent="0.4">
      <c r="A1153" s="9" t="s">
        <v>137</v>
      </c>
      <c r="B1153" s="13" t="s">
        <v>2299</v>
      </c>
      <c r="C1153" s="9" t="s">
        <v>2300</v>
      </c>
      <c r="D1153" s="18">
        <v>1414010088</v>
      </c>
      <c r="E1153" s="11">
        <v>46477</v>
      </c>
      <c r="F1153" s="9" t="s">
        <v>2240</v>
      </c>
      <c r="G1153" s="12">
        <v>1151</v>
      </c>
      <c r="H1153" s="12">
        <f t="shared" si="34"/>
        <v>14</v>
      </c>
      <c r="I1153" s="12">
        <f t="shared" si="35"/>
        <v>8</v>
      </c>
    </row>
    <row r="1154" spans="1:35" s="5" customFormat="1" ht="27.75" customHeight="1" x14ac:dyDescent="0.4">
      <c r="A1154" s="9" t="s">
        <v>137</v>
      </c>
      <c r="B1154" s="9" t="s">
        <v>2301</v>
      </c>
      <c r="C1154" s="9" t="s">
        <v>2302</v>
      </c>
      <c r="D1154" s="18">
        <v>1414001053</v>
      </c>
      <c r="E1154" s="11">
        <v>46387</v>
      </c>
      <c r="F1154" s="9" t="s">
        <v>2240</v>
      </c>
      <c r="G1154" s="5">
        <v>1152</v>
      </c>
      <c r="H1154" s="12">
        <f t="shared" si="34"/>
        <v>13</v>
      </c>
      <c r="I1154" s="12">
        <f t="shared" si="35"/>
        <v>21</v>
      </c>
    </row>
    <row r="1155" spans="1:35" s="5" customFormat="1" ht="27.75" customHeight="1" x14ac:dyDescent="0.4">
      <c r="A1155" s="9" t="s">
        <v>137</v>
      </c>
      <c r="B1155" s="9" t="s">
        <v>2303</v>
      </c>
      <c r="C1155" s="9" t="s">
        <v>2304</v>
      </c>
      <c r="D1155" s="18">
        <v>1414010401</v>
      </c>
      <c r="E1155" s="11">
        <v>48152</v>
      </c>
      <c r="F1155" s="9" t="s">
        <v>2240</v>
      </c>
      <c r="G1155" s="12">
        <v>1153</v>
      </c>
      <c r="H1155" s="12">
        <f t="shared" si="34"/>
        <v>12</v>
      </c>
      <c r="I1155" s="12">
        <f t="shared" si="35"/>
        <v>17</v>
      </c>
      <c r="J1155" s="12"/>
      <c r="K1155" s="12"/>
      <c r="L1155" s="12"/>
      <c r="M1155" s="12"/>
      <c r="N1155" s="12"/>
      <c r="O1155" s="12"/>
      <c r="P1155" s="12"/>
      <c r="Q1155" s="12"/>
      <c r="R1155" s="12"/>
      <c r="S1155" s="12"/>
      <c r="T1155" s="12"/>
      <c r="U1155" s="12"/>
      <c r="V1155" s="12"/>
      <c r="W1155" s="12"/>
      <c r="X1155" s="12"/>
      <c r="Y1155" s="12"/>
      <c r="Z1155" s="12"/>
      <c r="AA1155" s="12"/>
      <c r="AB1155" s="12"/>
      <c r="AC1155" s="12"/>
      <c r="AD1155" s="12"/>
      <c r="AE1155" s="12"/>
      <c r="AF1155" s="12"/>
      <c r="AG1155" s="12"/>
      <c r="AH1155" s="12"/>
      <c r="AI1155" s="12"/>
    </row>
    <row r="1156" spans="1:35" s="5" customFormat="1" ht="27.75" customHeight="1" x14ac:dyDescent="0.4">
      <c r="A1156" s="9" t="s">
        <v>137</v>
      </c>
      <c r="B1156" s="9" t="s">
        <v>2305</v>
      </c>
      <c r="C1156" s="9" t="s">
        <v>2306</v>
      </c>
      <c r="D1156" s="18">
        <v>1414000568</v>
      </c>
      <c r="E1156" s="11">
        <v>46387</v>
      </c>
      <c r="F1156" s="9" t="s">
        <v>2240</v>
      </c>
      <c r="G1156" s="5">
        <v>1154</v>
      </c>
      <c r="H1156" s="12">
        <f t="shared" ref="H1156:H1219" si="36">LEN(C1156)</f>
        <v>12</v>
      </c>
      <c r="I1156" s="12">
        <f t="shared" ref="I1156:I1219" si="37">LEN(B1156)</f>
        <v>17</v>
      </c>
    </row>
    <row r="1157" spans="1:35" s="5" customFormat="1" ht="27.75" customHeight="1" x14ac:dyDescent="0.4">
      <c r="A1157" s="9" t="s">
        <v>137</v>
      </c>
      <c r="B1157" s="13" t="s">
        <v>2307</v>
      </c>
      <c r="C1157" s="13" t="s">
        <v>2308</v>
      </c>
      <c r="D1157" s="18">
        <v>1414010344</v>
      </c>
      <c r="E1157" s="11">
        <v>47634</v>
      </c>
      <c r="F1157" s="9" t="s">
        <v>2240</v>
      </c>
      <c r="G1157" s="12">
        <v>1155</v>
      </c>
      <c r="H1157" s="12">
        <f t="shared" si="36"/>
        <v>13</v>
      </c>
      <c r="I1157" s="12">
        <f t="shared" si="37"/>
        <v>11</v>
      </c>
    </row>
    <row r="1158" spans="1:35" s="5" customFormat="1" ht="27.75" customHeight="1" x14ac:dyDescent="0.4">
      <c r="A1158" s="9" t="s">
        <v>137</v>
      </c>
      <c r="B1158" s="14" t="s">
        <v>2309</v>
      </c>
      <c r="C1158" s="9" t="s">
        <v>2310</v>
      </c>
      <c r="D1158" s="18">
        <v>1414000956</v>
      </c>
      <c r="E1158" s="11">
        <v>46387</v>
      </c>
      <c r="F1158" s="9" t="s">
        <v>2240</v>
      </c>
      <c r="G1158" s="5">
        <v>1156</v>
      </c>
      <c r="H1158" s="12">
        <f t="shared" si="36"/>
        <v>26</v>
      </c>
      <c r="I1158" s="12">
        <f t="shared" si="37"/>
        <v>12</v>
      </c>
    </row>
    <row r="1159" spans="1:35" s="5" customFormat="1" ht="27.75" customHeight="1" x14ac:dyDescent="0.4">
      <c r="A1159" s="9" t="s">
        <v>137</v>
      </c>
      <c r="B1159" s="9" t="s">
        <v>2311</v>
      </c>
      <c r="C1159" s="49" t="s">
        <v>2312</v>
      </c>
      <c r="D1159" s="18">
        <v>1414210464</v>
      </c>
      <c r="E1159" s="11">
        <v>46843</v>
      </c>
      <c r="F1159" s="9" t="s">
        <v>117</v>
      </c>
      <c r="G1159" s="12">
        <v>1157</v>
      </c>
      <c r="H1159" s="12">
        <f t="shared" si="36"/>
        <v>36</v>
      </c>
      <c r="I1159" s="12">
        <f t="shared" si="37"/>
        <v>11</v>
      </c>
    </row>
    <row r="1160" spans="1:35" s="5" customFormat="1" ht="27.75" customHeight="1" x14ac:dyDescent="0.4">
      <c r="A1160" s="9" t="s">
        <v>137</v>
      </c>
      <c r="B1160" s="9" t="s">
        <v>2313</v>
      </c>
      <c r="C1160" s="49" t="s">
        <v>2314</v>
      </c>
      <c r="D1160" s="18">
        <v>1414210456</v>
      </c>
      <c r="E1160" s="11">
        <v>46843</v>
      </c>
      <c r="F1160" s="9" t="s">
        <v>117</v>
      </c>
      <c r="G1160" s="5">
        <v>1158</v>
      </c>
      <c r="H1160" s="12">
        <f t="shared" si="36"/>
        <v>38</v>
      </c>
      <c r="I1160" s="12">
        <f t="shared" si="37"/>
        <v>12</v>
      </c>
    </row>
    <row r="1161" spans="1:35" s="5" customFormat="1" ht="27.75" customHeight="1" x14ac:dyDescent="0.4">
      <c r="A1161" s="9" t="s">
        <v>137</v>
      </c>
      <c r="B1161" s="9" t="s">
        <v>2315</v>
      </c>
      <c r="C1161" s="49" t="s">
        <v>2316</v>
      </c>
      <c r="D1161" s="23">
        <v>1414210472</v>
      </c>
      <c r="E1161" s="11">
        <v>46843</v>
      </c>
      <c r="F1161" s="9" t="s">
        <v>117</v>
      </c>
      <c r="G1161" s="12">
        <v>1159</v>
      </c>
      <c r="H1161" s="12">
        <f t="shared" si="36"/>
        <v>34</v>
      </c>
      <c r="I1161" s="12">
        <f t="shared" si="37"/>
        <v>25</v>
      </c>
    </row>
    <row r="1162" spans="1:35" s="5" customFormat="1" ht="27.75" customHeight="1" x14ac:dyDescent="0.4">
      <c r="A1162" s="9" t="s">
        <v>137</v>
      </c>
      <c r="B1162" s="9" t="s">
        <v>2317</v>
      </c>
      <c r="C1162" s="49" t="s">
        <v>2318</v>
      </c>
      <c r="D1162" s="18">
        <v>1414210563</v>
      </c>
      <c r="E1162" s="11">
        <v>48121</v>
      </c>
      <c r="F1162" s="9" t="s">
        <v>117</v>
      </c>
      <c r="G1162" s="5">
        <v>1160</v>
      </c>
      <c r="H1162" s="12">
        <f t="shared" si="36"/>
        <v>34</v>
      </c>
      <c r="I1162" s="12">
        <f t="shared" si="37"/>
        <v>14</v>
      </c>
    </row>
    <row r="1163" spans="1:35" s="5" customFormat="1" ht="27.75" customHeight="1" x14ac:dyDescent="0.4">
      <c r="A1163" s="9" t="s">
        <v>137</v>
      </c>
      <c r="B1163" s="9" t="s">
        <v>2319</v>
      </c>
      <c r="C1163" s="9" t="s">
        <v>2320</v>
      </c>
      <c r="D1163" s="18">
        <v>1414210613</v>
      </c>
      <c r="E1163" s="11">
        <v>47238</v>
      </c>
      <c r="F1163" s="9" t="s">
        <v>117</v>
      </c>
      <c r="G1163" s="12">
        <v>1161</v>
      </c>
      <c r="H1163" s="12">
        <f t="shared" si="36"/>
        <v>23</v>
      </c>
      <c r="I1163" s="12">
        <f t="shared" si="37"/>
        <v>18</v>
      </c>
    </row>
    <row r="1164" spans="1:35" s="5" customFormat="1" ht="27.75" customHeight="1" x14ac:dyDescent="0.4">
      <c r="A1164" s="9" t="s">
        <v>137</v>
      </c>
      <c r="B1164" s="9" t="s">
        <v>2321</v>
      </c>
      <c r="C1164" s="9" t="s">
        <v>2322</v>
      </c>
      <c r="D1164" s="18">
        <v>1414210712</v>
      </c>
      <c r="E1164" s="11">
        <v>47756</v>
      </c>
      <c r="F1164" s="9" t="s">
        <v>117</v>
      </c>
      <c r="G1164" s="5">
        <v>1162</v>
      </c>
      <c r="H1164" s="12">
        <f t="shared" si="36"/>
        <v>29</v>
      </c>
      <c r="I1164" s="12">
        <f t="shared" si="37"/>
        <v>20</v>
      </c>
    </row>
    <row r="1165" spans="1:35" s="5" customFormat="1" ht="27.75" customHeight="1" x14ac:dyDescent="0.4">
      <c r="A1165" s="9" t="s">
        <v>137</v>
      </c>
      <c r="B1165" s="9" t="s">
        <v>2323</v>
      </c>
      <c r="C1165" s="9" t="s">
        <v>2324</v>
      </c>
      <c r="D1165" s="18">
        <v>1414201406</v>
      </c>
      <c r="E1165" s="11">
        <v>46387</v>
      </c>
      <c r="F1165" s="9" t="s">
        <v>117</v>
      </c>
      <c r="G1165" s="12">
        <v>1163</v>
      </c>
      <c r="H1165" s="12">
        <f t="shared" si="36"/>
        <v>28</v>
      </c>
      <c r="I1165" s="12">
        <f t="shared" si="37"/>
        <v>24</v>
      </c>
    </row>
    <row r="1166" spans="1:35" s="5" customFormat="1" ht="27.75" customHeight="1" x14ac:dyDescent="0.4">
      <c r="A1166" s="9" t="s">
        <v>137</v>
      </c>
      <c r="B1166" s="16" t="s">
        <v>2325</v>
      </c>
      <c r="C1166" s="16" t="s">
        <v>2326</v>
      </c>
      <c r="D1166" s="10">
        <v>1414210027</v>
      </c>
      <c r="E1166" s="11">
        <v>46387</v>
      </c>
      <c r="F1166" s="9" t="s">
        <v>117</v>
      </c>
      <c r="G1166" s="5">
        <v>1164</v>
      </c>
      <c r="H1166" s="12">
        <f t="shared" si="36"/>
        <v>15</v>
      </c>
      <c r="I1166" s="12">
        <f t="shared" si="37"/>
        <v>11</v>
      </c>
    </row>
    <row r="1167" spans="1:35" s="5" customFormat="1" ht="27.75" customHeight="1" x14ac:dyDescent="0.4">
      <c r="A1167" s="9" t="s">
        <v>137</v>
      </c>
      <c r="B1167" s="16" t="s">
        <v>2327</v>
      </c>
      <c r="C1167" s="16" t="s">
        <v>2328</v>
      </c>
      <c r="D1167" s="10">
        <v>1414201026</v>
      </c>
      <c r="E1167" s="11">
        <v>46660</v>
      </c>
      <c r="F1167" s="9" t="s">
        <v>117</v>
      </c>
      <c r="G1167" s="12">
        <v>1165</v>
      </c>
      <c r="H1167" s="12">
        <f t="shared" si="36"/>
        <v>15</v>
      </c>
      <c r="I1167" s="12">
        <f t="shared" si="37"/>
        <v>4</v>
      </c>
    </row>
    <row r="1168" spans="1:35" s="5" customFormat="1" ht="27.75" customHeight="1" x14ac:dyDescent="0.4">
      <c r="A1168" s="9" t="s">
        <v>137</v>
      </c>
      <c r="B1168" s="16" t="s">
        <v>2329</v>
      </c>
      <c r="C1168" s="16" t="s">
        <v>2330</v>
      </c>
      <c r="D1168" s="10">
        <v>1414200689</v>
      </c>
      <c r="E1168" s="11">
        <v>46387</v>
      </c>
      <c r="F1168" s="9" t="s">
        <v>117</v>
      </c>
      <c r="G1168" s="5">
        <v>1166</v>
      </c>
      <c r="H1168" s="12">
        <f t="shared" si="36"/>
        <v>13</v>
      </c>
      <c r="I1168" s="12">
        <f t="shared" si="37"/>
        <v>7</v>
      </c>
    </row>
    <row r="1169" spans="1:35" s="5" customFormat="1" ht="27.75" customHeight="1" x14ac:dyDescent="0.4">
      <c r="A1169" s="9" t="s">
        <v>137</v>
      </c>
      <c r="B1169" s="15" t="s">
        <v>2331</v>
      </c>
      <c r="C1169" s="16" t="s">
        <v>2332</v>
      </c>
      <c r="D1169" s="26">
        <v>1414201158</v>
      </c>
      <c r="E1169" s="11">
        <v>46387</v>
      </c>
      <c r="F1169" s="9" t="s">
        <v>117</v>
      </c>
      <c r="G1169" s="12">
        <v>1167</v>
      </c>
      <c r="H1169" s="12">
        <f t="shared" si="36"/>
        <v>14</v>
      </c>
      <c r="I1169" s="12">
        <f t="shared" si="37"/>
        <v>8</v>
      </c>
    </row>
    <row r="1170" spans="1:35" s="5" customFormat="1" ht="27.75" customHeight="1" x14ac:dyDescent="0.4">
      <c r="A1170" s="9" t="s">
        <v>137</v>
      </c>
      <c r="B1170" s="22" t="s">
        <v>2333</v>
      </c>
      <c r="C1170" s="22" t="s">
        <v>2334</v>
      </c>
      <c r="D1170" s="10">
        <v>1414200762</v>
      </c>
      <c r="E1170" s="11">
        <v>46387</v>
      </c>
      <c r="F1170" s="9" t="s">
        <v>117</v>
      </c>
      <c r="G1170" s="5">
        <v>1168</v>
      </c>
      <c r="H1170" s="12">
        <f t="shared" si="36"/>
        <v>13</v>
      </c>
      <c r="I1170" s="12">
        <f t="shared" si="37"/>
        <v>7</v>
      </c>
    </row>
    <row r="1171" spans="1:35" s="5" customFormat="1" ht="27.75" customHeight="1" x14ac:dyDescent="0.4">
      <c r="A1171" s="29" t="s">
        <v>137</v>
      </c>
      <c r="B1171" s="15" t="s">
        <v>2335</v>
      </c>
      <c r="C1171" s="15" t="s">
        <v>2336</v>
      </c>
      <c r="D1171" s="18">
        <v>1414210605</v>
      </c>
      <c r="E1171" s="32">
        <v>47208</v>
      </c>
      <c r="F1171" s="9" t="s">
        <v>117</v>
      </c>
      <c r="G1171" s="12">
        <v>1169</v>
      </c>
      <c r="H1171" s="12">
        <f t="shared" si="36"/>
        <v>13</v>
      </c>
      <c r="I1171" s="12">
        <f t="shared" si="37"/>
        <v>23</v>
      </c>
      <c r="J1171" s="12"/>
      <c r="K1171" s="12"/>
      <c r="L1171" s="12"/>
      <c r="M1171" s="12"/>
      <c r="N1171" s="12"/>
      <c r="O1171" s="12"/>
      <c r="P1171" s="12"/>
      <c r="Q1171" s="12"/>
      <c r="R1171" s="12"/>
      <c r="S1171" s="12"/>
      <c r="T1171" s="12"/>
      <c r="U1171" s="12"/>
      <c r="V1171" s="12"/>
      <c r="W1171" s="12"/>
      <c r="X1171" s="12"/>
      <c r="Y1171" s="12"/>
      <c r="Z1171" s="12"/>
      <c r="AA1171" s="12"/>
      <c r="AB1171" s="12"/>
      <c r="AC1171" s="12"/>
      <c r="AD1171" s="12"/>
      <c r="AE1171" s="12"/>
      <c r="AF1171" s="12"/>
      <c r="AG1171" s="12"/>
      <c r="AH1171" s="12"/>
      <c r="AI1171" s="12"/>
    </row>
    <row r="1172" spans="1:35" s="5" customFormat="1" ht="27.75" customHeight="1" x14ac:dyDescent="0.4">
      <c r="A1172" s="29" t="s">
        <v>137</v>
      </c>
      <c r="B1172" s="29" t="s">
        <v>2337</v>
      </c>
      <c r="C1172" s="29" t="s">
        <v>2338</v>
      </c>
      <c r="D1172" s="21">
        <v>1414210688</v>
      </c>
      <c r="E1172" s="32">
        <v>47573</v>
      </c>
      <c r="F1172" s="9" t="s">
        <v>117</v>
      </c>
      <c r="G1172" s="5">
        <v>1170</v>
      </c>
      <c r="H1172" s="12">
        <f t="shared" si="36"/>
        <v>24</v>
      </c>
      <c r="I1172" s="12">
        <f t="shared" si="37"/>
        <v>11</v>
      </c>
    </row>
    <row r="1173" spans="1:35" s="5" customFormat="1" ht="27.75" customHeight="1" x14ac:dyDescent="0.4">
      <c r="A1173" s="15" t="s">
        <v>137</v>
      </c>
      <c r="B1173" s="15" t="s">
        <v>2339</v>
      </c>
      <c r="C1173" s="16" t="s">
        <v>2340</v>
      </c>
      <c r="D1173" s="26">
        <v>1414200861</v>
      </c>
      <c r="E1173" s="11">
        <v>46387</v>
      </c>
      <c r="F1173" s="9" t="s">
        <v>117</v>
      </c>
      <c r="G1173" s="12">
        <v>1171</v>
      </c>
      <c r="H1173" s="12">
        <f t="shared" si="36"/>
        <v>14</v>
      </c>
      <c r="I1173" s="12">
        <f t="shared" si="37"/>
        <v>19</v>
      </c>
      <c r="J1173" s="12"/>
      <c r="K1173" s="12"/>
      <c r="L1173" s="12"/>
      <c r="M1173" s="12"/>
      <c r="N1173" s="12"/>
      <c r="O1173" s="12"/>
      <c r="P1173" s="12"/>
      <c r="Q1173" s="12"/>
      <c r="R1173" s="12"/>
      <c r="S1173" s="12"/>
      <c r="T1173" s="12"/>
      <c r="U1173" s="12"/>
      <c r="V1173" s="12"/>
      <c r="W1173" s="12"/>
      <c r="X1173" s="12"/>
      <c r="Y1173" s="12"/>
      <c r="Z1173" s="12"/>
      <c r="AA1173" s="12"/>
      <c r="AB1173" s="12"/>
      <c r="AC1173" s="12"/>
      <c r="AD1173" s="12"/>
      <c r="AE1173" s="12"/>
      <c r="AF1173" s="12"/>
      <c r="AG1173" s="12"/>
      <c r="AH1173" s="12"/>
      <c r="AI1173" s="12"/>
    </row>
    <row r="1174" spans="1:35" s="5" customFormat="1" ht="27.75" customHeight="1" x14ac:dyDescent="0.4">
      <c r="A1174" s="22" t="s">
        <v>137</v>
      </c>
      <c r="B1174" s="22" t="s">
        <v>2341</v>
      </c>
      <c r="C1174" s="22" t="s">
        <v>2342</v>
      </c>
      <c r="D1174" s="10">
        <v>1414210084</v>
      </c>
      <c r="E1174" s="11">
        <v>47177</v>
      </c>
      <c r="F1174" s="9" t="s">
        <v>117</v>
      </c>
      <c r="G1174" s="5">
        <v>1172</v>
      </c>
      <c r="H1174" s="12">
        <f t="shared" si="36"/>
        <v>21</v>
      </c>
      <c r="I1174" s="12">
        <f t="shared" si="37"/>
        <v>9</v>
      </c>
      <c r="J1174" s="12"/>
      <c r="K1174" s="12"/>
      <c r="L1174" s="12"/>
      <c r="M1174" s="12"/>
      <c r="N1174" s="12"/>
      <c r="O1174" s="12"/>
      <c r="P1174" s="12"/>
      <c r="Q1174" s="12"/>
      <c r="R1174" s="12"/>
      <c r="S1174" s="12"/>
      <c r="T1174" s="12"/>
      <c r="U1174" s="12"/>
      <c r="V1174" s="12"/>
      <c r="W1174" s="12"/>
      <c r="X1174" s="12"/>
      <c r="Y1174" s="12"/>
      <c r="Z1174" s="12"/>
      <c r="AA1174" s="12"/>
      <c r="AB1174" s="12"/>
      <c r="AC1174" s="12"/>
      <c r="AD1174" s="12"/>
      <c r="AE1174" s="12"/>
      <c r="AF1174" s="12"/>
      <c r="AG1174" s="12"/>
      <c r="AH1174" s="12"/>
      <c r="AI1174" s="12"/>
    </row>
    <row r="1175" spans="1:35" s="5" customFormat="1" ht="27.75" customHeight="1" x14ac:dyDescent="0.4">
      <c r="A1175" s="9" t="s">
        <v>137</v>
      </c>
      <c r="B1175" s="16" t="s">
        <v>2343</v>
      </c>
      <c r="C1175" s="16" t="s">
        <v>2344</v>
      </c>
      <c r="D1175" s="10">
        <v>1414210415</v>
      </c>
      <c r="E1175" s="11">
        <v>46418</v>
      </c>
      <c r="F1175" s="9" t="s">
        <v>117</v>
      </c>
      <c r="G1175" s="12">
        <v>1173</v>
      </c>
      <c r="H1175" s="12">
        <f t="shared" si="36"/>
        <v>11</v>
      </c>
      <c r="I1175" s="12">
        <f t="shared" si="37"/>
        <v>7</v>
      </c>
      <c r="J1175" s="12"/>
      <c r="K1175" s="12"/>
      <c r="L1175" s="12"/>
      <c r="M1175" s="12"/>
      <c r="N1175" s="12"/>
      <c r="O1175" s="12"/>
      <c r="P1175" s="12"/>
      <c r="Q1175" s="12"/>
      <c r="R1175" s="12"/>
      <c r="S1175" s="12"/>
      <c r="T1175" s="12"/>
      <c r="U1175" s="12"/>
      <c r="V1175" s="12"/>
      <c r="W1175" s="12"/>
      <c r="X1175" s="12"/>
      <c r="Y1175" s="12"/>
      <c r="Z1175" s="12"/>
      <c r="AA1175" s="12"/>
      <c r="AB1175" s="12"/>
      <c r="AC1175" s="12"/>
      <c r="AD1175" s="12"/>
      <c r="AE1175" s="12"/>
      <c r="AF1175" s="12"/>
      <c r="AG1175" s="12"/>
      <c r="AH1175" s="12"/>
      <c r="AI1175" s="12"/>
    </row>
    <row r="1176" spans="1:35" s="24" customFormat="1" ht="27.75" customHeight="1" x14ac:dyDescent="0.4">
      <c r="A1176" s="9" t="s">
        <v>137</v>
      </c>
      <c r="B1176" s="15" t="s">
        <v>2345</v>
      </c>
      <c r="C1176" s="16" t="s">
        <v>2346</v>
      </c>
      <c r="D1176" s="26">
        <v>1414210175</v>
      </c>
      <c r="E1176" s="11">
        <v>46904</v>
      </c>
      <c r="F1176" s="9" t="s">
        <v>117</v>
      </c>
      <c r="G1176" s="5">
        <v>1174</v>
      </c>
      <c r="H1176" s="12">
        <f t="shared" si="36"/>
        <v>23</v>
      </c>
      <c r="I1176" s="12">
        <f t="shared" si="37"/>
        <v>16</v>
      </c>
      <c r="J1176" s="5"/>
      <c r="K1176" s="5"/>
      <c r="L1176" s="5"/>
      <c r="M1176" s="5"/>
      <c r="N1176" s="5"/>
      <c r="O1176" s="5"/>
      <c r="P1176" s="5"/>
      <c r="Q1176" s="5"/>
      <c r="R1176" s="5"/>
      <c r="S1176" s="5"/>
      <c r="T1176" s="5"/>
      <c r="U1176" s="5"/>
      <c r="V1176" s="5"/>
      <c r="W1176" s="5"/>
      <c r="X1176" s="5"/>
      <c r="Y1176" s="5"/>
      <c r="Z1176" s="5"/>
      <c r="AA1176" s="5"/>
      <c r="AB1176" s="5"/>
      <c r="AC1176" s="5"/>
      <c r="AD1176" s="5"/>
      <c r="AE1176" s="5"/>
      <c r="AF1176" s="5"/>
      <c r="AG1176" s="5"/>
      <c r="AH1176" s="5"/>
      <c r="AI1176" s="5"/>
    </row>
    <row r="1177" spans="1:35" s="5" customFormat="1" ht="27.75" customHeight="1" x14ac:dyDescent="0.4">
      <c r="A1177" s="22" t="s">
        <v>137</v>
      </c>
      <c r="B1177" s="22" t="s">
        <v>2347</v>
      </c>
      <c r="C1177" s="22" t="s">
        <v>2348</v>
      </c>
      <c r="D1177" s="10">
        <v>1414210167</v>
      </c>
      <c r="E1177" s="11">
        <v>46873</v>
      </c>
      <c r="F1177" s="9" t="s">
        <v>117</v>
      </c>
      <c r="G1177" s="12">
        <v>1175</v>
      </c>
      <c r="H1177" s="12">
        <f t="shared" si="36"/>
        <v>22</v>
      </c>
      <c r="I1177" s="12">
        <f t="shared" si="37"/>
        <v>9</v>
      </c>
    </row>
    <row r="1178" spans="1:35" s="5" customFormat="1" ht="27.75" customHeight="1" x14ac:dyDescent="0.4">
      <c r="A1178" s="9" t="s">
        <v>137</v>
      </c>
      <c r="B1178" s="15" t="s">
        <v>2349</v>
      </c>
      <c r="C1178" s="16" t="s">
        <v>2350</v>
      </c>
      <c r="D1178" s="26">
        <v>1414210530</v>
      </c>
      <c r="E1178" s="11">
        <v>46873</v>
      </c>
      <c r="F1178" s="9" t="s">
        <v>117</v>
      </c>
      <c r="G1178" s="5">
        <v>1176</v>
      </c>
      <c r="H1178" s="12">
        <f t="shared" si="36"/>
        <v>29</v>
      </c>
      <c r="I1178" s="12">
        <f t="shared" si="37"/>
        <v>12</v>
      </c>
    </row>
    <row r="1179" spans="1:35" s="5" customFormat="1" ht="27.75" customHeight="1" x14ac:dyDescent="0.4">
      <c r="A1179" s="13" t="s">
        <v>137</v>
      </c>
      <c r="B1179" s="13" t="s">
        <v>2351</v>
      </c>
      <c r="C1179" s="9" t="s">
        <v>2352</v>
      </c>
      <c r="D1179" s="18">
        <v>1414210159</v>
      </c>
      <c r="E1179" s="11">
        <v>47938</v>
      </c>
      <c r="F1179" s="9" t="s">
        <v>117</v>
      </c>
      <c r="G1179" s="12">
        <v>1177</v>
      </c>
      <c r="H1179" s="12">
        <f t="shared" si="36"/>
        <v>21</v>
      </c>
      <c r="I1179" s="12">
        <f t="shared" si="37"/>
        <v>13</v>
      </c>
    </row>
    <row r="1180" spans="1:35" s="5" customFormat="1" ht="27.75" customHeight="1" x14ac:dyDescent="0.4">
      <c r="A1180" s="13" t="s">
        <v>137</v>
      </c>
      <c r="B1180" s="9" t="s">
        <v>2353</v>
      </c>
      <c r="C1180" s="9" t="s">
        <v>2354</v>
      </c>
      <c r="D1180" s="18">
        <v>1414201430</v>
      </c>
      <c r="E1180" s="11">
        <v>46387</v>
      </c>
      <c r="F1180" s="9" t="s">
        <v>117</v>
      </c>
      <c r="G1180" s="5">
        <v>1178</v>
      </c>
      <c r="H1180" s="12">
        <f t="shared" si="36"/>
        <v>24</v>
      </c>
      <c r="I1180" s="12">
        <f t="shared" si="37"/>
        <v>15</v>
      </c>
    </row>
    <row r="1181" spans="1:35" s="5" customFormat="1" ht="27.75" customHeight="1" x14ac:dyDescent="0.4">
      <c r="A1181" s="13" t="s">
        <v>137</v>
      </c>
      <c r="B1181" s="9" t="s">
        <v>2355</v>
      </c>
      <c r="C1181" s="9" t="s">
        <v>2356</v>
      </c>
      <c r="D1181" s="18">
        <v>1414210589</v>
      </c>
      <c r="E1181" s="11">
        <v>47087</v>
      </c>
      <c r="F1181" s="9" t="s">
        <v>117</v>
      </c>
      <c r="G1181" s="12">
        <v>1179</v>
      </c>
      <c r="H1181" s="12">
        <f t="shared" si="36"/>
        <v>25</v>
      </c>
      <c r="I1181" s="12">
        <f t="shared" si="37"/>
        <v>12</v>
      </c>
    </row>
    <row r="1182" spans="1:35" s="5" customFormat="1" ht="27.75" customHeight="1" x14ac:dyDescent="0.4">
      <c r="A1182" s="13" t="s">
        <v>137</v>
      </c>
      <c r="B1182" s="9" t="s">
        <v>2357</v>
      </c>
      <c r="C1182" s="49" t="s">
        <v>2358</v>
      </c>
      <c r="D1182" s="18">
        <v>1414210407</v>
      </c>
      <c r="E1182" s="11">
        <v>46418</v>
      </c>
      <c r="F1182" s="9" t="s">
        <v>117</v>
      </c>
      <c r="G1182" s="5">
        <v>1180</v>
      </c>
      <c r="H1182" s="12">
        <f t="shared" si="36"/>
        <v>30</v>
      </c>
      <c r="I1182" s="12">
        <f t="shared" si="37"/>
        <v>16</v>
      </c>
    </row>
    <row r="1183" spans="1:35" s="5" customFormat="1" ht="27.75" customHeight="1" x14ac:dyDescent="0.4">
      <c r="A1183" s="13" t="s">
        <v>137</v>
      </c>
      <c r="B1183" s="13" t="s">
        <v>2359</v>
      </c>
      <c r="C1183" s="13" t="s">
        <v>2360</v>
      </c>
      <c r="D1183" s="18">
        <v>1414210365</v>
      </c>
      <c r="E1183" s="11">
        <v>48395</v>
      </c>
      <c r="F1183" s="9" t="s">
        <v>117</v>
      </c>
      <c r="G1183" s="12">
        <v>1181</v>
      </c>
      <c r="H1183" s="12">
        <f t="shared" si="36"/>
        <v>28</v>
      </c>
      <c r="I1183" s="12">
        <f t="shared" si="37"/>
        <v>11</v>
      </c>
    </row>
    <row r="1184" spans="1:35" s="5" customFormat="1" ht="27.75" customHeight="1" x14ac:dyDescent="0.4">
      <c r="A1184" s="13" t="s">
        <v>137</v>
      </c>
      <c r="B1184" s="9" t="s">
        <v>2361</v>
      </c>
      <c r="C1184" s="9" t="s">
        <v>2362</v>
      </c>
      <c r="D1184" s="18">
        <v>1414210340</v>
      </c>
      <c r="E1184" s="11">
        <v>48457</v>
      </c>
      <c r="F1184" s="9" t="s">
        <v>117</v>
      </c>
      <c r="G1184" s="5">
        <v>1182</v>
      </c>
      <c r="H1184" s="12">
        <f t="shared" si="36"/>
        <v>16</v>
      </c>
      <c r="I1184" s="12">
        <f t="shared" si="37"/>
        <v>17</v>
      </c>
    </row>
    <row r="1185" spans="1:35" s="5" customFormat="1" ht="27.75" customHeight="1" x14ac:dyDescent="0.4">
      <c r="A1185" s="13" t="s">
        <v>137</v>
      </c>
      <c r="B1185" s="9" t="s">
        <v>2363</v>
      </c>
      <c r="C1185" s="9" t="s">
        <v>2364</v>
      </c>
      <c r="D1185" s="18">
        <v>1414210647</v>
      </c>
      <c r="E1185" s="11">
        <v>47361</v>
      </c>
      <c r="F1185" s="9" t="s">
        <v>117</v>
      </c>
      <c r="G1185" s="12">
        <v>1183</v>
      </c>
      <c r="H1185" s="12">
        <f t="shared" si="36"/>
        <v>16</v>
      </c>
      <c r="I1185" s="12">
        <f t="shared" si="37"/>
        <v>23</v>
      </c>
      <c r="J1185" s="12"/>
      <c r="K1185" s="12"/>
      <c r="L1185" s="12"/>
      <c r="M1185" s="12"/>
      <c r="N1185" s="12"/>
      <c r="O1185" s="12"/>
      <c r="P1185" s="12"/>
      <c r="Q1185" s="12"/>
      <c r="R1185" s="12"/>
      <c r="S1185" s="12"/>
      <c r="T1185" s="12"/>
      <c r="U1185" s="12"/>
      <c r="V1185" s="12"/>
      <c r="W1185" s="12"/>
      <c r="X1185" s="12"/>
      <c r="Y1185" s="12"/>
      <c r="Z1185" s="12"/>
      <c r="AA1185" s="12"/>
      <c r="AB1185" s="12"/>
      <c r="AC1185" s="12"/>
      <c r="AD1185" s="12"/>
      <c r="AE1185" s="12"/>
      <c r="AF1185" s="12"/>
      <c r="AG1185" s="12"/>
      <c r="AH1185" s="12"/>
      <c r="AI1185" s="12"/>
    </row>
    <row r="1186" spans="1:35" s="5" customFormat="1" ht="27.75" customHeight="1" x14ac:dyDescent="0.4">
      <c r="A1186" s="13" t="s">
        <v>137</v>
      </c>
      <c r="B1186" s="9" t="s">
        <v>2365</v>
      </c>
      <c r="C1186" s="9" t="s">
        <v>2366</v>
      </c>
      <c r="D1186" s="18">
        <v>1414200929</v>
      </c>
      <c r="E1186" s="11">
        <v>46387</v>
      </c>
      <c r="F1186" s="9" t="s">
        <v>117</v>
      </c>
      <c r="G1186" s="5">
        <v>1184</v>
      </c>
      <c r="H1186" s="12">
        <f t="shared" si="36"/>
        <v>15</v>
      </c>
      <c r="I1186" s="12">
        <f t="shared" si="37"/>
        <v>4</v>
      </c>
    </row>
    <row r="1187" spans="1:35" s="5" customFormat="1" ht="27.75" customHeight="1" x14ac:dyDescent="0.4">
      <c r="A1187" s="13" t="s">
        <v>137</v>
      </c>
      <c r="B1187" s="9" t="s">
        <v>2367</v>
      </c>
      <c r="C1187" s="9" t="s">
        <v>2368</v>
      </c>
      <c r="D1187" s="18">
        <v>1414200838</v>
      </c>
      <c r="E1187" s="11">
        <v>46387</v>
      </c>
      <c r="F1187" s="9" t="s">
        <v>117</v>
      </c>
      <c r="G1187" s="12">
        <v>1185</v>
      </c>
      <c r="H1187" s="12">
        <f t="shared" si="36"/>
        <v>24</v>
      </c>
      <c r="I1187" s="12">
        <f t="shared" si="37"/>
        <v>9</v>
      </c>
    </row>
    <row r="1188" spans="1:35" s="5" customFormat="1" ht="27.75" customHeight="1" x14ac:dyDescent="0.4">
      <c r="A1188" s="13" t="s">
        <v>137</v>
      </c>
      <c r="B1188" s="14" t="s">
        <v>2369</v>
      </c>
      <c r="C1188" s="9" t="s">
        <v>2370</v>
      </c>
      <c r="D1188" s="18">
        <v>1414210381</v>
      </c>
      <c r="E1188" s="11">
        <v>48334</v>
      </c>
      <c r="F1188" s="9" t="s">
        <v>117</v>
      </c>
      <c r="G1188" s="5">
        <v>1186</v>
      </c>
      <c r="H1188" s="12">
        <f t="shared" si="36"/>
        <v>19</v>
      </c>
      <c r="I1188" s="12">
        <f t="shared" si="37"/>
        <v>11</v>
      </c>
    </row>
    <row r="1189" spans="1:35" s="5" customFormat="1" ht="27.75" customHeight="1" x14ac:dyDescent="0.4">
      <c r="A1189" s="13" t="s">
        <v>137</v>
      </c>
      <c r="B1189" s="9" t="s">
        <v>2371</v>
      </c>
      <c r="C1189" s="9" t="s">
        <v>2372</v>
      </c>
      <c r="D1189" s="26">
        <v>1414210423</v>
      </c>
      <c r="E1189" s="11">
        <v>46691</v>
      </c>
      <c r="F1189" s="9" t="s">
        <v>117</v>
      </c>
      <c r="G1189" s="12">
        <v>1187</v>
      </c>
      <c r="H1189" s="12">
        <f t="shared" si="36"/>
        <v>25</v>
      </c>
      <c r="I1189" s="12">
        <f t="shared" si="37"/>
        <v>18</v>
      </c>
    </row>
    <row r="1190" spans="1:35" s="5" customFormat="1" ht="27.75" customHeight="1" x14ac:dyDescent="0.4">
      <c r="A1190" s="13" t="s">
        <v>137</v>
      </c>
      <c r="B1190" s="13" t="s">
        <v>2373</v>
      </c>
      <c r="C1190" s="9" t="s">
        <v>2374</v>
      </c>
      <c r="D1190" s="18">
        <v>1414210597</v>
      </c>
      <c r="E1190" s="11">
        <v>47238</v>
      </c>
      <c r="F1190" s="9" t="s">
        <v>117</v>
      </c>
      <c r="G1190" s="5">
        <v>1188</v>
      </c>
      <c r="H1190" s="12">
        <f t="shared" si="36"/>
        <v>21</v>
      </c>
      <c r="I1190" s="12">
        <f t="shared" si="37"/>
        <v>15</v>
      </c>
    </row>
    <row r="1191" spans="1:35" s="5" customFormat="1" ht="27.75" customHeight="1" x14ac:dyDescent="0.4">
      <c r="A1191" s="13" t="s">
        <v>137</v>
      </c>
      <c r="B1191" s="9" t="s">
        <v>2375</v>
      </c>
      <c r="C1191" s="9" t="s">
        <v>2376</v>
      </c>
      <c r="D1191" s="18">
        <v>1414210233</v>
      </c>
      <c r="E1191" s="11">
        <v>47208</v>
      </c>
      <c r="F1191" s="9" t="s">
        <v>117</v>
      </c>
      <c r="G1191" s="12">
        <v>1189</v>
      </c>
      <c r="H1191" s="12">
        <f t="shared" si="36"/>
        <v>25</v>
      </c>
      <c r="I1191" s="12">
        <f t="shared" si="37"/>
        <v>10</v>
      </c>
    </row>
    <row r="1192" spans="1:35" s="5" customFormat="1" ht="27.75" customHeight="1" x14ac:dyDescent="0.4">
      <c r="A1192" s="13" t="s">
        <v>137</v>
      </c>
      <c r="B1192" s="9" t="s">
        <v>2377</v>
      </c>
      <c r="C1192" s="9" t="s">
        <v>2378</v>
      </c>
      <c r="D1192" s="18">
        <v>1414200960</v>
      </c>
      <c r="E1192" s="11">
        <v>46387</v>
      </c>
      <c r="F1192" s="9" t="s">
        <v>117</v>
      </c>
      <c r="G1192" s="5">
        <v>1190</v>
      </c>
      <c r="H1192" s="12">
        <f t="shared" si="36"/>
        <v>11</v>
      </c>
      <c r="I1192" s="12">
        <f t="shared" si="37"/>
        <v>6</v>
      </c>
    </row>
    <row r="1193" spans="1:35" s="5" customFormat="1" ht="27.75" customHeight="1" x14ac:dyDescent="0.4">
      <c r="A1193" s="13" t="s">
        <v>137</v>
      </c>
      <c r="B1193" s="9" t="s">
        <v>2379</v>
      </c>
      <c r="C1193" s="9" t="s">
        <v>2380</v>
      </c>
      <c r="D1193" s="18">
        <v>1414200499</v>
      </c>
      <c r="E1193" s="11">
        <v>46387</v>
      </c>
      <c r="F1193" s="9" t="s">
        <v>117</v>
      </c>
      <c r="G1193" s="12">
        <v>1191</v>
      </c>
      <c r="H1193" s="12">
        <f t="shared" si="36"/>
        <v>14</v>
      </c>
      <c r="I1193" s="12">
        <f t="shared" si="37"/>
        <v>22</v>
      </c>
    </row>
    <row r="1194" spans="1:35" s="5" customFormat="1" ht="27.75" customHeight="1" x14ac:dyDescent="0.4">
      <c r="A1194" s="13" t="s">
        <v>137</v>
      </c>
      <c r="B1194" s="9" t="s">
        <v>2381</v>
      </c>
      <c r="C1194" s="9" t="s">
        <v>2382</v>
      </c>
      <c r="D1194" s="26">
        <v>1414200853</v>
      </c>
      <c r="E1194" s="11">
        <v>46387</v>
      </c>
      <c r="F1194" s="9" t="s">
        <v>117</v>
      </c>
      <c r="G1194" s="5">
        <v>1192</v>
      </c>
      <c r="H1194" s="12">
        <f t="shared" si="36"/>
        <v>13</v>
      </c>
      <c r="I1194" s="12">
        <f t="shared" si="37"/>
        <v>18</v>
      </c>
    </row>
    <row r="1195" spans="1:35" s="5" customFormat="1" ht="27.75" customHeight="1" x14ac:dyDescent="0.4">
      <c r="A1195" s="13" t="s">
        <v>137</v>
      </c>
      <c r="B1195" s="15" t="s">
        <v>2383</v>
      </c>
      <c r="C1195" s="16" t="s">
        <v>2384</v>
      </c>
      <c r="D1195" s="10">
        <v>1414201364</v>
      </c>
      <c r="E1195" s="11">
        <v>46387</v>
      </c>
      <c r="F1195" s="9" t="s">
        <v>117</v>
      </c>
      <c r="G1195" s="12">
        <v>1193</v>
      </c>
      <c r="H1195" s="12">
        <f t="shared" si="36"/>
        <v>12</v>
      </c>
      <c r="I1195" s="12">
        <f t="shared" si="37"/>
        <v>22</v>
      </c>
    </row>
    <row r="1196" spans="1:35" s="5" customFormat="1" ht="27.75" customHeight="1" x14ac:dyDescent="0.4">
      <c r="A1196" s="13" t="s">
        <v>137</v>
      </c>
      <c r="B1196" s="9" t="s">
        <v>2385</v>
      </c>
      <c r="C1196" s="9" t="s">
        <v>2386</v>
      </c>
      <c r="D1196" s="18">
        <v>1414201216</v>
      </c>
      <c r="E1196" s="11">
        <v>46387</v>
      </c>
      <c r="F1196" s="9" t="s">
        <v>117</v>
      </c>
      <c r="G1196" s="5">
        <v>1194</v>
      </c>
      <c r="H1196" s="12">
        <f t="shared" si="36"/>
        <v>12</v>
      </c>
      <c r="I1196" s="12">
        <f t="shared" si="37"/>
        <v>33</v>
      </c>
    </row>
    <row r="1197" spans="1:35" s="5" customFormat="1" ht="27.75" customHeight="1" x14ac:dyDescent="0.4">
      <c r="A1197" s="13" t="s">
        <v>137</v>
      </c>
      <c r="B1197" s="9" t="s">
        <v>2387</v>
      </c>
      <c r="C1197" s="9" t="s">
        <v>2388</v>
      </c>
      <c r="D1197" s="18">
        <v>1414201471</v>
      </c>
      <c r="E1197" s="11">
        <v>46387</v>
      </c>
      <c r="F1197" s="9" t="s">
        <v>117</v>
      </c>
      <c r="G1197" s="12">
        <v>1195</v>
      </c>
      <c r="H1197" s="12">
        <f t="shared" si="36"/>
        <v>12</v>
      </c>
      <c r="I1197" s="12">
        <f t="shared" si="37"/>
        <v>20</v>
      </c>
    </row>
    <row r="1198" spans="1:35" s="5" customFormat="1" ht="27.75" customHeight="1" x14ac:dyDescent="0.4">
      <c r="A1198" s="13" t="s">
        <v>137</v>
      </c>
      <c r="B1198" s="9" t="s">
        <v>2389</v>
      </c>
      <c r="C1198" s="49" t="s">
        <v>2390</v>
      </c>
      <c r="D1198" s="18">
        <v>1414201570</v>
      </c>
      <c r="E1198" s="11">
        <v>46387</v>
      </c>
      <c r="F1198" s="9" t="s">
        <v>117</v>
      </c>
      <c r="G1198" s="5">
        <v>1196</v>
      </c>
      <c r="H1198" s="12">
        <f t="shared" si="36"/>
        <v>30</v>
      </c>
      <c r="I1198" s="12">
        <f t="shared" si="37"/>
        <v>13</v>
      </c>
    </row>
    <row r="1199" spans="1:35" s="5" customFormat="1" ht="27.75" customHeight="1" x14ac:dyDescent="0.4">
      <c r="A1199" s="13" t="s">
        <v>137</v>
      </c>
      <c r="B1199" s="9" t="s">
        <v>2391</v>
      </c>
      <c r="C1199" s="9" t="s">
        <v>2392</v>
      </c>
      <c r="D1199" s="18">
        <v>1414200697</v>
      </c>
      <c r="E1199" s="11">
        <v>46387</v>
      </c>
      <c r="F1199" s="9" t="s">
        <v>117</v>
      </c>
      <c r="G1199" s="12">
        <v>1197</v>
      </c>
      <c r="H1199" s="12">
        <f t="shared" si="36"/>
        <v>26</v>
      </c>
      <c r="I1199" s="12">
        <f t="shared" si="37"/>
        <v>17</v>
      </c>
    </row>
    <row r="1200" spans="1:35" s="5" customFormat="1" ht="27.75" customHeight="1" x14ac:dyDescent="0.4">
      <c r="A1200" s="13" t="s">
        <v>137</v>
      </c>
      <c r="B1200" s="9" t="s">
        <v>2393</v>
      </c>
      <c r="C1200" s="9" t="s">
        <v>2394</v>
      </c>
      <c r="D1200" s="18">
        <v>1414210779</v>
      </c>
      <c r="E1200" s="11">
        <v>48304</v>
      </c>
      <c r="F1200" s="9" t="s">
        <v>117</v>
      </c>
      <c r="G1200" s="5">
        <v>1198</v>
      </c>
      <c r="H1200" s="12">
        <f t="shared" si="36"/>
        <v>17</v>
      </c>
      <c r="I1200" s="12">
        <f t="shared" si="37"/>
        <v>12</v>
      </c>
    </row>
    <row r="1201" spans="1:9" s="5" customFormat="1" ht="27.75" customHeight="1" x14ac:dyDescent="0.4">
      <c r="A1201" s="13" t="s">
        <v>137</v>
      </c>
      <c r="B1201" s="9" t="s">
        <v>2395</v>
      </c>
      <c r="C1201" s="9" t="s">
        <v>2396</v>
      </c>
      <c r="D1201" s="26">
        <v>1414210316</v>
      </c>
      <c r="E1201" s="11">
        <v>48213</v>
      </c>
      <c r="F1201" s="9" t="s">
        <v>117</v>
      </c>
      <c r="G1201" s="12">
        <v>1199</v>
      </c>
      <c r="H1201" s="12">
        <f t="shared" si="36"/>
        <v>17</v>
      </c>
      <c r="I1201" s="12">
        <f t="shared" si="37"/>
        <v>26</v>
      </c>
    </row>
    <row r="1202" spans="1:9" s="5" customFormat="1" ht="27.75" customHeight="1" x14ac:dyDescent="0.4">
      <c r="A1202" s="13" t="s">
        <v>137</v>
      </c>
      <c r="B1202" s="9" t="s">
        <v>2397</v>
      </c>
      <c r="C1202" s="9" t="s">
        <v>2398</v>
      </c>
      <c r="D1202" s="18">
        <v>1414201422</v>
      </c>
      <c r="E1202" s="11">
        <v>46387</v>
      </c>
      <c r="F1202" s="9" t="s">
        <v>117</v>
      </c>
      <c r="G1202" s="5">
        <v>1200</v>
      </c>
      <c r="H1202" s="12">
        <f t="shared" si="36"/>
        <v>25</v>
      </c>
      <c r="I1202" s="12">
        <f t="shared" si="37"/>
        <v>10</v>
      </c>
    </row>
    <row r="1203" spans="1:9" s="5" customFormat="1" ht="27.75" customHeight="1" x14ac:dyDescent="0.4">
      <c r="A1203" s="13" t="s">
        <v>137</v>
      </c>
      <c r="B1203" s="13" t="s">
        <v>2399</v>
      </c>
      <c r="C1203" s="9" t="s">
        <v>2400</v>
      </c>
      <c r="D1203" s="18">
        <v>1414200572</v>
      </c>
      <c r="E1203" s="11">
        <v>46387</v>
      </c>
      <c r="F1203" s="9" t="s">
        <v>117</v>
      </c>
      <c r="G1203" s="12">
        <v>1201</v>
      </c>
      <c r="H1203" s="12">
        <f t="shared" si="36"/>
        <v>15</v>
      </c>
      <c r="I1203" s="12">
        <f t="shared" si="37"/>
        <v>15</v>
      </c>
    </row>
    <row r="1204" spans="1:9" s="5" customFormat="1" ht="27.75" customHeight="1" x14ac:dyDescent="0.4">
      <c r="A1204" s="13" t="s">
        <v>137</v>
      </c>
      <c r="B1204" s="13" t="s">
        <v>2401</v>
      </c>
      <c r="C1204" s="9" t="s">
        <v>2402</v>
      </c>
      <c r="D1204" s="18">
        <v>1414210308</v>
      </c>
      <c r="E1204" s="11">
        <v>46446</v>
      </c>
      <c r="F1204" s="9" t="s">
        <v>117</v>
      </c>
      <c r="G1204" s="5">
        <v>1202</v>
      </c>
      <c r="H1204" s="12">
        <f t="shared" si="36"/>
        <v>29</v>
      </c>
      <c r="I1204" s="12">
        <f t="shared" si="37"/>
        <v>11</v>
      </c>
    </row>
    <row r="1205" spans="1:9" s="5" customFormat="1" ht="27.75" customHeight="1" x14ac:dyDescent="0.4">
      <c r="A1205" s="13" t="s">
        <v>137</v>
      </c>
      <c r="B1205" s="9" t="s">
        <v>2403</v>
      </c>
      <c r="C1205" s="9" t="s">
        <v>2404</v>
      </c>
      <c r="D1205" s="18">
        <v>1414210522</v>
      </c>
      <c r="E1205" s="11">
        <v>46873</v>
      </c>
      <c r="F1205" s="9" t="s">
        <v>117</v>
      </c>
      <c r="G1205" s="12">
        <v>1203</v>
      </c>
      <c r="H1205" s="12">
        <f t="shared" si="36"/>
        <v>14</v>
      </c>
      <c r="I1205" s="12">
        <f t="shared" si="37"/>
        <v>6</v>
      </c>
    </row>
    <row r="1206" spans="1:9" s="5" customFormat="1" ht="27.75" customHeight="1" x14ac:dyDescent="0.4">
      <c r="A1206" s="13" t="s">
        <v>137</v>
      </c>
      <c r="B1206" s="9" t="s">
        <v>2405</v>
      </c>
      <c r="C1206" s="9" t="s">
        <v>2406</v>
      </c>
      <c r="D1206" s="18">
        <v>1414210662</v>
      </c>
      <c r="E1206" s="11">
        <v>47514</v>
      </c>
      <c r="F1206" s="9" t="s">
        <v>117</v>
      </c>
      <c r="G1206" s="5">
        <v>1204</v>
      </c>
      <c r="H1206" s="12">
        <f t="shared" si="36"/>
        <v>15</v>
      </c>
      <c r="I1206" s="12">
        <f t="shared" si="37"/>
        <v>12</v>
      </c>
    </row>
    <row r="1207" spans="1:9" s="5" customFormat="1" ht="27.75" customHeight="1" x14ac:dyDescent="0.4">
      <c r="A1207" s="9" t="s">
        <v>137</v>
      </c>
      <c r="B1207" s="9" t="s">
        <v>2407</v>
      </c>
      <c r="C1207" s="9" t="s">
        <v>2408</v>
      </c>
      <c r="D1207" s="18">
        <v>1414201398</v>
      </c>
      <c r="E1207" s="11">
        <v>46387</v>
      </c>
      <c r="F1207" s="9" t="s">
        <v>117</v>
      </c>
      <c r="G1207" s="12">
        <v>1205</v>
      </c>
      <c r="H1207" s="12">
        <f t="shared" si="36"/>
        <v>12</v>
      </c>
      <c r="I1207" s="12">
        <f t="shared" si="37"/>
        <v>8</v>
      </c>
    </row>
    <row r="1208" spans="1:9" s="5" customFormat="1" ht="27.75" customHeight="1" x14ac:dyDescent="0.4">
      <c r="A1208" s="9" t="s">
        <v>137</v>
      </c>
      <c r="B1208" s="13" t="s">
        <v>2409</v>
      </c>
      <c r="C1208" s="13" t="s">
        <v>2410</v>
      </c>
      <c r="D1208" s="18">
        <v>1414210258</v>
      </c>
      <c r="E1208" s="11">
        <v>47391</v>
      </c>
      <c r="F1208" s="9" t="s">
        <v>117</v>
      </c>
      <c r="G1208" s="5">
        <v>1206</v>
      </c>
      <c r="H1208" s="12">
        <f t="shared" si="36"/>
        <v>15</v>
      </c>
      <c r="I1208" s="12">
        <f t="shared" si="37"/>
        <v>13</v>
      </c>
    </row>
    <row r="1209" spans="1:9" s="5" customFormat="1" ht="27.75" customHeight="1" x14ac:dyDescent="0.4">
      <c r="A1209" s="9" t="s">
        <v>137</v>
      </c>
      <c r="B1209" s="13" t="s">
        <v>2411</v>
      </c>
      <c r="C1209" s="13" t="s">
        <v>2412</v>
      </c>
      <c r="D1209" s="18">
        <v>1414200523</v>
      </c>
      <c r="E1209" s="11">
        <v>46387</v>
      </c>
      <c r="F1209" s="9" t="s">
        <v>117</v>
      </c>
      <c r="G1209" s="12">
        <v>1207</v>
      </c>
      <c r="H1209" s="12">
        <f t="shared" si="36"/>
        <v>12</v>
      </c>
      <c r="I1209" s="12">
        <f t="shared" si="37"/>
        <v>6</v>
      </c>
    </row>
    <row r="1210" spans="1:9" s="5" customFormat="1" ht="27.75" customHeight="1" x14ac:dyDescent="0.4">
      <c r="A1210" s="9" t="s">
        <v>137</v>
      </c>
      <c r="B1210" s="9" t="s">
        <v>2413</v>
      </c>
      <c r="C1210" s="9" t="s">
        <v>2414</v>
      </c>
      <c r="D1210" s="18">
        <v>1414210480</v>
      </c>
      <c r="E1210" s="11">
        <v>46843</v>
      </c>
      <c r="F1210" s="9" t="s">
        <v>117</v>
      </c>
      <c r="G1210" s="5">
        <v>1208</v>
      </c>
      <c r="H1210" s="12">
        <f t="shared" si="36"/>
        <v>12</v>
      </c>
      <c r="I1210" s="12">
        <f t="shared" si="37"/>
        <v>11</v>
      </c>
    </row>
    <row r="1211" spans="1:9" s="5" customFormat="1" ht="27.75" customHeight="1" x14ac:dyDescent="0.4">
      <c r="A1211" s="9" t="s">
        <v>137</v>
      </c>
      <c r="B1211" s="9" t="s">
        <v>2415</v>
      </c>
      <c r="C1211" s="9" t="s">
        <v>2416</v>
      </c>
      <c r="D1211" s="18">
        <v>1414210035</v>
      </c>
      <c r="E1211" s="11">
        <v>46387</v>
      </c>
      <c r="F1211" s="9" t="s">
        <v>117</v>
      </c>
      <c r="G1211" s="12">
        <v>1209</v>
      </c>
      <c r="H1211" s="12">
        <f t="shared" si="36"/>
        <v>12</v>
      </c>
      <c r="I1211" s="12">
        <f t="shared" si="37"/>
        <v>12</v>
      </c>
    </row>
    <row r="1212" spans="1:9" s="5" customFormat="1" ht="27.75" customHeight="1" x14ac:dyDescent="0.4">
      <c r="A1212" s="9" t="s">
        <v>137</v>
      </c>
      <c r="B1212" s="9" t="s">
        <v>2417</v>
      </c>
      <c r="C1212" s="49" t="s">
        <v>2418</v>
      </c>
      <c r="D1212" s="18">
        <v>1414110235</v>
      </c>
      <c r="E1212" s="11">
        <v>46996</v>
      </c>
      <c r="F1212" s="9" t="s">
        <v>122</v>
      </c>
      <c r="G1212" s="5">
        <v>1210</v>
      </c>
      <c r="H1212" s="12">
        <f t="shared" si="36"/>
        <v>30</v>
      </c>
      <c r="I1212" s="12">
        <f t="shared" si="37"/>
        <v>15</v>
      </c>
    </row>
    <row r="1213" spans="1:9" s="5" customFormat="1" ht="27.75" customHeight="1" x14ac:dyDescent="0.4">
      <c r="A1213" s="9" t="s">
        <v>137</v>
      </c>
      <c r="B1213" s="9" t="s">
        <v>2419</v>
      </c>
      <c r="C1213" s="9" t="s">
        <v>2420</v>
      </c>
      <c r="D1213" s="18">
        <v>1414100673</v>
      </c>
      <c r="E1213" s="11">
        <v>48029</v>
      </c>
      <c r="F1213" s="9" t="s">
        <v>122</v>
      </c>
      <c r="G1213" s="12">
        <v>1211</v>
      </c>
      <c r="H1213" s="12">
        <f t="shared" si="36"/>
        <v>13</v>
      </c>
      <c r="I1213" s="12">
        <f t="shared" si="37"/>
        <v>10</v>
      </c>
    </row>
    <row r="1214" spans="1:9" s="5" customFormat="1" ht="27.75" customHeight="1" x14ac:dyDescent="0.4">
      <c r="A1214" s="13" t="s">
        <v>137</v>
      </c>
      <c r="B1214" s="9" t="s">
        <v>2421</v>
      </c>
      <c r="C1214" s="9" t="s">
        <v>2422</v>
      </c>
      <c r="D1214" s="18">
        <v>1414110128</v>
      </c>
      <c r="E1214" s="11">
        <v>47269</v>
      </c>
      <c r="F1214" s="9" t="s">
        <v>122</v>
      </c>
      <c r="G1214" s="5">
        <v>1212</v>
      </c>
      <c r="H1214" s="12">
        <f t="shared" si="36"/>
        <v>11</v>
      </c>
      <c r="I1214" s="12">
        <f t="shared" si="37"/>
        <v>24</v>
      </c>
    </row>
    <row r="1215" spans="1:9" s="5" customFormat="1" ht="27.75" customHeight="1" x14ac:dyDescent="0.4">
      <c r="A1215" s="13" t="s">
        <v>137</v>
      </c>
      <c r="B1215" s="9" t="s">
        <v>2423</v>
      </c>
      <c r="C1215" s="9" t="s">
        <v>2424</v>
      </c>
      <c r="D1215" s="18">
        <v>1414100608</v>
      </c>
      <c r="E1215" s="11">
        <v>46387</v>
      </c>
      <c r="F1215" s="9" t="s">
        <v>122</v>
      </c>
      <c r="G1215" s="12">
        <v>1213</v>
      </c>
      <c r="H1215" s="12">
        <f t="shared" si="36"/>
        <v>10</v>
      </c>
      <c r="I1215" s="12">
        <f t="shared" si="37"/>
        <v>17</v>
      </c>
    </row>
    <row r="1216" spans="1:9" s="5" customFormat="1" ht="27.75" customHeight="1" x14ac:dyDescent="0.4">
      <c r="A1216" s="13" t="s">
        <v>137</v>
      </c>
      <c r="B1216" s="9" t="s">
        <v>2425</v>
      </c>
      <c r="C1216" s="9" t="s">
        <v>2426</v>
      </c>
      <c r="D1216" s="18">
        <v>1414110292</v>
      </c>
      <c r="E1216" s="11">
        <v>47514</v>
      </c>
      <c r="F1216" s="9" t="s">
        <v>122</v>
      </c>
      <c r="G1216" s="5">
        <v>1214</v>
      </c>
      <c r="H1216" s="12">
        <f t="shared" si="36"/>
        <v>14</v>
      </c>
      <c r="I1216" s="12">
        <f t="shared" si="37"/>
        <v>10</v>
      </c>
    </row>
    <row r="1217" spans="1:9" s="5" customFormat="1" ht="27.75" customHeight="1" x14ac:dyDescent="0.4">
      <c r="A1217" s="13" t="s">
        <v>137</v>
      </c>
      <c r="B1217" s="9" t="s">
        <v>2427</v>
      </c>
      <c r="C1217" s="9" t="s">
        <v>2428</v>
      </c>
      <c r="D1217" s="18">
        <v>1414110250</v>
      </c>
      <c r="E1217" s="11">
        <v>47238</v>
      </c>
      <c r="F1217" s="9" t="s">
        <v>122</v>
      </c>
      <c r="G1217" s="12">
        <v>1215</v>
      </c>
      <c r="H1217" s="12">
        <f t="shared" si="36"/>
        <v>24</v>
      </c>
      <c r="I1217" s="12">
        <f t="shared" si="37"/>
        <v>16</v>
      </c>
    </row>
    <row r="1218" spans="1:9" s="5" customFormat="1" ht="27.75" customHeight="1" x14ac:dyDescent="0.4">
      <c r="A1218" s="13" t="s">
        <v>137</v>
      </c>
      <c r="B1218" s="15" t="s">
        <v>2429</v>
      </c>
      <c r="C1218" s="16" t="s">
        <v>2430</v>
      </c>
      <c r="D1218" s="10">
        <v>1414110136</v>
      </c>
      <c r="E1218" s="11">
        <v>47573</v>
      </c>
      <c r="F1218" s="9" t="s">
        <v>122</v>
      </c>
      <c r="G1218" s="5">
        <v>1216</v>
      </c>
      <c r="H1218" s="12">
        <f t="shared" si="36"/>
        <v>25</v>
      </c>
      <c r="I1218" s="12">
        <f t="shared" si="37"/>
        <v>9</v>
      </c>
    </row>
    <row r="1219" spans="1:9" s="5" customFormat="1" ht="27.75" customHeight="1" x14ac:dyDescent="0.4">
      <c r="A1219" s="13" t="s">
        <v>137</v>
      </c>
      <c r="B1219" s="22" t="s">
        <v>2431</v>
      </c>
      <c r="C1219" s="22" t="s">
        <v>2432</v>
      </c>
      <c r="D1219" s="10">
        <v>1414100723</v>
      </c>
      <c r="E1219" s="11">
        <v>48029</v>
      </c>
      <c r="F1219" s="9" t="s">
        <v>122</v>
      </c>
      <c r="G1219" s="12">
        <v>1217</v>
      </c>
      <c r="H1219" s="12">
        <f t="shared" si="36"/>
        <v>12</v>
      </c>
      <c r="I1219" s="12">
        <f t="shared" si="37"/>
        <v>14</v>
      </c>
    </row>
    <row r="1220" spans="1:9" s="5" customFormat="1" ht="27.75" customHeight="1" x14ac:dyDescent="0.4">
      <c r="A1220" s="13" t="s">
        <v>137</v>
      </c>
      <c r="B1220" s="9" t="s">
        <v>2433</v>
      </c>
      <c r="C1220" s="9" t="s">
        <v>2434</v>
      </c>
      <c r="D1220" s="18">
        <v>1414110086</v>
      </c>
      <c r="E1220" s="11">
        <v>46934</v>
      </c>
      <c r="F1220" s="9" t="s">
        <v>122</v>
      </c>
      <c r="G1220" s="5">
        <v>1218</v>
      </c>
      <c r="H1220" s="12">
        <f t="shared" ref="H1220:H1283" si="38">LEN(C1220)</f>
        <v>12</v>
      </c>
      <c r="I1220" s="12">
        <f t="shared" ref="I1220:I1283" si="39">LEN(B1220)</f>
        <v>28</v>
      </c>
    </row>
    <row r="1221" spans="1:9" s="5" customFormat="1" ht="27.75" customHeight="1" x14ac:dyDescent="0.4">
      <c r="A1221" s="13" t="s">
        <v>137</v>
      </c>
      <c r="B1221" s="22" t="s">
        <v>2435</v>
      </c>
      <c r="C1221" s="22" t="s">
        <v>2436</v>
      </c>
      <c r="D1221" s="10">
        <v>1414101184</v>
      </c>
      <c r="E1221" s="11">
        <v>46387</v>
      </c>
      <c r="F1221" s="9" t="s">
        <v>122</v>
      </c>
      <c r="G1221" s="12">
        <v>1219</v>
      </c>
      <c r="H1221" s="12">
        <f t="shared" si="38"/>
        <v>15</v>
      </c>
      <c r="I1221" s="12">
        <f t="shared" si="39"/>
        <v>23</v>
      </c>
    </row>
    <row r="1222" spans="1:9" s="5" customFormat="1" ht="27.75" customHeight="1" x14ac:dyDescent="0.4">
      <c r="A1222" s="13" t="s">
        <v>137</v>
      </c>
      <c r="B1222" s="9" t="s">
        <v>2437</v>
      </c>
      <c r="C1222" s="49" t="s">
        <v>2438</v>
      </c>
      <c r="D1222" s="18">
        <v>1414110334</v>
      </c>
      <c r="E1222" s="11">
        <v>48213</v>
      </c>
      <c r="F1222" s="9" t="s">
        <v>122</v>
      </c>
      <c r="G1222" s="5">
        <v>1220</v>
      </c>
      <c r="H1222" s="12">
        <f t="shared" si="38"/>
        <v>31</v>
      </c>
      <c r="I1222" s="12">
        <f t="shared" si="39"/>
        <v>18</v>
      </c>
    </row>
    <row r="1223" spans="1:9" s="5" customFormat="1" ht="27.75" customHeight="1" x14ac:dyDescent="0.4">
      <c r="A1223" s="13" t="s">
        <v>137</v>
      </c>
      <c r="B1223" s="9" t="s">
        <v>2439</v>
      </c>
      <c r="C1223" s="9" t="s">
        <v>2440</v>
      </c>
      <c r="D1223" s="18">
        <v>1414100848</v>
      </c>
      <c r="E1223" s="11">
        <v>46387</v>
      </c>
      <c r="F1223" s="9" t="s">
        <v>122</v>
      </c>
      <c r="G1223" s="12">
        <v>1221</v>
      </c>
      <c r="H1223" s="12">
        <f t="shared" si="38"/>
        <v>13</v>
      </c>
      <c r="I1223" s="12">
        <f t="shared" si="39"/>
        <v>26</v>
      </c>
    </row>
    <row r="1224" spans="1:9" s="5" customFormat="1" ht="27.75" customHeight="1" x14ac:dyDescent="0.4">
      <c r="A1224" s="13" t="s">
        <v>137</v>
      </c>
      <c r="B1224" s="13" t="s">
        <v>2441</v>
      </c>
      <c r="C1224" s="13" t="s">
        <v>2442</v>
      </c>
      <c r="D1224" s="18">
        <v>1414100525</v>
      </c>
      <c r="E1224" s="11">
        <v>46387</v>
      </c>
      <c r="F1224" s="9" t="s">
        <v>122</v>
      </c>
      <c r="G1224" s="5">
        <v>1222</v>
      </c>
      <c r="H1224" s="12">
        <f t="shared" si="38"/>
        <v>13</v>
      </c>
      <c r="I1224" s="12">
        <f t="shared" si="39"/>
        <v>8</v>
      </c>
    </row>
    <row r="1225" spans="1:9" s="5" customFormat="1" ht="27.75" customHeight="1" x14ac:dyDescent="0.4">
      <c r="A1225" s="13" t="s">
        <v>137</v>
      </c>
      <c r="B1225" s="9" t="s">
        <v>2443</v>
      </c>
      <c r="C1225" s="9" t="s">
        <v>2444</v>
      </c>
      <c r="D1225" s="18">
        <v>1414101002</v>
      </c>
      <c r="E1225" s="11">
        <v>48060</v>
      </c>
      <c r="F1225" s="9" t="s">
        <v>122</v>
      </c>
      <c r="G1225" s="12">
        <v>1223</v>
      </c>
      <c r="H1225" s="12">
        <f t="shared" si="38"/>
        <v>13</v>
      </c>
      <c r="I1225" s="12">
        <f t="shared" si="39"/>
        <v>23</v>
      </c>
    </row>
    <row r="1226" spans="1:9" s="5" customFormat="1" ht="27.75" customHeight="1" x14ac:dyDescent="0.4">
      <c r="A1226" s="13" t="s">
        <v>137</v>
      </c>
      <c r="B1226" s="16" t="s">
        <v>1315</v>
      </c>
      <c r="C1226" s="16" t="s">
        <v>2445</v>
      </c>
      <c r="D1226" s="10">
        <v>1414101234</v>
      </c>
      <c r="E1226" s="11">
        <v>46387</v>
      </c>
      <c r="F1226" s="9" t="s">
        <v>122</v>
      </c>
      <c r="G1226" s="5">
        <v>1224</v>
      </c>
      <c r="H1226" s="12">
        <f t="shared" si="38"/>
        <v>23</v>
      </c>
      <c r="I1226" s="12">
        <f t="shared" si="39"/>
        <v>9</v>
      </c>
    </row>
    <row r="1227" spans="1:9" s="5" customFormat="1" ht="27.75" customHeight="1" x14ac:dyDescent="0.4">
      <c r="A1227" s="13" t="s">
        <v>137</v>
      </c>
      <c r="B1227" s="9" t="s">
        <v>2446</v>
      </c>
      <c r="C1227" s="9" t="s">
        <v>2447</v>
      </c>
      <c r="D1227" s="18">
        <v>1414100897</v>
      </c>
      <c r="E1227" s="11">
        <v>46387</v>
      </c>
      <c r="F1227" s="9" t="s">
        <v>122</v>
      </c>
      <c r="G1227" s="12">
        <v>1225</v>
      </c>
      <c r="H1227" s="12">
        <f t="shared" si="38"/>
        <v>14</v>
      </c>
      <c r="I1227" s="12">
        <f t="shared" si="39"/>
        <v>20</v>
      </c>
    </row>
    <row r="1228" spans="1:9" s="5" customFormat="1" ht="27.75" customHeight="1" x14ac:dyDescent="0.4">
      <c r="A1228" s="13" t="s">
        <v>137</v>
      </c>
      <c r="B1228" s="9" t="s">
        <v>2448</v>
      </c>
      <c r="C1228" s="9" t="s">
        <v>2449</v>
      </c>
      <c r="D1228" s="18">
        <v>1414101044</v>
      </c>
      <c r="E1228" s="11">
        <v>46387</v>
      </c>
      <c r="F1228" s="9" t="s">
        <v>122</v>
      </c>
      <c r="G1228" s="5">
        <v>1226</v>
      </c>
      <c r="H1228" s="12">
        <f t="shared" si="38"/>
        <v>14</v>
      </c>
      <c r="I1228" s="12">
        <f t="shared" si="39"/>
        <v>16</v>
      </c>
    </row>
    <row r="1229" spans="1:9" s="5" customFormat="1" ht="27.75" customHeight="1" x14ac:dyDescent="0.4">
      <c r="A1229" s="13" t="s">
        <v>137</v>
      </c>
      <c r="B1229" s="9" t="s">
        <v>2450</v>
      </c>
      <c r="C1229" s="9" t="s">
        <v>2451</v>
      </c>
      <c r="D1229" s="18">
        <v>1414110326</v>
      </c>
      <c r="E1229" s="11">
        <v>47938</v>
      </c>
      <c r="F1229" s="9" t="s">
        <v>122</v>
      </c>
      <c r="G1229" s="12">
        <v>1227</v>
      </c>
      <c r="H1229" s="12">
        <f t="shared" si="38"/>
        <v>14</v>
      </c>
      <c r="I1229" s="12">
        <f t="shared" si="39"/>
        <v>13</v>
      </c>
    </row>
    <row r="1230" spans="1:9" s="5" customFormat="1" ht="27.75" customHeight="1" x14ac:dyDescent="0.4">
      <c r="A1230" s="13" t="s">
        <v>137</v>
      </c>
      <c r="B1230" s="9" t="s">
        <v>2452</v>
      </c>
      <c r="C1230" s="9" t="s">
        <v>2453</v>
      </c>
      <c r="D1230" s="18">
        <v>1414110177</v>
      </c>
      <c r="E1230" s="11">
        <v>46630</v>
      </c>
      <c r="F1230" s="9" t="s">
        <v>122</v>
      </c>
      <c r="G1230" s="5">
        <v>1228</v>
      </c>
      <c r="H1230" s="12">
        <f t="shared" si="38"/>
        <v>14</v>
      </c>
      <c r="I1230" s="12">
        <f t="shared" si="39"/>
        <v>4</v>
      </c>
    </row>
    <row r="1231" spans="1:9" s="5" customFormat="1" ht="27.75" customHeight="1" x14ac:dyDescent="0.4">
      <c r="A1231" s="17" t="s">
        <v>137</v>
      </c>
      <c r="B1231" s="16" t="s">
        <v>2454</v>
      </c>
      <c r="C1231" s="16" t="s">
        <v>2455</v>
      </c>
      <c r="D1231" s="10">
        <v>1414101143</v>
      </c>
      <c r="E1231" s="11">
        <v>46568</v>
      </c>
      <c r="F1231" s="9" t="s">
        <v>122</v>
      </c>
      <c r="G1231" s="12">
        <v>1229</v>
      </c>
      <c r="H1231" s="12">
        <f t="shared" si="38"/>
        <v>14</v>
      </c>
      <c r="I1231" s="12">
        <f t="shared" si="39"/>
        <v>4</v>
      </c>
    </row>
    <row r="1232" spans="1:9" s="5" customFormat="1" ht="27.75" customHeight="1" x14ac:dyDescent="0.4">
      <c r="A1232" s="17" t="s">
        <v>137</v>
      </c>
      <c r="B1232" s="16" t="s">
        <v>2456</v>
      </c>
      <c r="C1232" s="16" t="s">
        <v>2457</v>
      </c>
      <c r="D1232" s="10">
        <v>1414101382</v>
      </c>
      <c r="E1232" s="11">
        <v>46387</v>
      </c>
      <c r="F1232" s="9" t="s">
        <v>122</v>
      </c>
      <c r="G1232" s="5">
        <v>1230</v>
      </c>
      <c r="H1232" s="12">
        <f t="shared" si="38"/>
        <v>25</v>
      </c>
      <c r="I1232" s="12">
        <f t="shared" si="39"/>
        <v>6</v>
      </c>
    </row>
    <row r="1233" spans="1:35" s="5" customFormat="1" ht="27.75" customHeight="1" x14ac:dyDescent="0.4">
      <c r="A1233" s="17" t="s">
        <v>137</v>
      </c>
      <c r="B1233" s="16" t="s">
        <v>2458</v>
      </c>
      <c r="C1233" s="16" t="s">
        <v>2459</v>
      </c>
      <c r="D1233" s="10">
        <v>1414110029</v>
      </c>
      <c r="E1233" s="11">
        <v>46387</v>
      </c>
      <c r="F1233" s="9" t="s">
        <v>122</v>
      </c>
      <c r="G1233" s="12">
        <v>1231</v>
      </c>
      <c r="H1233" s="12">
        <f t="shared" si="38"/>
        <v>26</v>
      </c>
      <c r="I1233" s="12">
        <f t="shared" si="39"/>
        <v>15</v>
      </c>
      <c r="J1233" s="24"/>
      <c r="K1233" s="24"/>
      <c r="L1233" s="24"/>
      <c r="M1233" s="24"/>
      <c r="N1233" s="24"/>
      <c r="O1233" s="24"/>
      <c r="P1233" s="24"/>
      <c r="Q1233" s="24"/>
      <c r="R1233" s="24"/>
      <c r="S1233" s="24"/>
      <c r="T1233" s="24"/>
      <c r="U1233" s="24"/>
      <c r="V1233" s="24"/>
      <c r="W1233" s="24"/>
      <c r="X1233" s="24"/>
      <c r="Y1233" s="24"/>
      <c r="Z1233" s="24"/>
      <c r="AA1233" s="24"/>
      <c r="AB1233" s="24"/>
      <c r="AC1233" s="24"/>
      <c r="AD1233" s="24"/>
      <c r="AE1233" s="24"/>
      <c r="AF1233" s="24"/>
      <c r="AG1233" s="24"/>
      <c r="AH1233" s="24"/>
      <c r="AI1233" s="24"/>
    </row>
    <row r="1234" spans="1:35" s="5" customFormat="1" ht="27.75" customHeight="1" x14ac:dyDescent="0.4">
      <c r="A1234" s="13" t="s">
        <v>137</v>
      </c>
      <c r="B1234" s="13" t="s">
        <v>2460</v>
      </c>
      <c r="C1234" s="13" t="s">
        <v>2461</v>
      </c>
      <c r="D1234" s="18">
        <v>1414100087</v>
      </c>
      <c r="E1234" s="11">
        <v>46387</v>
      </c>
      <c r="F1234" s="9" t="s">
        <v>122</v>
      </c>
      <c r="G1234" s="5">
        <v>1232</v>
      </c>
      <c r="H1234" s="12">
        <f t="shared" si="38"/>
        <v>14</v>
      </c>
      <c r="I1234" s="12">
        <f t="shared" si="39"/>
        <v>13</v>
      </c>
      <c r="J1234" s="12"/>
      <c r="K1234" s="12"/>
      <c r="L1234" s="12"/>
      <c r="M1234" s="12"/>
      <c r="N1234" s="12"/>
      <c r="O1234" s="12"/>
      <c r="P1234" s="12"/>
      <c r="Q1234" s="12"/>
      <c r="R1234" s="12"/>
      <c r="S1234" s="12"/>
      <c r="T1234" s="12"/>
      <c r="U1234" s="12"/>
      <c r="V1234" s="12"/>
      <c r="W1234" s="12"/>
      <c r="X1234" s="12"/>
      <c r="Y1234" s="12"/>
      <c r="Z1234" s="12"/>
      <c r="AA1234" s="12"/>
      <c r="AB1234" s="12"/>
      <c r="AC1234" s="12"/>
      <c r="AD1234" s="12"/>
      <c r="AE1234" s="12"/>
      <c r="AF1234" s="12"/>
      <c r="AG1234" s="12"/>
      <c r="AH1234" s="12"/>
      <c r="AI1234" s="12"/>
    </row>
    <row r="1235" spans="1:35" s="5" customFormat="1" ht="27.75" customHeight="1" x14ac:dyDescent="0.4">
      <c r="A1235" s="13" t="s">
        <v>137</v>
      </c>
      <c r="B1235" s="16" t="s">
        <v>2462</v>
      </c>
      <c r="C1235" s="16" t="s">
        <v>2463</v>
      </c>
      <c r="D1235" s="10">
        <v>1414101267</v>
      </c>
      <c r="E1235" s="11">
        <v>46387</v>
      </c>
      <c r="F1235" s="9" t="s">
        <v>122</v>
      </c>
      <c r="G1235" s="12">
        <v>1233</v>
      </c>
      <c r="H1235" s="12">
        <f t="shared" si="38"/>
        <v>26</v>
      </c>
      <c r="I1235" s="12">
        <f t="shared" si="39"/>
        <v>6</v>
      </c>
    </row>
    <row r="1236" spans="1:35" s="5" customFormat="1" ht="27.75" customHeight="1" x14ac:dyDescent="0.4">
      <c r="A1236" s="13" t="s">
        <v>137</v>
      </c>
      <c r="B1236" s="9" t="s">
        <v>2464</v>
      </c>
      <c r="C1236" s="9" t="s">
        <v>2465</v>
      </c>
      <c r="D1236" s="18">
        <v>1414101176</v>
      </c>
      <c r="E1236" s="11">
        <v>46387</v>
      </c>
      <c r="F1236" s="9" t="s">
        <v>122</v>
      </c>
      <c r="G1236" s="5">
        <v>1234</v>
      </c>
      <c r="H1236" s="12">
        <f t="shared" si="38"/>
        <v>26</v>
      </c>
      <c r="I1236" s="12">
        <f t="shared" si="39"/>
        <v>9</v>
      </c>
    </row>
    <row r="1237" spans="1:35" s="5" customFormat="1" ht="27.75" customHeight="1" x14ac:dyDescent="0.4">
      <c r="A1237" s="13" t="s">
        <v>137</v>
      </c>
      <c r="B1237" s="16" t="s">
        <v>2466</v>
      </c>
      <c r="C1237" s="16" t="s">
        <v>2467</v>
      </c>
      <c r="D1237" s="26">
        <v>1414110094</v>
      </c>
      <c r="E1237" s="11">
        <v>46873</v>
      </c>
      <c r="F1237" s="9" t="s">
        <v>122</v>
      </c>
      <c r="G1237" s="12">
        <v>1235</v>
      </c>
      <c r="H1237" s="12">
        <f t="shared" si="38"/>
        <v>11</v>
      </c>
      <c r="I1237" s="12">
        <f t="shared" si="39"/>
        <v>6</v>
      </c>
    </row>
    <row r="1238" spans="1:35" s="5" customFormat="1" ht="27.75" customHeight="1" x14ac:dyDescent="0.4">
      <c r="A1238" s="9" t="s">
        <v>137</v>
      </c>
      <c r="B1238" s="9" t="s">
        <v>2468</v>
      </c>
      <c r="C1238" s="9" t="s">
        <v>2469</v>
      </c>
      <c r="D1238" s="18">
        <v>1414100681</v>
      </c>
      <c r="E1238" s="11">
        <v>47938</v>
      </c>
      <c r="F1238" s="9" t="s">
        <v>122</v>
      </c>
      <c r="G1238" s="5">
        <v>1236</v>
      </c>
      <c r="H1238" s="12">
        <f t="shared" si="38"/>
        <v>12</v>
      </c>
      <c r="I1238" s="12">
        <f t="shared" si="39"/>
        <v>12</v>
      </c>
    </row>
    <row r="1239" spans="1:35" s="5" customFormat="1" ht="27.75" customHeight="1" x14ac:dyDescent="0.4">
      <c r="A1239" s="17" t="s">
        <v>137</v>
      </c>
      <c r="B1239" s="16" t="s">
        <v>2470</v>
      </c>
      <c r="C1239" s="16" t="s">
        <v>2471</v>
      </c>
      <c r="D1239" s="10">
        <v>1414110144</v>
      </c>
      <c r="E1239" s="11">
        <v>47603</v>
      </c>
      <c r="F1239" s="9" t="s">
        <v>122</v>
      </c>
      <c r="G1239" s="12">
        <v>1237</v>
      </c>
      <c r="H1239" s="12">
        <f t="shared" si="38"/>
        <v>13</v>
      </c>
      <c r="I1239" s="12">
        <f t="shared" si="39"/>
        <v>12</v>
      </c>
    </row>
    <row r="1240" spans="1:35" s="5" customFormat="1" ht="27.75" customHeight="1" x14ac:dyDescent="0.4">
      <c r="A1240" s="17" t="s">
        <v>137</v>
      </c>
      <c r="B1240" s="16" t="s">
        <v>2472</v>
      </c>
      <c r="C1240" s="16" t="s">
        <v>2473</v>
      </c>
      <c r="D1240" s="10">
        <v>1414110227</v>
      </c>
      <c r="E1240" s="11">
        <v>46873</v>
      </c>
      <c r="F1240" s="9" t="s">
        <v>122</v>
      </c>
      <c r="G1240" s="5">
        <v>1238</v>
      </c>
      <c r="H1240" s="12">
        <f t="shared" si="38"/>
        <v>28</v>
      </c>
      <c r="I1240" s="12">
        <f t="shared" si="39"/>
        <v>13</v>
      </c>
    </row>
    <row r="1241" spans="1:35" s="5" customFormat="1" ht="27.75" customHeight="1" x14ac:dyDescent="0.4">
      <c r="A1241" s="17" t="s">
        <v>137</v>
      </c>
      <c r="B1241" s="16" t="s">
        <v>2474</v>
      </c>
      <c r="C1241" s="16" t="s">
        <v>2475</v>
      </c>
      <c r="D1241" s="10">
        <v>1414101028</v>
      </c>
      <c r="E1241" s="11">
        <v>46387</v>
      </c>
      <c r="F1241" s="9" t="s">
        <v>122</v>
      </c>
      <c r="G1241" s="12">
        <v>1239</v>
      </c>
      <c r="H1241" s="12">
        <f t="shared" si="38"/>
        <v>11</v>
      </c>
      <c r="I1241" s="12">
        <f t="shared" si="39"/>
        <v>7</v>
      </c>
    </row>
    <row r="1242" spans="1:35" s="5" customFormat="1" ht="27.75" customHeight="1" x14ac:dyDescent="0.4">
      <c r="A1242" s="17" t="s">
        <v>137</v>
      </c>
      <c r="B1242" s="16" t="s">
        <v>2476</v>
      </c>
      <c r="C1242" s="16" t="s">
        <v>2477</v>
      </c>
      <c r="D1242" s="10">
        <v>1414110003</v>
      </c>
      <c r="E1242" s="11">
        <v>46387</v>
      </c>
      <c r="F1242" s="9" t="s">
        <v>122</v>
      </c>
      <c r="G1242" s="5">
        <v>1240</v>
      </c>
      <c r="H1242" s="12">
        <f t="shared" si="38"/>
        <v>12</v>
      </c>
      <c r="I1242" s="12">
        <f t="shared" si="39"/>
        <v>10</v>
      </c>
    </row>
    <row r="1243" spans="1:35" s="5" customFormat="1" ht="27.75" customHeight="1" x14ac:dyDescent="0.4">
      <c r="A1243" s="17" t="s">
        <v>137</v>
      </c>
      <c r="B1243" s="16" t="s">
        <v>2478</v>
      </c>
      <c r="C1243" s="16" t="s">
        <v>2479</v>
      </c>
      <c r="D1243" s="10">
        <v>1414110078</v>
      </c>
      <c r="E1243" s="11">
        <v>46387</v>
      </c>
      <c r="F1243" s="9" t="s">
        <v>122</v>
      </c>
      <c r="G1243" s="12">
        <v>1241</v>
      </c>
      <c r="H1243" s="12">
        <f t="shared" si="38"/>
        <v>14</v>
      </c>
      <c r="I1243" s="12">
        <f t="shared" si="39"/>
        <v>28</v>
      </c>
    </row>
    <row r="1244" spans="1:35" s="5" customFormat="1" ht="27.75" customHeight="1" x14ac:dyDescent="0.4">
      <c r="A1244" s="16" t="s">
        <v>137</v>
      </c>
      <c r="B1244" s="15" t="s">
        <v>2480</v>
      </c>
      <c r="C1244" s="16" t="s">
        <v>2481</v>
      </c>
      <c r="D1244" s="10">
        <v>1414100806</v>
      </c>
      <c r="E1244" s="11">
        <v>46387</v>
      </c>
      <c r="F1244" s="9" t="s">
        <v>122</v>
      </c>
      <c r="G1244" s="5">
        <v>1242</v>
      </c>
      <c r="H1244" s="12">
        <f t="shared" si="38"/>
        <v>11</v>
      </c>
      <c r="I1244" s="12">
        <f t="shared" si="39"/>
        <v>13</v>
      </c>
    </row>
    <row r="1245" spans="1:35" s="5" customFormat="1" ht="27.75" customHeight="1" x14ac:dyDescent="0.4">
      <c r="A1245" s="9" t="s">
        <v>137</v>
      </c>
      <c r="B1245" s="9" t="s">
        <v>2482</v>
      </c>
      <c r="C1245" s="9" t="s">
        <v>2483</v>
      </c>
      <c r="D1245" s="18">
        <v>1414310017</v>
      </c>
      <c r="E1245" s="11">
        <v>46783</v>
      </c>
      <c r="F1245" s="9" t="s">
        <v>127</v>
      </c>
      <c r="G1245" s="12">
        <v>1243</v>
      </c>
      <c r="H1245" s="12">
        <f t="shared" si="38"/>
        <v>23</v>
      </c>
      <c r="I1245" s="12">
        <f t="shared" si="39"/>
        <v>13</v>
      </c>
    </row>
    <row r="1246" spans="1:35" s="5" customFormat="1" ht="27.75" customHeight="1" x14ac:dyDescent="0.4">
      <c r="A1246" s="22" t="s">
        <v>137</v>
      </c>
      <c r="B1246" s="22" t="s">
        <v>2484</v>
      </c>
      <c r="C1246" s="22" t="s">
        <v>2485</v>
      </c>
      <c r="D1246" s="10">
        <v>1414310033</v>
      </c>
      <c r="E1246" s="11">
        <v>46843</v>
      </c>
      <c r="F1246" s="9" t="s">
        <v>127</v>
      </c>
      <c r="G1246" s="5">
        <v>1244</v>
      </c>
      <c r="H1246" s="12">
        <f t="shared" si="38"/>
        <v>20</v>
      </c>
      <c r="I1246" s="12">
        <f t="shared" si="39"/>
        <v>8</v>
      </c>
    </row>
    <row r="1247" spans="1:35" s="5" customFormat="1" ht="27.75" customHeight="1" x14ac:dyDescent="0.4">
      <c r="A1247" s="13" t="s">
        <v>137</v>
      </c>
      <c r="B1247" s="13" t="s">
        <v>2486</v>
      </c>
      <c r="C1247" s="13" t="s">
        <v>2487</v>
      </c>
      <c r="D1247" s="18">
        <v>1414300554</v>
      </c>
      <c r="E1247" s="11">
        <v>46387</v>
      </c>
      <c r="F1247" s="9" t="s">
        <v>127</v>
      </c>
      <c r="G1247" s="12">
        <v>1245</v>
      </c>
      <c r="H1247" s="12">
        <f t="shared" si="38"/>
        <v>19</v>
      </c>
      <c r="I1247" s="12">
        <f t="shared" si="39"/>
        <v>14</v>
      </c>
    </row>
    <row r="1248" spans="1:35" s="5" customFormat="1" ht="27.75" customHeight="1" x14ac:dyDescent="0.4">
      <c r="A1248" s="29" t="s">
        <v>137</v>
      </c>
      <c r="B1248" s="22" t="s">
        <v>2488</v>
      </c>
      <c r="C1248" s="22" t="s">
        <v>2489</v>
      </c>
      <c r="D1248" s="10">
        <v>1414310025</v>
      </c>
      <c r="E1248" s="11">
        <v>47057</v>
      </c>
      <c r="F1248" s="9" t="s">
        <v>127</v>
      </c>
      <c r="G1248" s="5">
        <v>1246</v>
      </c>
      <c r="H1248" s="12">
        <f t="shared" si="38"/>
        <v>18</v>
      </c>
      <c r="I1248" s="12">
        <f t="shared" si="39"/>
        <v>22</v>
      </c>
    </row>
    <row r="1249" spans="1:35" s="5" customFormat="1" ht="27.75" customHeight="1" x14ac:dyDescent="0.4">
      <c r="A1249" s="17" t="s">
        <v>137</v>
      </c>
      <c r="B1249" s="15" t="s">
        <v>2490</v>
      </c>
      <c r="C1249" s="16" t="s">
        <v>2491</v>
      </c>
      <c r="D1249" s="10">
        <v>1414300547</v>
      </c>
      <c r="E1249" s="11">
        <v>47573</v>
      </c>
      <c r="F1249" s="9" t="s">
        <v>127</v>
      </c>
      <c r="G1249" s="12">
        <v>1247</v>
      </c>
      <c r="H1249" s="12">
        <f t="shared" si="38"/>
        <v>13</v>
      </c>
      <c r="I1249" s="12">
        <f t="shared" si="39"/>
        <v>12</v>
      </c>
    </row>
    <row r="1250" spans="1:35" s="5" customFormat="1" ht="27.75" customHeight="1" x14ac:dyDescent="0.4">
      <c r="A1250" s="9" t="s">
        <v>137</v>
      </c>
      <c r="B1250" s="9" t="s">
        <v>2492</v>
      </c>
      <c r="C1250" s="9" t="s">
        <v>2493</v>
      </c>
      <c r="D1250" s="26">
        <v>1414300497</v>
      </c>
      <c r="E1250" s="11">
        <v>46387</v>
      </c>
      <c r="F1250" s="9" t="s">
        <v>127</v>
      </c>
      <c r="G1250" s="5">
        <v>1248</v>
      </c>
      <c r="H1250" s="12">
        <f t="shared" si="38"/>
        <v>11</v>
      </c>
      <c r="I1250" s="12">
        <f t="shared" si="39"/>
        <v>11</v>
      </c>
    </row>
    <row r="1251" spans="1:35" s="5" customFormat="1" ht="27.75" customHeight="1" x14ac:dyDescent="0.4">
      <c r="A1251" s="9" t="s">
        <v>137</v>
      </c>
      <c r="B1251" s="9" t="s">
        <v>2494</v>
      </c>
      <c r="C1251" s="9" t="s">
        <v>2495</v>
      </c>
      <c r="D1251" s="18">
        <v>1414300505</v>
      </c>
      <c r="E1251" s="11">
        <v>46387</v>
      </c>
      <c r="F1251" s="9" t="s">
        <v>127</v>
      </c>
      <c r="G1251" s="12">
        <v>1249</v>
      </c>
      <c r="H1251" s="12">
        <f t="shared" si="38"/>
        <v>11</v>
      </c>
      <c r="I1251" s="12">
        <f t="shared" si="39"/>
        <v>10</v>
      </c>
    </row>
    <row r="1252" spans="1:35" s="5" customFormat="1" ht="27.75" customHeight="1" x14ac:dyDescent="0.4">
      <c r="A1252" s="9" t="s">
        <v>137</v>
      </c>
      <c r="B1252" s="9" t="s">
        <v>2496</v>
      </c>
      <c r="C1252" s="9" t="s">
        <v>2497</v>
      </c>
      <c r="D1252" s="18">
        <v>1414300430</v>
      </c>
      <c r="E1252" s="11">
        <v>46387</v>
      </c>
      <c r="F1252" s="9" t="s">
        <v>127</v>
      </c>
      <c r="G1252" s="5">
        <v>1250</v>
      </c>
      <c r="H1252" s="12">
        <f t="shared" si="38"/>
        <v>9</v>
      </c>
      <c r="I1252" s="12">
        <f t="shared" si="39"/>
        <v>31</v>
      </c>
    </row>
    <row r="1253" spans="1:35" s="5" customFormat="1" ht="27.75" customHeight="1" x14ac:dyDescent="0.4">
      <c r="A1253" s="13" t="s">
        <v>137</v>
      </c>
      <c r="B1253" s="9" t="s">
        <v>2498</v>
      </c>
      <c r="C1253" s="9" t="s">
        <v>2499</v>
      </c>
      <c r="D1253" s="18">
        <v>1414300513</v>
      </c>
      <c r="E1253" s="11">
        <v>46387</v>
      </c>
      <c r="F1253" s="9" t="s">
        <v>127</v>
      </c>
      <c r="G1253" s="12">
        <v>1251</v>
      </c>
      <c r="H1253" s="12">
        <f t="shared" si="38"/>
        <v>22</v>
      </c>
      <c r="I1253" s="12">
        <f t="shared" si="39"/>
        <v>17</v>
      </c>
    </row>
    <row r="1254" spans="1:35" s="5" customFormat="1" ht="27.75" customHeight="1" x14ac:dyDescent="0.4">
      <c r="A1254" s="13" t="s">
        <v>137</v>
      </c>
      <c r="B1254" s="9" t="s">
        <v>2500</v>
      </c>
      <c r="C1254" s="9" t="s">
        <v>2501</v>
      </c>
      <c r="D1254" s="18">
        <v>1414300299</v>
      </c>
      <c r="E1254" s="11">
        <v>47879</v>
      </c>
      <c r="F1254" s="9" t="s">
        <v>127</v>
      </c>
      <c r="G1254" s="5">
        <v>1252</v>
      </c>
      <c r="H1254" s="12">
        <f t="shared" si="38"/>
        <v>9</v>
      </c>
      <c r="I1254" s="12">
        <f t="shared" si="39"/>
        <v>11</v>
      </c>
    </row>
    <row r="1255" spans="1:35" s="5" customFormat="1" ht="27.75" customHeight="1" x14ac:dyDescent="0.4">
      <c r="A1255" s="9" t="s">
        <v>137</v>
      </c>
      <c r="B1255" s="9" t="s">
        <v>2502</v>
      </c>
      <c r="C1255" s="9" t="s">
        <v>2503</v>
      </c>
      <c r="D1255" s="18">
        <v>1414300562</v>
      </c>
      <c r="E1255" s="11">
        <v>46387</v>
      </c>
      <c r="F1255" s="9" t="s">
        <v>127</v>
      </c>
      <c r="G1255" s="12">
        <v>1253</v>
      </c>
      <c r="H1255" s="12">
        <f t="shared" si="38"/>
        <v>11</v>
      </c>
      <c r="I1255" s="12">
        <f t="shared" si="39"/>
        <v>14</v>
      </c>
      <c r="J1255" s="12"/>
      <c r="K1255" s="12"/>
      <c r="L1255" s="12"/>
      <c r="M1255" s="12"/>
      <c r="N1255" s="12"/>
      <c r="O1255" s="12"/>
      <c r="P1255" s="12"/>
      <c r="Q1255" s="12"/>
      <c r="R1255" s="12"/>
      <c r="S1255" s="12"/>
      <c r="T1255" s="12"/>
      <c r="U1255" s="12"/>
      <c r="V1255" s="12"/>
      <c r="W1255" s="12"/>
      <c r="X1255" s="12"/>
      <c r="Y1255" s="12"/>
      <c r="Z1255" s="12"/>
      <c r="AA1255" s="12"/>
      <c r="AB1255" s="12"/>
      <c r="AC1255" s="12"/>
      <c r="AD1255" s="12"/>
      <c r="AE1255" s="12"/>
      <c r="AF1255" s="12"/>
      <c r="AG1255" s="12"/>
      <c r="AH1255" s="12"/>
      <c r="AI1255" s="12"/>
    </row>
    <row r="1256" spans="1:35" s="5" customFormat="1" ht="27.75" customHeight="1" x14ac:dyDescent="0.4">
      <c r="A1256" s="13" t="s">
        <v>137</v>
      </c>
      <c r="B1256" s="13" t="s">
        <v>2504</v>
      </c>
      <c r="C1256" s="13" t="s">
        <v>2505</v>
      </c>
      <c r="D1256" s="18">
        <v>1414300323</v>
      </c>
      <c r="E1256" s="11">
        <v>46387</v>
      </c>
      <c r="F1256" s="9" t="s">
        <v>127</v>
      </c>
      <c r="G1256" s="5">
        <v>1254</v>
      </c>
      <c r="H1256" s="12">
        <f t="shared" si="38"/>
        <v>10</v>
      </c>
      <c r="I1256" s="12">
        <f t="shared" si="39"/>
        <v>12</v>
      </c>
    </row>
    <row r="1257" spans="1:35" s="5" customFormat="1" ht="27.75" customHeight="1" x14ac:dyDescent="0.4">
      <c r="A1257" s="17" t="s">
        <v>137</v>
      </c>
      <c r="B1257" s="16" t="s">
        <v>2506</v>
      </c>
      <c r="C1257" s="22" t="s">
        <v>2507</v>
      </c>
      <c r="D1257" s="10">
        <v>1414300380</v>
      </c>
      <c r="E1257" s="11">
        <v>46387</v>
      </c>
      <c r="F1257" s="9" t="s">
        <v>127</v>
      </c>
      <c r="G1257" s="12">
        <v>1255</v>
      </c>
      <c r="H1257" s="12">
        <f t="shared" si="38"/>
        <v>12</v>
      </c>
      <c r="I1257" s="12">
        <f t="shared" si="39"/>
        <v>5</v>
      </c>
    </row>
    <row r="1258" spans="1:35" s="5" customFormat="1" ht="27.75" customHeight="1" x14ac:dyDescent="0.4">
      <c r="A1258" s="9" t="s">
        <v>137</v>
      </c>
      <c r="B1258" s="9" t="s">
        <v>2508</v>
      </c>
      <c r="C1258" s="9" t="s">
        <v>2509</v>
      </c>
      <c r="D1258" s="18">
        <v>1414300240</v>
      </c>
      <c r="E1258" s="11">
        <v>46387</v>
      </c>
      <c r="F1258" s="9" t="s">
        <v>127</v>
      </c>
      <c r="G1258" s="5">
        <v>1256</v>
      </c>
      <c r="H1258" s="12">
        <f t="shared" si="38"/>
        <v>11</v>
      </c>
      <c r="I1258" s="12">
        <f t="shared" si="39"/>
        <v>14</v>
      </c>
    </row>
    <row r="1259" spans="1:35" s="5" customFormat="1" ht="27.75" customHeight="1" x14ac:dyDescent="0.4">
      <c r="A1259" s="17" t="s">
        <v>137</v>
      </c>
      <c r="B1259" s="16" t="s">
        <v>2510</v>
      </c>
      <c r="C1259" s="16" t="s">
        <v>2511</v>
      </c>
      <c r="D1259" s="10">
        <v>1414300216</v>
      </c>
      <c r="E1259" s="11">
        <v>46387</v>
      </c>
      <c r="F1259" s="9" t="s">
        <v>127</v>
      </c>
      <c r="G1259" s="12">
        <v>1257</v>
      </c>
      <c r="H1259" s="12">
        <f t="shared" si="38"/>
        <v>12</v>
      </c>
      <c r="I1259" s="12">
        <f t="shared" si="39"/>
        <v>17</v>
      </c>
    </row>
    <row r="1260" spans="1:35" s="5" customFormat="1" ht="27.75" customHeight="1" x14ac:dyDescent="0.4">
      <c r="A1260" s="9" t="s">
        <v>137</v>
      </c>
      <c r="B1260" s="9" t="s">
        <v>2512</v>
      </c>
      <c r="C1260" s="9" t="s">
        <v>2513</v>
      </c>
      <c r="D1260" s="18">
        <v>1414410031</v>
      </c>
      <c r="E1260" s="11">
        <v>47118</v>
      </c>
      <c r="F1260" s="9" t="s">
        <v>130</v>
      </c>
      <c r="G1260" s="5">
        <v>1258</v>
      </c>
      <c r="H1260" s="12">
        <f t="shared" si="38"/>
        <v>12</v>
      </c>
      <c r="I1260" s="12">
        <f t="shared" si="39"/>
        <v>6</v>
      </c>
    </row>
    <row r="1261" spans="1:35" s="5" customFormat="1" ht="27.75" customHeight="1" x14ac:dyDescent="0.4">
      <c r="A1261" s="13" t="s">
        <v>137</v>
      </c>
      <c r="B1261" s="9" t="s">
        <v>2514</v>
      </c>
      <c r="C1261" s="9" t="s">
        <v>2515</v>
      </c>
      <c r="D1261" s="18">
        <v>1414400230</v>
      </c>
      <c r="E1261" s="11">
        <v>46387</v>
      </c>
      <c r="F1261" s="9" t="s">
        <v>130</v>
      </c>
      <c r="G1261" s="12">
        <v>1259</v>
      </c>
      <c r="H1261" s="12">
        <f t="shared" si="38"/>
        <v>13</v>
      </c>
      <c r="I1261" s="12">
        <f t="shared" si="39"/>
        <v>5</v>
      </c>
    </row>
    <row r="1262" spans="1:35" s="5" customFormat="1" ht="27.75" customHeight="1" x14ac:dyDescent="0.4">
      <c r="A1262" s="9" t="s">
        <v>137</v>
      </c>
      <c r="B1262" s="9" t="s">
        <v>2516</v>
      </c>
      <c r="C1262" s="9" t="s">
        <v>2517</v>
      </c>
      <c r="D1262" s="18">
        <v>1414410015</v>
      </c>
      <c r="E1262" s="11">
        <v>46387</v>
      </c>
      <c r="F1262" s="9" t="s">
        <v>130</v>
      </c>
      <c r="G1262" s="5">
        <v>1260</v>
      </c>
      <c r="H1262" s="12">
        <f t="shared" si="38"/>
        <v>13</v>
      </c>
      <c r="I1262" s="12">
        <f t="shared" si="39"/>
        <v>16</v>
      </c>
    </row>
    <row r="1263" spans="1:35" s="5" customFormat="1" ht="27.75" customHeight="1" x14ac:dyDescent="0.4">
      <c r="A1263" s="13" t="s">
        <v>137</v>
      </c>
      <c r="B1263" s="9" t="s">
        <v>2518</v>
      </c>
      <c r="C1263" s="9" t="s">
        <v>2519</v>
      </c>
      <c r="D1263" s="18">
        <v>1414410155</v>
      </c>
      <c r="E1263" s="11">
        <v>47514</v>
      </c>
      <c r="F1263" s="9" t="s">
        <v>130</v>
      </c>
      <c r="G1263" s="12">
        <v>1261</v>
      </c>
      <c r="H1263" s="12">
        <f t="shared" si="38"/>
        <v>14</v>
      </c>
      <c r="I1263" s="12">
        <f t="shared" si="39"/>
        <v>23</v>
      </c>
    </row>
    <row r="1264" spans="1:35" s="5" customFormat="1" ht="27.75" customHeight="1" x14ac:dyDescent="0.4">
      <c r="A1264" s="13" t="s">
        <v>137</v>
      </c>
      <c r="B1264" s="9" t="s">
        <v>2520</v>
      </c>
      <c r="C1264" s="9" t="s">
        <v>2521</v>
      </c>
      <c r="D1264" s="18">
        <v>1414400065</v>
      </c>
      <c r="E1264" s="11">
        <v>47208</v>
      </c>
      <c r="F1264" s="9" t="s">
        <v>130</v>
      </c>
      <c r="G1264" s="5">
        <v>1262</v>
      </c>
      <c r="H1264" s="12">
        <f t="shared" si="38"/>
        <v>14</v>
      </c>
      <c r="I1264" s="12">
        <f t="shared" si="39"/>
        <v>7</v>
      </c>
    </row>
    <row r="1265" spans="1:35" s="5" customFormat="1" ht="27.75" customHeight="1" x14ac:dyDescent="0.4">
      <c r="A1265" s="13" t="s">
        <v>137</v>
      </c>
      <c r="B1265" s="13" t="s">
        <v>2522</v>
      </c>
      <c r="C1265" s="13" t="s">
        <v>2523</v>
      </c>
      <c r="D1265" s="18">
        <v>1414410098</v>
      </c>
      <c r="E1265" s="11">
        <v>47817</v>
      </c>
      <c r="F1265" s="9" t="s">
        <v>130</v>
      </c>
      <c r="G1265" s="12">
        <v>1263</v>
      </c>
      <c r="H1265" s="12">
        <f t="shared" si="38"/>
        <v>23</v>
      </c>
      <c r="I1265" s="12">
        <f t="shared" si="39"/>
        <v>12</v>
      </c>
    </row>
    <row r="1266" spans="1:35" s="5" customFormat="1" ht="27.75" customHeight="1" x14ac:dyDescent="0.4">
      <c r="A1266" s="13" t="s">
        <v>137</v>
      </c>
      <c r="B1266" s="9" t="s">
        <v>2524</v>
      </c>
      <c r="C1266" s="9" t="s">
        <v>2525</v>
      </c>
      <c r="D1266" s="18">
        <v>1414410049</v>
      </c>
      <c r="E1266" s="11">
        <v>47177</v>
      </c>
      <c r="F1266" s="9" t="s">
        <v>130</v>
      </c>
      <c r="G1266" s="5">
        <v>1264</v>
      </c>
      <c r="H1266" s="12">
        <f t="shared" si="38"/>
        <v>12</v>
      </c>
      <c r="I1266" s="12">
        <f t="shared" si="39"/>
        <v>12</v>
      </c>
    </row>
    <row r="1267" spans="1:35" s="5" customFormat="1" ht="27.75" customHeight="1" x14ac:dyDescent="0.4">
      <c r="A1267" s="13" t="s">
        <v>137</v>
      </c>
      <c r="B1267" s="9" t="s">
        <v>2526</v>
      </c>
      <c r="C1267" s="9" t="s">
        <v>2527</v>
      </c>
      <c r="D1267" s="18">
        <v>1414400206</v>
      </c>
      <c r="E1267" s="11">
        <v>46387</v>
      </c>
      <c r="F1267" s="9" t="s">
        <v>130</v>
      </c>
      <c r="G1267" s="12">
        <v>1265</v>
      </c>
      <c r="H1267" s="12">
        <f t="shared" si="38"/>
        <v>14</v>
      </c>
      <c r="I1267" s="12">
        <f t="shared" si="39"/>
        <v>16</v>
      </c>
    </row>
    <row r="1268" spans="1:35" s="5" customFormat="1" ht="27.75" customHeight="1" x14ac:dyDescent="0.4">
      <c r="A1268" s="13" t="s">
        <v>137</v>
      </c>
      <c r="B1268" s="9" t="s">
        <v>2528</v>
      </c>
      <c r="C1268" s="9" t="s">
        <v>2529</v>
      </c>
      <c r="D1268" s="18">
        <v>1414410114</v>
      </c>
      <c r="E1268" s="11">
        <v>47968</v>
      </c>
      <c r="F1268" s="9" t="s">
        <v>130</v>
      </c>
      <c r="G1268" s="5">
        <v>1266</v>
      </c>
      <c r="H1268" s="12">
        <f t="shared" si="38"/>
        <v>25</v>
      </c>
      <c r="I1268" s="12">
        <f t="shared" si="39"/>
        <v>12</v>
      </c>
    </row>
    <row r="1269" spans="1:35" s="5" customFormat="1" ht="27.75" customHeight="1" x14ac:dyDescent="0.4">
      <c r="A1269" s="9" t="s">
        <v>137</v>
      </c>
      <c r="B1269" s="9" t="s">
        <v>2530</v>
      </c>
      <c r="C1269" s="9" t="s">
        <v>2531</v>
      </c>
      <c r="D1269" s="18">
        <v>1414400396</v>
      </c>
      <c r="E1269" s="11">
        <v>46387</v>
      </c>
      <c r="F1269" s="9" t="s">
        <v>130</v>
      </c>
      <c r="G1269" s="12">
        <v>1267</v>
      </c>
      <c r="H1269" s="12">
        <f t="shared" si="38"/>
        <v>12</v>
      </c>
      <c r="I1269" s="12">
        <f t="shared" si="39"/>
        <v>10</v>
      </c>
    </row>
    <row r="1270" spans="1:35" s="5" customFormat="1" ht="27.75" customHeight="1" x14ac:dyDescent="0.4">
      <c r="A1270" s="22" t="s">
        <v>137</v>
      </c>
      <c r="B1270" s="22" t="s">
        <v>2532</v>
      </c>
      <c r="C1270" s="22" t="s">
        <v>2533</v>
      </c>
      <c r="D1270" s="10">
        <v>1414410072</v>
      </c>
      <c r="E1270" s="11">
        <v>48457</v>
      </c>
      <c r="F1270" s="9" t="s">
        <v>130</v>
      </c>
      <c r="G1270" s="5">
        <v>1268</v>
      </c>
      <c r="H1270" s="12">
        <f t="shared" si="38"/>
        <v>20</v>
      </c>
      <c r="I1270" s="12">
        <f t="shared" si="39"/>
        <v>10</v>
      </c>
      <c r="J1270" s="12"/>
      <c r="K1270" s="12"/>
      <c r="L1270" s="12"/>
      <c r="M1270" s="12"/>
      <c r="N1270" s="12"/>
      <c r="O1270" s="12"/>
      <c r="P1270" s="12"/>
      <c r="Q1270" s="12"/>
      <c r="R1270" s="12"/>
      <c r="S1270" s="12"/>
      <c r="T1270" s="12"/>
      <c r="U1270" s="12"/>
      <c r="V1270" s="12"/>
      <c r="W1270" s="12"/>
      <c r="X1270" s="12"/>
      <c r="Y1270" s="12"/>
      <c r="Z1270" s="12"/>
      <c r="AA1270" s="12"/>
      <c r="AB1270" s="12"/>
      <c r="AC1270" s="12"/>
      <c r="AD1270" s="12"/>
      <c r="AE1270" s="12"/>
      <c r="AF1270" s="12"/>
      <c r="AG1270" s="12"/>
      <c r="AH1270" s="12"/>
      <c r="AI1270" s="12"/>
    </row>
    <row r="1271" spans="1:35" s="5" customFormat="1" ht="27.75" customHeight="1" x14ac:dyDescent="0.4">
      <c r="A1271" s="13" t="s">
        <v>137</v>
      </c>
      <c r="B1271" s="13" t="s">
        <v>2534</v>
      </c>
      <c r="C1271" s="13" t="s">
        <v>2535</v>
      </c>
      <c r="D1271" s="18">
        <v>1411110006</v>
      </c>
      <c r="E1271" s="11">
        <v>46387</v>
      </c>
      <c r="F1271" s="9" t="s">
        <v>2536</v>
      </c>
      <c r="G1271" s="12">
        <v>1269</v>
      </c>
      <c r="H1271" s="12">
        <f t="shared" si="38"/>
        <v>12</v>
      </c>
      <c r="I1271" s="12">
        <f t="shared" si="39"/>
        <v>25</v>
      </c>
    </row>
    <row r="1272" spans="1:35" s="5" customFormat="1" ht="27.75" customHeight="1" x14ac:dyDescent="0.4">
      <c r="A1272" s="15" t="s">
        <v>137</v>
      </c>
      <c r="B1272" s="15" t="s">
        <v>2537</v>
      </c>
      <c r="C1272" s="16" t="s">
        <v>2538</v>
      </c>
      <c r="D1272" s="26">
        <v>1411100460</v>
      </c>
      <c r="E1272" s="11">
        <v>46387</v>
      </c>
      <c r="F1272" s="9" t="s">
        <v>2536</v>
      </c>
      <c r="G1272" s="5">
        <v>1270</v>
      </c>
      <c r="H1272" s="12">
        <f t="shared" si="38"/>
        <v>14</v>
      </c>
      <c r="I1272" s="12">
        <f t="shared" si="39"/>
        <v>21</v>
      </c>
    </row>
    <row r="1273" spans="1:35" s="5" customFormat="1" ht="27.75" customHeight="1" x14ac:dyDescent="0.4">
      <c r="A1273" s="22" t="s">
        <v>137</v>
      </c>
      <c r="B1273" s="22" t="s">
        <v>2539</v>
      </c>
      <c r="C1273" s="22" t="s">
        <v>2540</v>
      </c>
      <c r="D1273" s="10">
        <v>1411110089</v>
      </c>
      <c r="E1273" s="11">
        <v>47603</v>
      </c>
      <c r="F1273" s="9" t="s">
        <v>2536</v>
      </c>
      <c r="G1273" s="12">
        <v>1271</v>
      </c>
      <c r="H1273" s="12">
        <f t="shared" si="38"/>
        <v>16</v>
      </c>
      <c r="I1273" s="12">
        <f t="shared" si="39"/>
        <v>10</v>
      </c>
    </row>
    <row r="1274" spans="1:35" s="5" customFormat="1" ht="27.75" customHeight="1" x14ac:dyDescent="0.4">
      <c r="A1274" s="13" t="s">
        <v>137</v>
      </c>
      <c r="B1274" s="9" t="s">
        <v>2541</v>
      </c>
      <c r="C1274" s="9" t="s">
        <v>2542</v>
      </c>
      <c r="D1274" s="18">
        <v>1411100478</v>
      </c>
      <c r="E1274" s="11">
        <v>46387</v>
      </c>
      <c r="F1274" s="9" t="s">
        <v>2536</v>
      </c>
      <c r="G1274" s="5">
        <v>1272</v>
      </c>
      <c r="H1274" s="12">
        <f t="shared" si="38"/>
        <v>15</v>
      </c>
      <c r="I1274" s="12">
        <f t="shared" si="39"/>
        <v>17</v>
      </c>
    </row>
    <row r="1275" spans="1:35" s="5" customFormat="1" ht="27.75" customHeight="1" x14ac:dyDescent="0.4">
      <c r="A1275" s="9" t="s">
        <v>137</v>
      </c>
      <c r="B1275" s="16" t="s">
        <v>2543</v>
      </c>
      <c r="C1275" s="16" t="s">
        <v>2544</v>
      </c>
      <c r="D1275" s="10">
        <v>1411110147</v>
      </c>
      <c r="E1275" s="11">
        <v>46387</v>
      </c>
      <c r="F1275" s="9" t="s">
        <v>2536</v>
      </c>
      <c r="G1275" s="12">
        <v>1273</v>
      </c>
      <c r="H1275" s="12">
        <f t="shared" si="38"/>
        <v>13</v>
      </c>
      <c r="I1275" s="12">
        <f t="shared" si="39"/>
        <v>5</v>
      </c>
    </row>
    <row r="1276" spans="1:35" s="5" customFormat="1" ht="27.75" customHeight="1" x14ac:dyDescent="0.4">
      <c r="A1276" s="17" t="s">
        <v>137</v>
      </c>
      <c r="B1276" s="16" t="s">
        <v>2545</v>
      </c>
      <c r="C1276" s="16" t="s">
        <v>2546</v>
      </c>
      <c r="D1276" s="10">
        <v>1411110063</v>
      </c>
      <c r="E1276" s="11">
        <v>47118</v>
      </c>
      <c r="F1276" s="9" t="s">
        <v>2536</v>
      </c>
      <c r="G1276" s="5">
        <v>1274</v>
      </c>
      <c r="H1276" s="12">
        <f t="shared" si="38"/>
        <v>13</v>
      </c>
      <c r="I1276" s="12">
        <f t="shared" si="39"/>
        <v>14</v>
      </c>
    </row>
    <row r="1277" spans="1:35" s="5" customFormat="1" ht="27.75" customHeight="1" x14ac:dyDescent="0.4">
      <c r="A1277" s="9" t="s">
        <v>137</v>
      </c>
      <c r="B1277" s="16" t="s">
        <v>2547</v>
      </c>
      <c r="C1277" s="16" t="s">
        <v>2548</v>
      </c>
      <c r="D1277" s="10">
        <v>1411100387</v>
      </c>
      <c r="E1277" s="11">
        <v>46387</v>
      </c>
      <c r="F1277" s="9" t="s">
        <v>2536</v>
      </c>
      <c r="G1277" s="12">
        <v>1275</v>
      </c>
      <c r="H1277" s="12">
        <f t="shared" si="38"/>
        <v>14</v>
      </c>
      <c r="I1277" s="12">
        <f t="shared" si="39"/>
        <v>11</v>
      </c>
    </row>
    <row r="1278" spans="1:35" s="5" customFormat="1" ht="27.75" customHeight="1" x14ac:dyDescent="0.4">
      <c r="A1278" s="15" t="s">
        <v>137</v>
      </c>
      <c r="B1278" s="15" t="s">
        <v>2549</v>
      </c>
      <c r="C1278" s="16" t="s">
        <v>2550</v>
      </c>
      <c r="D1278" s="26">
        <v>1411110022</v>
      </c>
      <c r="E1278" s="11">
        <v>46507</v>
      </c>
      <c r="F1278" s="9" t="s">
        <v>2536</v>
      </c>
      <c r="G1278" s="5">
        <v>1276</v>
      </c>
      <c r="H1278" s="12">
        <f t="shared" si="38"/>
        <v>15</v>
      </c>
      <c r="I1278" s="12">
        <f t="shared" si="39"/>
        <v>9</v>
      </c>
    </row>
    <row r="1279" spans="1:35" s="5" customFormat="1" ht="27.75" customHeight="1" x14ac:dyDescent="0.4">
      <c r="A1279" s="9" t="s">
        <v>137</v>
      </c>
      <c r="B1279" s="9" t="s">
        <v>2551</v>
      </c>
      <c r="C1279" s="9" t="s">
        <v>2552</v>
      </c>
      <c r="D1279" s="18">
        <v>1411210111</v>
      </c>
      <c r="E1279" s="11">
        <v>48182</v>
      </c>
      <c r="F1279" s="9" t="s">
        <v>2553</v>
      </c>
      <c r="G1279" s="12">
        <v>1277</v>
      </c>
      <c r="H1279" s="12">
        <f t="shared" si="38"/>
        <v>14</v>
      </c>
      <c r="I1279" s="12">
        <f t="shared" si="39"/>
        <v>7</v>
      </c>
    </row>
    <row r="1280" spans="1:35" s="5" customFormat="1" ht="27.75" customHeight="1" x14ac:dyDescent="0.4">
      <c r="A1280" s="13" t="s">
        <v>137</v>
      </c>
      <c r="B1280" s="9" t="s">
        <v>2554</v>
      </c>
      <c r="C1280" s="9" t="s">
        <v>2555</v>
      </c>
      <c r="D1280" s="18">
        <v>1411210038</v>
      </c>
      <c r="E1280" s="11">
        <v>47422</v>
      </c>
      <c r="F1280" s="9" t="s">
        <v>2553</v>
      </c>
      <c r="G1280" s="5">
        <v>1278</v>
      </c>
      <c r="H1280" s="12">
        <f t="shared" si="38"/>
        <v>14</v>
      </c>
      <c r="I1280" s="12">
        <f t="shared" si="39"/>
        <v>21</v>
      </c>
    </row>
    <row r="1281" spans="1:35" s="5" customFormat="1" ht="27.75" customHeight="1" x14ac:dyDescent="0.4">
      <c r="A1281" s="22" t="s">
        <v>137</v>
      </c>
      <c r="B1281" s="22" t="s">
        <v>2556</v>
      </c>
      <c r="C1281" s="22" t="s">
        <v>2557</v>
      </c>
      <c r="D1281" s="10">
        <v>1411210020</v>
      </c>
      <c r="E1281" s="11">
        <v>47177</v>
      </c>
      <c r="F1281" s="9" t="s">
        <v>2553</v>
      </c>
      <c r="G1281" s="12">
        <v>1279</v>
      </c>
      <c r="H1281" s="12">
        <f t="shared" si="38"/>
        <v>23</v>
      </c>
      <c r="I1281" s="12">
        <f t="shared" si="39"/>
        <v>13</v>
      </c>
      <c r="J1281" s="12"/>
      <c r="K1281" s="12"/>
      <c r="L1281" s="12"/>
      <c r="M1281" s="12"/>
      <c r="N1281" s="12"/>
      <c r="O1281" s="12"/>
      <c r="P1281" s="12"/>
      <c r="Q1281" s="12"/>
      <c r="R1281" s="12"/>
      <c r="S1281" s="12"/>
      <c r="T1281" s="12"/>
      <c r="U1281" s="12"/>
      <c r="V1281" s="12"/>
      <c r="W1281" s="12"/>
      <c r="X1281" s="12"/>
      <c r="Y1281" s="12"/>
      <c r="Z1281" s="12"/>
      <c r="AA1281" s="12"/>
      <c r="AB1281" s="12"/>
      <c r="AC1281" s="12"/>
      <c r="AD1281" s="12"/>
      <c r="AE1281" s="12"/>
      <c r="AF1281" s="12"/>
      <c r="AG1281" s="12"/>
      <c r="AH1281" s="12"/>
      <c r="AI1281" s="12"/>
    </row>
    <row r="1282" spans="1:35" s="5" customFormat="1" ht="27.75" customHeight="1" x14ac:dyDescent="0.4">
      <c r="A1282" s="17" t="s">
        <v>137</v>
      </c>
      <c r="B1282" s="9" t="s">
        <v>2558</v>
      </c>
      <c r="C1282" s="9" t="s">
        <v>2559</v>
      </c>
      <c r="D1282" s="18">
        <v>1411201151</v>
      </c>
      <c r="E1282" s="11">
        <v>46996</v>
      </c>
      <c r="F1282" s="9" t="s">
        <v>2553</v>
      </c>
      <c r="G1282" s="5">
        <v>1280</v>
      </c>
      <c r="H1282" s="12">
        <f t="shared" si="38"/>
        <v>15</v>
      </c>
      <c r="I1282" s="12">
        <f t="shared" si="39"/>
        <v>19</v>
      </c>
    </row>
    <row r="1283" spans="1:35" s="5" customFormat="1" ht="27.75" customHeight="1" x14ac:dyDescent="0.4">
      <c r="A1283" s="17" t="s">
        <v>137</v>
      </c>
      <c r="B1283" s="16" t="s">
        <v>2560</v>
      </c>
      <c r="C1283" s="16" t="s">
        <v>2561</v>
      </c>
      <c r="D1283" s="10">
        <v>1411201060</v>
      </c>
      <c r="E1283" s="11">
        <v>46387</v>
      </c>
      <c r="F1283" s="9" t="s">
        <v>2553</v>
      </c>
      <c r="G1283" s="12">
        <v>1281</v>
      </c>
      <c r="H1283" s="12">
        <f t="shared" si="38"/>
        <v>14</v>
      </c>
      <c r="I1283" s="12">
        <f t="shared" si="39"/>
        <v>4</v>
      </c>
    </row>
    <row r="1284" spans="1:35" s="5" customFormat="1" ht="27.75" customHeight="1" x14ac:dyDescent="0.4">
      <c r="A1284" s="17" t="s">
        <v>137</v>
      </c>
      <c r="B1284" s="16" t="s">
        <v>2562</v>
      </c>
      <c r="C1284" s="16" t="s">
        <v>2563</v>
      </c>
      <c r="D1284" s="10">
        <v>1411201144</v>
      </c>
      <c r="E1284" s="11">
        <v>46387</v>
      </c>
      <c r="F1284" s="9" t="s">
        <v>2553</v>
      </c>
      <c r="G1284" s="5">
        <v>1282</v>
      </c>
      <c r="H1284" s="12">
        <f t="shared" ref="H1284:H1347" si="40">LEN(C1284)</f>
        <v>14</v>
      </c>
      <c r="I1284" s="12">
        <f t="shared" ref="I1284:I1347" si="41">LEN(B1284)</f>
        <v>8</v>
      </c>
    </row>
    <row r="1285" spans="1:35" s="5" customFormat="1" ht="27.75" customHeight="1" x14ac:dyDescent="0.4">
      <c r="A1285" s="17" t="s">
        <v>137</v>
      </c>
      <c r="B1285" s="16" t="s">
        <v>2564</v>
      </c>
      <c r="C1285" s="22" t="s">
        <v>2565</v>
      </c>
      <c r="D1285" s="10">
        <v>1411210046</v>
      </c>
      <c r="E1285" s="11">
        <v>48457</v>
      </c>
      <c r="F1285" s="9" t="s">
        <v>2553</v>
      </c>
      <c r="G1285" s="12">
        <v>1283</v>
      </c>
      <c r="H1285" s="12">
        <f t="shared" si="40"/>
        <v>24</v>
      </c>
      <c r="I1285" s="12">
        <f t="shared" si="41"/>
        <v>17</v>
      </c>
    </row>
    <row r="1286" spans="1:35" s="5" customFormat="1" ht="27.75" customHeight="1" x14ac:dyDescent="0.4">
      <c r="A1286" s="17" t="s">
        <v>137</v>
      </c>
      <c r="B1286" s="16" t="s">
        <v>2566</v>
      </c>
      <c r="C1286" s="16" t="s">
        <v>2567</v>
      </c>
      <c r="D1286" s="10">
        <v>1411200666</v>
      </c>
      <c r="E1286" s="11">
        <v>46387</v>
      </c>
      <c r="F1286" s="9" t="s">
        <v>2553</v>
      </c>
      <c r="G1286" s="5">
        <v>1284</v>
      </c>
      <c r="H1286" s="12">
        <f t="shared" si="40"/>
        <v>11</v>
      </c>
      <c r="I1286" s="12">
        <f t="shared" si="41"/>
        <v>13</v>
      </c>
    </row>
    <row r="1287" spans="1:35" s="5" customFormat="1" ht="27.75" customHeight="1" x14ac:dyDescent="0.4">
      <c r="A1287" s="17" t="s">
        <v>137</v>
      </c>
      <c r="B1287" s="16" t="s">
        <v>2568</v>
      </c>
      <c r="C1287" s="22" t="s">
        <v>2569</v>
      </c>
      <c r="D1287" s="10">
        <v>1411201037</v>
      </c>
      <c r="E1287" s="11">
        <v>46387</v>
      </c>
      <c r="F1287" s="9" t="s">
        <v>2553</v>
      </c>
      <c r="G1287" s="12">
        <v>1285</v>
      </c>
      <c r="H1287" s="12">
        <f t="shared" si="40"/>
        <v>14</v>
      </c>
      <c r="I1287" s="12">
        <f t="shared" si="41"/>
        <v>12</v>
      </c>
    </row>
    <row r="1288" spans="1:35" s="5" customFormat="1" ht="27.75" customHeight="1" x14ac:dyDescent="0.4">
      <c r="A1288" s="13" t="s">
        <v>137</v>
      </c>
      <c r="B1288" s="9" t="s">
        <v>2570</v>
      </c>
      <c r="C1288" s="9" t="s">
        <v>2571</v>
      </c>
      <c r="D1288" s="18">
        <v>1411200997</v>
      </c>
      <c r="E1288" s="11">
        <v>46387</v>
      </c>
      <c r="F1288" s="9" t="s">
        <v>2553</v>
      </c>
      <c r="G1288" s="5">
        <v>1286</v>
      </c>
      <c r="H1288" s="12">
        <f t="shared" si="40"/>
        <v>12</v>
      </c>
      <c r="I1288" s="12">
        <f t="shared" si="41"/>
        <v>8</v>
      </c>
    </row>
    <row r="1289" spans="1:35" s="5" customFormat="1" ht="27.75" customHeight="1" x14ac:dyDescent="0.4">
      <c r="A1289" s="9" t="s">
        <v>137</v>
      </c>
      <c r="B1289" s="9" t="s">
        <v>131</v>
      </c>
      <c r="C1289" s="9" t="s">
        <v>132</v>
      </c>
      <c r="D1289" s="18">
        <v>1411310143</v>
      </c>
      <c r="E1289" s="11">
        <v>47177</v>
      </c>
      <c r="F1289" s="9" t="s">
        <v>133</v>
      </c>
      <c r="G1289" s="12">
        <v>1287</v>
      </c>
      <c r="H1289" s="12">
        <f t="shared" si="40"/>
        <v>11</v>
      </c>
      <c r="I1289" s="12">
        <f t="shared" si="41"/>
        <v>14</v>
      </c>
      <c r="J1289" s="12"/>
      <c r="K1289" s="12"/>
      <c r="L1289" s="12"/>
      <c r="M1289" s="12"/>
      <c r="N1289" s="12"/>
      <c r="O1289" s="12"/>
      <c r="P1289" s="12"/>
      <c r="Q1289" s="12"/>
      <c r="R1289" s="12"/>
      <c r="S1289" s="12"/>
      <c r="T1289" s="12"/>
      <c r="U1289" s="12"/>
      <c r="V1289" s="12"/>
      <c r="W1289" s="12"/>
      <c r="X1289" s="12"/>
      <c r="Y1289" s="12"/>
      <c r="Z1289" s="12"/>
      <c r="AA1289" s="12"/>
      <c r="AB1289" s="12"/>
      <c r="AC1289" s="12"/>
      <c r="AD1289" s="12"/>
      <c r="AE1289" s="12"/>
      <c r="AF1289" s="12"/>
      <c r="AG1289" s="12"/>
      <c r="AH1289" s="12"/>
      <c r="AI1289" s="12"/>
    </row>
    <row r="1290" spans="1:35" s="5" customFormat="1" ht="27.75" customHeight="1" x14ac:dyDescent="0.4">
      <c r="A1290" s="17" t="s">
        <v>137</v>
      </c>
      <c r="B1290" s="16" t="s">
        <v>2572</v>
      </c>
      <c r="C1290" s="22" t="s">
        <v>2573</v>
      </c>
      <c r="D1290" s="10">
        <v>1411310010</v>
      </c>
      <c r="E1290" s="11">
        <v>46387</v>
      </c>
      <c r="F1290" s="9" t="s">
        <v>133</v>
      </c>
      <c r="G1290" s="5">
        <v>1288</v>
      </c>
      <c r="H1290" s="12">
        <f t="shared" si="40"/>
        <v>11</v>
      </c>
      <c r="I1290" s="12">
        <f t="shared" si="41"/>
        <v>18</v>
      </c>
    </row>
    <row r="1291" spans="1:35" s="5" customFormat="1" ht="27.75" customHeight="1" x14ac:dyDescent="0.4">
      <c r="A1291" s="17" t="s">
        <v>137</v>
      </c>
      <c r="B1291" s="16" t="s">
        <v>2574</v>
      </c>
      <c r="C1291" s="16" t="s">
        <v>2575</v>
      </c>
      <c r="D1291" s="10">
        <v>1411310135</v>
      </c>
      <c r="E1291" s="11">
        <v>47269</v>
      </c>
      <c r="F1291" s="9" t="s">
        <v>133</v>
      </c>
      <c r="G1291" s="12">
        <v>1289</v>
      </c>
      <c r="H1291" s="12">
        <f t="shared" si="40"/>
        <v>13</v>
      </c>
      <c r="I1291" s="12">
        <f t="shared" si="41"/>
        <v>9</v>
      </c>
    </row>
    <row r="1292" spans="1:35" s="5" customFormat="1" ht="27.75" customHeight="1" x14ac:dyDescent="0.4">
      <c r="A1292" s="17" t="s">
        <v>137</v>
      </c>
      <c r="B1292" s="16" t="s">
        <v>2576</v>
      </c>
      <c r="C1292" s="22" t="s">
        <v>2577</v>
      </c>
      <c r="D1292" s="10">
        <v>1411301555</v>
      </c>
      <c r="E1292" s="11">
        <v>46387</v>
      </c>
      <c r="F1292" s="9" t="s">
        <v>133</v>
      </c>
      <c r="G1292" s="5">
        <v>1290</v>
      </c>
      <c r="H1292" s="12">
        <f t="shared" si="40"/>
        <v>13</v>
      </c>
      <c r="I1292" s="12">
        <f t="shared" si="41"/>
        <v>9</v>
      </c>
    </row>
    <row r="1293" spans="1:35" s="5" customFormat="1" ht="27.75" customHeight="1" x14ac:dyDescent="0.4">
      <c r="A1293" s="13" t="s">
        <v>137</v>
      </c>
      <c r="B1293" s="9" t="s">
        <v>2578</v>
      </c>
      <c r="C1293" s="9" t="s">
        <v>2579</v>
      </c>
      <c r="D1293" s="18">
        <v>1411301613</v>
      </c>
      <c r="E1293" s="11">
        <v>46387</v>
      </c>
      <c r="F1293" s="9" t="s">
        <v>133</v>
      </c>
      <c r="G1293" s="12">
        <v>1291</v>
      </c>
      <c r="H1293" s="12">
        <f t="shared" si="40"/>
        <v>11</v>
      </c>
      <c r="I1293" s="12">
        <f t="shared" si="41"/>
        <v>8</v>
      </c>
    </row>
    <row r="1294" spans="1:35" s="5" customFormat="1" ht="27.75" customHeight="1" x14ac:dyDescent="0.4">
      <c r="A1294" s="9" t="s">
        <v>137</v>
      </c>
      <c r="B1294" s="14" t="s">
        <v>2580</v>
      </c>
      <c r="C1294" s="9" t="s">
        <v>2581</v>
      </c>
      <c r="D1294" s="18">
        <v>1411301431</v>
      </c>
      <c r="E1294" s="11">
        <v>46387</v>
      </c>
      <c r="F1294" s="9" t="s">
        <v>133</v>
      </c>
      <c r="G1294" s="5">
        <v>1292</v>
      </c>
      <c r="H1294" s="12">
        <f t="shared" si="40"/>
        <v>13</v>
      </c>
      <c r="I1294" s="12">
        <f t="shared" si="41"/>
        <v>8</v>
      </c>
    </row>
    <row r="1295" spans="1:35" s="5" customFormat="1" ht="27.75" customHeight="1" x14ac:dyDescent="0.4">
      <c r="A1295" s="17" t="s">
        <v>137</v>
      </c>
      <c r="B1295" s="16" t="s">
        <v>2582</v>
      </c>
      <c r="C1295" s="16" t="s">
        <v>2583</v>
      </c>
      <c r="D1295" s="10">
        <v>1411301860</v>
      </c>
      <c r="E1295" s="11">
        <v>46387</v>
      </c>
      <c r="F1295" s="9" t="s">
        <v>133</v>
      </c>
      <c r="G1295" s="12">
        <v>1293</v>
      </c>
      <c r="H1295" s="12">
        <f t="shared" si="40"/>
        <v>19</v>
      </c>
      <c r="I1295" s="12">
        <f t="shared" si="41"/>
        <v>7</v>
      </c>
    </row>
    <row r="1296" spans="1:35" s="5" customFormat="1" ht="27.75" customHeight="1" x14ac:dyDescent="0.4">
      <c r="A1296" s="17" t="s">
        <v>137</v>
      </c>
      <c r="B1296" s="16" t="s">
        <v>2584</v>
      </c>
      <c r="C1296" s="16" t="s">
        <v>2585</v>
      </c>
      <c r="D1296" s="10">
        <v>1411301852</v>
      </c>
      <c r="E1296" s="11">
        <v>46387</v>
      </c>
      <c r="F1296" s="9" t="s">
        <v>2586</v>
      </c>
      <c r="G1296" s="5">
        <v>1294</v>
      </c>
      <c r="H1296" s="12">
        <f t="shared" si="40"/>
        <v>12</v>
      </c>
      <c r="I1296" s="12">
        <f t="shared" si="41"/>
        <v>10</v>
      </c>
    </row>
    <row r="1297" spans="1:9" s="5" customFormat="1" ht="27.75" customHeight="1" x14ac:dyDescent="0.4">
      <c r="A1297" s="17" t="s">
        <v>137</v>
      </c>
      <c r="B1297" s="16" t="s">
        <v>2587</v>
      </c>
      <c r="C1297" s="22" t="s">
        <v>2588</v>
      </c>
      <c r="D1297" s="10">
        <v>1411301415</v>
      </c>
      <c r="E1297" s="11">
        <v>46387</v>
      </c>
      <c r="F1297" s="9" t="s">
        <v>2586</v>
      </c>
      <c r="G1297" s="12">
        <v>1295</v>
      </c>
      <c r="H1297" s="12">
        <f t="shared" si="40"/>
        <v>13</v>
      </c>
      <c r="I1297" s="12">
        <f t="shared" si="41"/>
        <v>9</v>
      </c>
    </row>
    <row r="1298" spans="1:9" s="5" customFormat="1" ht="27.75" customHeight="1" x14ac:dyDescent="0.4">
      <c r="A1298" s="17" t="s">
        <v>137</v>
      </c>
      <c r="B1298" s="16" t="s">
        <v>2589</v>
      </c>
      <c r="C1298" s="16" t="s">
        <v>2590</v>
      </c>
      <c r="D1298" s="10">
        <v>1411301837</v>
      </c>
      <c r="E1298" s="11">
        <v>46387</v>
      </c>
      <c r="F1298" s="9" t="s">
        <v>2586</v>
      </c>
      <c r="G1298" s="5">
        <v>1296</v>
      </c>
      <c r="H1298" s="12">
        <f t="shared" si="40"/>
        <v>12</v>
      </c>
      <c r="I1298" s="12">
        <f t="shared" si="41"/>
        <v>11</v>
      </c>
    </row>
    <row r="1299" spans="1:9" s="5" customFormat="1" ht="27.75" customHeight="1" x14ac:dyDescent="0.4">
      <c r="A1299" s="9" t="s">
        <v>137</v>
      </c>
      <c r="B1299" s="13" t="s">
        <v>2591</v>
      </c>
      <c r="C1299" s="13" t="s">
        <v>2592</v>
      </c>
      <c r="D1299" s="18">
        <v>1411310085</v>
      </c>
      <c r="E1299" s="11">
        <v>47573</v>
      </c>
      <c r="F1299" s="9" t="s">
        <v>2586</v>
      </c>
      <c r="G1299" s="12">
        <v>1297</v>
      </c>
      <c r="H1299" s="12">
        <f t="shared" si="40"/>
        <v>12</v>
      </c>
      <c r="I1299" s="12">
        <f t="shared" si="41"/>
        <v>4</v>
      </c>
    </row>
    <row r="1300" spans="1:9" s="5" customFormat="1" ht="27.75" customHeight="1" x14ac:dyDescent="0.4">
      <c r="A1300" s="17" t="s">
        <v>137</v>
      </c>
      <c r="B1300" s="16" t="s">
        <v>2593</v>
      </c>
      <c r="C1300" s="22" t="s">
        <v>2594</v>
      </c>
      <c r="D1300" s="10">
        <v>1411310002</v>
      </c>
      <c r="E1300" s="11">
        <v>46387</v>
      </c>
      <c r="F1300" s="9" t="s">
        <v>2586</v>
      </c>
      <c r="G1300" s="5">
        <v>1298</v>
      </c>
      <c r="H1300" s="12">
        <f t="shared" si="40"/>
        <v>13</v>
      </c>
      <c r="I1300" s="12">
        <f t="shared" si="41"/>
        <v>12</v>
      </c>
    </row>
    <row r="1301" spans="1:9" s="5" customFormat="1" ht="27.75" customHeight="1" x14ac:dyDescent="0.4">
      <c r="A1301" s="13" t="s">
        <v>137</v>
      </c>
      <c r="B1301" s="9" t="s">
        <v>2595</v>
      </c>
      <c r="C1301" s="9" t="s">
        <v>2596</v>
      </c>
      <c r="D1301" s="18">
        <v>1411310119</v>
      </c>
      <c r="E1301" s="11">
        <v>46477</v>
      </c>
      <c r="F1301" s="9" t="s">
        <v>2586</v>
      </c>
      <c r="G1301" s="12">
        <v>1299</v>
      </c>
      <c r="H1301" s="12">
        <f t="shared" si="40"/>
        <v>26</v>
      </c>
      <c r="I1301" s="12">
        <f t="shared" si="41"/>
        <v>11</v>
      </c>
    </row>
    <row r="1302" spans="1:9" s="5" customFormat="1" ht="27.75" customHeight="1" x14ac:dyDescent="0.4">
      <c r="A1302" s="22" t="s">
        <v>137</v>
      </c>
      <c r="B1302" s="22" t="s">
        <v>2597</v>
      </c>
      <c r="C1302" s="22" t="s">
        <v>2598</v>
      </c>
      <c r="D1302" s="10">
        <v>1411301753</v>
      </c>
      <c r="E1302" s="11">
        <v>46387</v>
      </c>
      <c r="F1302" s="9" t="s">
        <v>2586</v>
      </c>
      <c r="G1302" s="5">
        <v>1300</v>
      </c>
      <c r="H1302" s="12">
        <f t="shared" si="40"/>
        <v>12</v>
      </c>
      <c r="I1302" s="12">
        <f t="shared" si="41"/>
        <v>20</v>
      </c>
    </row>
    <row r="1303" spans="1:9" s="5" customFormat="1" ht="27.75" customHeight="1" x14ac:dyDescent="0.4">
      <c r="A1303" s="13" t="s">
        <v>137</v>
      </c>
      <c r="B1303" s="9" t="s">
        <v>2599</v>
      </c>
      <c r="C1303" s="9" t="s">
        <v>2600</v>
      </c>
      <c r="D1303" s="18">
        <v>1411301845</v>
      </c>
      <c r="E1303" s="11">
        <v>46387</v>
      </c>
      <c r="F1303" s="9" t="s">
        <v>2586</v>
      </c>
      <c r="G1303" s="12">
        <v>1301</v>
      </c>
      <c r="H1303" s="12">
        <f t="shared" si="40"/>
        <v>12</v>
      </c>
      <c r="I1303" s="12">
        <f t="shared" si="41"/>
        <v>20</v>
      </c>
    </row>
    <row r="1304" spans="1:9" s="5" customFormat="1" ht="27.75" customHeight="1" x14ac:dyDescent="0.4">
      <c r="A1304" s="22" t="s">
        <v>137</v>
      </c>
      <c r="B1304" s="22" t="s">
        <v>2601</v>
      </c>
      <c r="C1304" s="22" t="s">
        <v>2602</v>
      </c>
      <c r="D1304" s="10">
        <v>1411310051</v>
      </c>
      <c r="E1304" s="11">
        <v>46265</v>
      </c>
      <c r="F1304" s="9" t="s">
        <v>2586</v>
      </c>
      <c r="G1304" s="5">
        <v>1302</v>
      </c>
      <c r="H1304" s="12">
        <f t="shared" si="40"/>
        <v>13</v>
      </c>
      <c r="I1304" s="12">
        <f t="shared" si="41"/>
        <v>17</v>
      </c>
    </row>
    <row r="1305" spans="1:9" s="5" customFormat="1" ht="27.75" customHeight="1" x14ac:dyDescent="0.4">
      <c r="A1305" s="13" t="s">
        <v>137</v>
      </c>
      <c r="B1305" s="22" t="s">
        <v>2603</v>
      </c>
      <c r="C1305" s="22" t="s">
        <v>2604</v>
      </c>
      <c r="D1305" s="10">
        <v>1411301514</v>
      </c>
      <c r="E1305" s="11">
        <v>46387</v>
      </c>
      <c r="F1305" s="9" t="s">
        <v>2586</v>
      </c>
      <c r="G1305" s="12">
        <v>1303</v>
      </c>
      <c r="H1305" s="12">
        <f t="shared" si="40"/>
        <v>12</v>
      </c>
      <c r="I1305" s="12">
        <f t="shared" si="41"/>
        <v>7</v>
      </c>
    </row>
    <row r="1306" spans="1:9" s="5" customFormat="1" ht="27.75" customHeight="1" x14ac:dyDescent="0.4">
      <c r="A1306" s="17" t="s">
        <v>137</v>
      </c>
      <c r="B1306" s="16" t="s">
        <v>2605</v>
      </c>
      <c r="C1306" s="22" t="s">
        <v>2606</v>
      </c>
      <c r="D1306" s="10">
        <v>1411301480</v>
      </c>
      <c r="E1306" s="11">
        <v>46387</v>
      </c>
      <c r="F1306" s="9" t="s">
        <v>2586</v>
      </c>
      <c r="G1306" s="5">
        <v>1304</v>
      </c>
      <c r="H1306" s="12">
        <f t="shared" si="40"/>
        <v>14</v>
      </c>
      <c r="I1306" s="12">
        <f t="shared" si="41"/>
        <v>14</v>
      </c>
    </row>
    <row r="1307" spans="1:9" s="5" customFormat="1" ht="27.75" customHeight="1" x14ac:dyDescent="0.4">
      <c r="A1307" s="22" t="s">
        <v>137</v>
      </c>
      <c r="B1307" s="22" t="s">
        <v>2607</v>
      </c>
      <c r="C1307" s="22" t="s">
        <v>2608</v>
      </c>
      <c r="D1307" s="10">
        <v>1411401413</v>
      </c>
      <c r="E1307" s="11">
        <v>46387</v>
      </c>
      <c r="F1307" s="9" t="s">
        <v>2609</v>
      </c>
      <c r="G1307" s="12">
        <v>1305</v>
      </c>
      <c r="H1307" s="12">
        <f t="shared" si="40"/>
        <v>12</v>
      </c>
      <c r="I1307" s="12">
        <f t="shared" si="41"/>
        <v>9</v>
      </c>
    </row>
    <row r="1308" spans="1:9" s="5" customFormat="1" ht="27.75" customHeight="1" x14ac:dyDescent="0.4">
      <c r="A1308" s="22" t="s">
        <v>137</v>
      </c>
      <c r="B1308" s="22" t="s">
        <v>2610</v>
      </c>
      <c r="C1308" s="22" t="s">
        <v>2611</v>
      </c>
      <c r="D1308" s="10">
        <v>1411401074</v>
      </c>
      <c r="E1308" s="11">
        <v>46538</v>
      </c>
      <c r="F1308" s="9" t="s">
        <v>2609</v>
      </c>
      <c r="G1308" s="5">
        <v>1306</v>
      </c>
      <c r="H1308" s="12">
        <f t="shared" si="40"/>
        <v>17</v>
      </c>
      <c r="I1308" s="12">
        <f t="shared" si="41"/>
        <v>11</v>
      </c>
    </row>
    <row r="1309" spans="1:9" s="5" customFormat="1" ht="27.75" customHeight="1" x14ac:dyDescent="0.4">
      <c r="A1309" s="22" t="s">
        <v>137</v>
      </c>
      <c r="B1309" s="22" t="s">
        <v>2612</v>
      </c>
      <c r="C1309" s="22" t="s">
        <v>2613</v>
      </c>
      <c r="D1309" s="10">
        <v>1411401256</v>
      </c>
      <c r="E1309" s="11">
        <v>46660</v>
      </c>
      <c r="F1309" s="9" t="s">
        <v>2614</v>
      </c>
      <c r="G1309" s="12">
        <v>1307</v>
      </c>
      <c r="H1309" s="12">
        <f t="shared" si="40"/>
        <v>16</v>
      </c>
      <c r="I1309" s="12">
        <f t="shared" si="41"/>
        <v>4</v>
      </c>
    </row>
    <row r="1310" spans="1:9" s="5" customFormat="1" ht="27.75" customHeight="1" x14ac:dyDescent="0.4">
      <c r="A1310" s="22" t="s">
        <v>137</v>
      </c>
      <c r="B1310" s="22" t="s">
        <v>2615</v>
      </c>
      <c r="C1310" s="22" t="s">
        <v>2616</v>
      </c>
      <c r="D1310" s="10">
        <v>1411410091</v>
      </c>
      <c r="E1310" s="11">
        <v>48395</v>
      </c>
      <c r="F1310" s="9" t="s">
        <v>2614</v>
      </c>
      <c r="G1310" s="5">
        <v>1308</v>
      </c>
      <c r="H1310" s="12">
        <f t="shared" si="40"/>
        <v>11</v>
      </c>
      <c r="I1310" s="12">
        <f t="shared" si="41"/>
        <v>14</v>
      </c>
    </row>
    <row r="1311" spans="1:9" s="5" customFormat="1" ht="27.75" customHeight="1" x14ac:dyDescent="0.4">
      <c r="A1311" s="22" t="s">
        <v>137</v>
      </c>
      <c r="B1311" s="22" t="s">
        <v>2617</v>
      </c>
      <c r="C1311" s="22" t="s">
        <v>2618</v>
      </c>
      <c r="D1311" s="10">
        <v>1411410000</v>
      </c>
      <c r="E1311" s="11">
        <v>46934</v>
      </c>
      <c r="F1311" s="9" t="s">
        <v>2614</v>
      </c>
      <c r="G1311" s="12">
        <v>1309</v>
      </c>
      <c r="H1311" s="12">
        <f t="shared" si="40"/>
        <v>14</v>
      </c>
      <c r="I1311" s="12">
        <f t="shared" si="41"/>
        <v>4</v>
      </c>
    </row>
    <row r="1312" spans="1:9" s="5" customFormat="1" ht="27.75" customHeight="1" x14ac:dyDescent="0.4">
      <c r="A1312" s="22" t="s">
        <v>137</v>
      </c>
      <c r="B1312" s="22" t="s">
        <v>2619</v>
      </c>
      <c r="C1312" s="22" t="s">
        <v>2620</v>
      </c>
      <c r="D1312" s="10">
        <v>1411401116</v>
      </c>
      <c r="E1312" s="11">
        <v>46752</v>
      </c>
      <c r="F1312" s="9" t="s">
        <v>2614</v>
      </c>
      <c r="G1312" s="5">
        <v>1310</v>
      </c>
      <c r="H1312" s="12">
        <f t="shared" si="40"/>
        <v>12</v>
      </c>
      <c r="I1312" s="12">
        <f t="shared" si="41"/>
        <v>17</v>
      </c>
    </row>
    <row r="1313" spans="1:35" s="5" customFormat="1" ht="27.75" customHeight="1" x14ac:dyDescent="0.4">
      <c r="A1313" s="22" t="s">
        <v>137</v>
      </c>
      <c r="B1313" s="22" t="s">
        <v>2621</v>
      </c>
      <c r="C1313" s="22" t="s">
        <v>2622</v>
      </c>
      <c r="D1313" s="10">
        <v>1411401173</v>
      </c>
      <c r="E1313" s="11">
        <v>46387</v>
      </c>
      <c r="F1313" s="9" t="s">
        <v>2614</v>
      </c>
      <c r="G1313" s="12">
        <v>1311</v>
      </c>
      <c r="H1313" s="12">
        <f t="shared" si="40"/>
        <v>13</v>
      </c>
      <c r="I1313" s="12">
        <f t="shared" si="41"/>
        <v>7</v>
      </c>
    </row>
    <row r="1314" spans="1:35" s="5" customFormat="1" ht="27.75" customHeight="1" x14ac:dyDescent="0.4">
      <c r="A1314" s="22" t="s">
        <v>137</v>
      </c>
      <c r="B1314" s="22" t="s">
        <v>2623</v>
      </c>
      <c r="C1314" s="22" t="s">
        <v>2624</v>
      </c>
      <c r="D1314" s="10">
        <v>1411401389</v>
      </c>
      <c r="E1314" s="11">
        <v>46934</v>
      </c>
      <c r="F1314" s="9" t="s">
        <v>2625</v>
      </c>
      <c r="G1314" s="5">
        <v>1312</v>
      </c>
      <c r="H1314" s="12">
        <f t="shared" si="40"/>
        <v>17</v>
      </c>
      <c r="I1314" s="12">
        <f t="shared" si="41"/>
        <v>6</v>
      </c>
    </row>
    <row r="1315" spans="1:35" s="5" customFormat="1" ht="27.75" customHeight="1" x14ac:dyDescent="0.4">
      <c r="A1315" s="22" t="s">
        <v>137</v>
      </c>
      <c r="B1315" s="22" t="s">
        <v>2626</v>
      </c>
      <c r="C1315" s="50" t="s">
        <v>2627</v>
      </c>
      <c r="D1315" s="10">
        <v>1411410018</v>
      </c>
      <c r="E1315" s="11">
        <v>46387</v>
      </c>
      <c r="F1315" s="9" t="s">
        <v>2625</v>
      </c>
      <c r="G1315" s="12">
        <v>1313</v>
      </c>
      <c r="H1315" s="12">
        <f t="shared" si="40"/>
        <v>32</v>
      </c>
      <c r="I1315" s="12">
        <f t="shared" si="41"/>
        <v>13</v>
      </c>
    </row>
    <row r="1316" spans="1:35" s="5" customFormat="1" ht="27.75" customHeight="1" x14ac:dyDescent="0.4">
      <c r="A1316" s="22" t="s">
        <v>137</v>
      </c>
      <c r="B1316" s="22" t="s">
        <v>2628</v>
      </c>
      <c r="C1316" s="22" t="s">
        <v>2629</v>
      </c>
      <c r="D1316" s="10">
        <v>1411401033</v>
      </c>
      <c r="E1316" s="11">
        <v>46387</v>
      </c>
      <c r="F1316" s="9" t="s">
        <v>2625</v>
      </c>
      <c r="G1316" s="5">
        <v>1314</v>
      </c>
      <c r="H1316" s="12">
        <f t="shared" si="40"/>
        <v>15</v>
      </c>
      <c r="I1316" s="12">
        <f t="shared" si="41"/>
        <v>13</v>
      </c>
    </row>
    <row r="1317" spans="1:35" s="5" customFormat="1" ht="27.75" customHeight="1" x14ac:dyDescent="0.4">
      <c r="A1317" s="9" t="s">
        <v>137</v>
      </c>
      <c r="B1317" s="9" t="s">
        <v>2630</v>
      </c>
      <c r="C1317" s="9" t="s">
        <v>2631</v>
      </c>
      <c r="D1317" s="18">
        <v>1411401504</v>
      </c>
      <c r="E1317" s="11">
        <v>46387</v>
      </c>
      <c r="F1317" s="9" t="s">
        <v>2625</v>
      </c>
      <c r="G1317" s="12">
        <v>1315</v>
      </c>
      <c r="H1317" s="12">
        <f t="shared" si="40"/>
        <v>18</v>
      </c>
      <c r="I1317" s="12">
        <f t="shared" si="41"/>
        <v>27</v>
      </c>
    </row>
    <row r="1318" spans="1:35" s="5" customFormat="1" ht="27.75" customHeight="1" x14ac:dyDescent="0.4">
      <c r="A1318" s="13" t="s">
        <v>137</v>
      </c>
      <c r="B1318" s="9" t="s">
        <v>2632</v>
      </c>
      <c r="C1318" s="9" t="s">
        <v>2633</v>
      </c>
      <c r="D1318" s="18">
        <v>1411410083</v>
      </c>
      <c r="E1318" s="11">
        <v>46387</v>
      </c>
      <c r="F1318" s="9" t="s">
        <v>2625</v>
      </c>
      <c r="G1318" s="5">
        <v>1316</v>
      </c>
      <c r="H1318" s="12">
        <f t="shared" si="40"/>
        <v>16</v>
      </c>
      <c r="I1318" s="12">
        <f t="shared" si="41"/>
        <v>6</v>
      </c>
      <c r="J1318" s="24"/>
      <c r="K1318" s="24"/>
      <c r="L1318" s="24"/>
      <c r="M1318" s="24"/>
      <c r="N1318" s="24"/>
      <c r="O1318" s="24"/>
      <c r="P1318" s="24"/>
      <c r="Q1318" s="24"/>
      <c r="R1318" s="24"/>
      <c r="S1318" s="24"/>
      <c r="T1318" s="24"/>
      <c r="U1318" s="24"/>
      <c r="V1318" s="24"/>
      <c r="W1318" s="24"/>
      <c r="X1318" s="24"/>
      <c r="Y1318" s="24"/>
      <c r="Z1318" s="24"/>
      <c r="AA1318" s="24"/>
      <c r="AB1318" s="24"/>
      <c r="AC1318" s="24"/>
      <c r="AD1318" s="24"/>
      <c r="AE1318" s="24"/>
      <c r="AF1318" s="24"/>
      <c r="AG1318" s="24"/>
      <c r="AH1318" s="24"/>
      <c r="AI1318" s="24"/>
    </row>
    <row r="1319" spans="1:35" s="5" customFormat="1" ht="27.75" customHeight="1" x14ac:dyDescent="0.4">
      <c r="A1319" s="13" t="s">
        <v>137</v>
      </c>
      <c r="B1319" s="14" t="s">
        <v>2634</v>
      </c>
      <c r="C1319" s="9" t="s">
        <v>2635</v>
      </c>
      <c r="D1319" s="18">
        <v>1411410174</v>
      </c>
      <c r="E1319" s="11">
        <v>46446</v>
      </c>
      <c r="F1319" s="9" t="s">
        <v>2625</v>
      </c>
      <c r="G1319" s="12">
        <v>1317</v>
      </c>
      <c r="H1319" s="12">
        <f t="shared" si="40"/>
        <v>19</v>
      </c>
      <c r="I1319" s="12">
        <f t="shared" si="41"/>
        <v>15</v>
      </c>
    </row>
    <row r="1320" spans="1:35" s="5" customFormat="1" ht="27.75" customHeight="1" x14ac:dyDescent="0.4">
      <c r="A1320" s="13" t="s">
        <v>137</v>
      </c>
      <c r="B1320" s="16" t="s">
        <v>2636</v>
      </c>
      <c r="C1320" s="16" t="s">
        <v>2637</v>
      </c>
      <c r="D1320" s="21">
        <v>1411401223</v>
      </c>
      <c r="E1320" s="11">
        <v>46387</v>
      </c>
      <c r="F1320" s="9" t="s">
        <v>2638</v>
      </c>
      <c r="G1320" s="5">
        <v>1318</v>
      </c>
      <c r="H1320" s="12">
        <f t="shared" si="40"/>
        <v>14</v>
      </c>
      <c r="I1320" s="12">
        <f t="shared" si="41"/>
        <v>16</v>
      </c>
    </row>
    <row r="1321" spans="1:35" s="5" customFormat="1" ht="27.75" customHeight="1" x14ac:dyDescent="0.4">
      <c r="A1321" s="17" t="s">
        <v>137</v>
      </c>
      <c r="B1321" s="9" t="s">
        <v>2639</v>
      </c>
      <c r="C1321" s="9" t="s">
        <v>2640</v>
      </c>
      <c r="D1321" s="18">
        <v>1411401470</v>
      </c>
      <c r="E1321" s="11">
        <v>46387</v>
      </c>
      <c r="F1321" s="9" t="s">
        <v>2638</v>
      </c>
      <c r="G1321" s="12">
        <v>1319</v>
      </c>
      <c r="H1321" s="12">
        <f t="shared" si="40"/>
        <v>15</v>
      </c>
      <c r="I1321" s="12">
        <f t="shared" si="41"/>
        <v>12</v>
      </c>
      <c r="J1321" s="12"/>
      <c r="K1321" s="12"/>
      <c r="L1321" s="12"/>
      <c r="M1321" s="12"/>
      <c r="N1321" s="12"/>
      <c r="O1321" s="12"/>
      <c r="P1321" s="12"/>
      <c r="Q1321" s="12"/>
      <c r="R1321" s="12"/>
      <c r="S1321" s="12"/>
      <c r="T1321" s="12"/>
      <c r="U1321" s="12"/>
      <c r="V1321" s="12"/>
      <c r="W1321" s="12"/>
      <c r="X1321" s="12"/>
      <c r="Y1321" s="12"/>
      <c r="Z1321" s="12"/>
      <c r="AA1321" s="12"/>
      <c r="AB1321" s="12"/>
      <c r="AC1321" s="12"/>
      <c r="AD1321" s="12"/>
      <c r="AE1321" s="12"/>
      <c r="AF1321" s="12"/>
      <c r="AG1321" s="12"/>
      <c r="AH1321" s="12"/>
      <c r="AI1321" s="12"/>
    </row>
    <row r="1322" spans="1:35" s="5" customFormat="1" ht="27.75" customHeight="1" x14ac:dyDescent="0.4">
      <c r="A1322" s="13" t="s">
        <v>137</v>
      </c>
      <c r="B1322" s="9" t="s">
        <v>2641</v>
      </c>
      <c r="C1322" s="9" t="s">
        <v>2642</v>
      </c>
      <c r="D1322" s="18">
        <v>1411401207</v>
      </c>
      <c r="E1322" s="11">
        <v>46387</v>
      </c>
      <c r="F1322" s="9" t="s">
        <v>2638</v>
      </c>
      <c r="G1322" s="5">
        <v>1320</v>
      </c>
      <c r="H1322" s="12">
        <f t="shared" si="40"/>
        <v>17</v>
      </c>
      <c r="I1322" s="12">
        <f t="shared" si="41"/>
        <v>9</v>
      </c>
      <c r="J1322" s="12"/>
      <c r="K1322" s="12"/>
      <c r="L1322" s="12"/>
      <c r="M1322" s="12"/>
      <c r="N1322" s="12"/>
      <c r="O1322" s="12"/>
      <c r="P1322" s="12"/>
      <c r="Q1322" s="12"/>
      <c r="R1322" s="12"/>
      <c r="S1322" s="12"/>
      <c r="T1322" s="12"/>
      <c r="U1322" s="12"/>
      <c r="V1322" s="12"/>
      <c r="W1322" s="12"/>
      <c r="X1322" s="12"/>
      <c r="Y1322" s="12"/>
      <c r="Z1322" s="12"/>
      <c r="AA1322" s="12"/>
      <c r="AB1322" s="12"/>
      <c r="AC1322" s="12"/>
      <c r="AD1322" s="12"/>
      <c r="AE1322" s="12"/>
      <c r="AF1322" s="12"/>
      <c r="AG1322" s="12"/>
      <c r="AH1322" s="12"/>
      <c r="AI1322" s="12"/>
    </row>
    <row r="1323" spans="1:35" s="5" customFormat="1" ht="27.75" customHeight="1" x14ac:dyDescent="0.4">
      <c r="A1323" s="13" t="s">
        <v>137</v>
      </c>
      <c r="B1323" s="9" t="s">
        <v>2643</v>
      </c>
      <c r="C1323" s="9" t="s">
        <v>2644</v>
      </c>
      <c r="D1323" s="18">
        <v>1411410133</v>
      </c>
      <c r="E1323" s="11">
        <v>48334</v>
      </c>
      <c r="F1323" s="9" t="s">
        <v>2645</v>
      </c>
      <c r="G1323" s="12">
        <v>1321</v>
      </c>
      <c r="H1323" s="12">
        <f t="shared" si="40"/>
        <v>17</v>
      </c>
      <c r="I1323" s="12">
        <f t="shared" si="41"/>
        <v>11</v>
      </c>
    </row>
    <row r="1324" spans="1:35" s="5" customFormat="1" ht="27.75" customHeight="1" x14ac:dyDescent="0.4">
      <c r="A1324" s="13" t="s">
        <v>137</v>
      </c>
      <c r="B1324" s="9" t="s">
        <v>2646</v>
      </c>
      <c r="C1324" s="9" t="s">
        <v>2647</v>
      </c>
      <c r="D1324" s="18">
        <v>1411410224</v>
      </c>
      <c r="E1324" s="11">
        <v>47968</v>
      </c>
      <c r="F1324" s="9" t="s">
        <v>2645</v>
      </c>
      <c r="G1324" s="5">
        <v>1322</v>
      </c>
      <c r="H1324" s="12">
        <f t="shared" si="40"/>
        <v>15</v>
      </c>
      <c r="I1324" s="12">
        <f t="shared" si="41"/>
        <v>19</v>
      </c>
      <c r="J1324" s="12"/>
      <c r="K1324" s="12"/>
      <c r="L1324" s="12"/>
      <c r="M1324" s="12"/>
      <c r="N1324" s="12"/>
      <c r="O1324" s="12"/>
      <c r="P1324" s="12"/>
      <c r="Q1324" s="12"/>
      <c r="R1324" s="12"/>
      <c r="S1324" s="12"/>
      <c r="T1324" s="12"/>
      <c r="U1324" s="12"/>
      <c r="V1324" s="12"/>
      <c r="W1324" s="12"/>
      <c r="X1324" s="12"/>
      <c r="Y1324" s="12"/>
      <c r="Z1324" s="12"/>
      <c r="AA1324" s="12"/>
      <c r="AB1324" s="12"/>
      <c r="AC1324" s="12"/>
      <c r="AD1324" s="12"/>
      <c r="AE1324" s="12"/>
      <c r="AF1324" s="12"/>
      <c r="AG1324" s="12"/>
      <c r="AH1324" s="12"/>
      <c r="AI1324" s="12"/>
    </row>
    <row r="1325" spans="1:35" s="5" customFormat="1" ht="27.75" customHeight="1" x14ac:dyDescent="0.4">
      <c r="A1325" s="13" t="s">
        <v>137</v>
      </c>
      <c r="B1325" s="13" t="s">
        <v>2648</v>
      </c>
      <c r="C1325" s="53" t="s">
        <v>2649</v>
      </c>
      <c r="D1325" s="18">
        <v>1411410125</v>
      </c>
      <c r="E1325" s="11">
        <v>48060</v>
      </c>
      <c r="F1325" s="9" t="s">
        <v>2645</v>
      </c>
      <c r="G1325" s="12">
        <v>1323</v>
      </c>
      <c r="H1325" s="12">
        <f t="shared" si="40"/>
        <v>32</v>
      </c>
      <c r="I1325" s="12">
        <f t="shared" si="41"/>
        <v>12</v>
      </c>
    </row>
    <row r="1326" spans="1:35" s="5" customFormat="1" ht="27.75" customHeight="1" x14ac:dyDescent="0.4">
      <c r="A1326" s="13" t="s">
        <v>137</v>
      </c>
      <c r="B1326" s="14" t="s">
        <v>2650</v>
      </c>
      <c r="C1326" s="9" t="s">
        <v>2651</v>
      </c>
      <c r="D1326" s="18">
        <v>1411401041</v>
      </c>
      <c r="E1326" s="11">
        <v>46387</v>
      </c>
      <c r="F1326" s="9" t="s">
        <v>2645</v>
      </c>
      <c r="G1326" s="5">
        <v>1324</v>
      </c>
      <c r="H1326" s="12">
        <f t="shared" si="40"/>
        <v>14</v>
      </c>
      <c r="I1326" s="12">
        <f t="shared" si="41"/>
        <v>13</v>
      </c>
    </row>
    <row r="1327" spans="1:35" s="5" customFormat="1" ht="27.75" customHeight="1" x14ac:dyDescent="0.4">
      <c r="A1327" s="17" t="s">
        <v>137</v>
      </c>
      <c r="B1327" s="16" t="s">
        <v>2652</v>
      </c>
      <c r="C1327" s="22" t="s">
        <v>2653</v>
      </c>
      <c r="D1327" s="10">
        <v>1411401546</v>
      </c>
      <c r="E1327" s="11">
        <v>48487</v>
      </c>
      <c r="F1327" s="9" t="s">
        <v>2645</v>
      </c>
      <c r="G1327" s="12">
        <v>1325</v>
      </c>
      <c r="H1327" s="12">
        <f t="shared" si="40"/>
        <v>14</v>
      </c>
      <c r="I1327" s="12">
        <f t="shared" si="41"/>
        <v>10</v>
      </c>
    </row>
    <row r="1328" spans="1:35" s="5" customFormat="1" ht="27.75" customHeight="1" x14ac:dyDescent="0.4">
      <c r="A1328" s="17" t="s">
        <v>137</v>
      </c>
      <c r="B1328" s="19" t="s">
        <v>2654</v>
      </c>
      <c r="C1328" s="19" t="s">
        <v>2655</v>
      </c>
      <c r="D1328" s="20">
        <v>1411401348</v>
      </c>
      <c r="E1328" s="11">
        <v>46387</v>
      </c>
      <c r="F1328" s="9" t="s">
        <v>2645</v>
      </c>
      <c r="G1328" s="5">
        <v>1326</v>
      </c>
      <c r="H1328" s="12">
        <f t="shared" si="40"/>
        <v>14</v>
      </c>
      <c r="I1328" s="12">
        <f t="shared" si="41"/>
        <v>4</v>
      </c>
    </row>
    <row r="1329" spans="1:9" s="5" customFormat="1" ht="27.75" customHeight="1" x14ac:dyDescent="0.4">
      <c r="A1329" s="22" t="s">
        <v>137</v>
      </c>
      <c r="B1329" s="22" t="s">
        <v>2656</v>
      </c>
      <c r="C1329" s="22" t="s">
        <v>2657</v>
      </c>
      <c r="D1329" s="10">
        <v>1411410075</v>
      </c>
      <c r="E1329" s="11">
        <v>46599</v>
      </c>
      <c r="F1329" s="9" t="s">
        <v>2645</v>
      </c>
      <c r="G1329" s="12">
        <v>1327</v>
      </c>
      <c r="H1329" s="12">
        <f t="shared" si="40"/>
        <v>29</v>
      </c>
      <c r="I1329" s="12">
        <f t="shared" si="41"/>
        <v>7</v>
      </c>
    </row>
    <row r="1330" spans="1:9" s="5" customFormat="1" ht="27.75" customHeight="1" x14ac:dyDescent="0.4">
      <c r="A1330" s="17" t="s">
        <v>137</v>
      </c>
      <c r="B1330" s="16" t="s">
        <v>6430</v>
      </c>
      <c r="C1330" s="16" t="s">
        <v>2658</v>
      </c>
      <c r="D1330" s="10">
        <v>1411401363</v>
      </c>
      <c r="E1330" s="11">
        <v>46387</v>
      </c>
      <c r="F1330" s="9" t="s">
        <v>2645</v>
      </c>
      <c r="G1330" s="5">
        <v>1328</v>
      </c>
      <c r="H1330" s="12">
        <f t="shared" si="40"/>
        <v>14</v>
      </c>
      <c r="I1330" s="12">
        <f t="shared" si="41"/>
        <v>13</v>
      </c>
    </row>
    <row r="1331" spans="1:9" s="5" customFormat="1" ht="27.75" customHeight="1" x14ac:dyDescent="0.4">
      <c r="A1331" s="17" t="s">
        <v>137</v>
      </c>
      <c r="B1331" s="16" t="s">
        <v>2659</v>
      </c>
      <c r="C1331" s="22" t="s">
        <v>2660</v>
      </c>
      <c r="D1331" s="10">
        <v>1411410216</v>
      </c>
      <c r="E1331" s="11">
        <v>47938</v>
      </c>
      <c r="F1331" s="9" t="s">
        <v>2645</v>
      </c>
      <c r="G1331" s="12">
        <v>1329</v>
      </c>
      <c r="H1331" s="12">
        <f t="shared" si="40"/>
        <v>16</v>
      </c>
      <c r="I1331" s="12">
        <f t="shared" si="41"/>
        <v>20</v>
      </c>
    </row>
    <row r="1332" spans="1:9" s="5" customFormat="1" ht="27.75" customHeight="1" x14ac:dyDescent="0.4">
      <c r="A1332" s="17" t="s">
        <v>137</v>
      </c>
      <c r="B1332" s="16" t="s">
        <v>2661</v>
      </c>
      <c r="C1332" s="16" t="s">
        <v>2662</v>
      </c>
      <c r="D1332" s="10">
        <v>1411400985</v>
      </c>
      <c r="E1332" s="11">
        <v>46599</v>
      </c>
      <c r="F1332" s="9" t="s">
        <v>2645</v>
      </c>
      <c r="G1332" s="5">
        <v>1330</v>
      </c>
      <c r="H1332" s="12">
        <f t="shared" si="40"/>
        <v>16</v>
      </c>
      <c r="I1332" s="12">
        <f t="shared" si="41"/>
        <v>11</v>
      </c>
    </row>
    <row r="1333" spans="1:9" s="5" customFormat="1" ht="27.75" customHeight="1" x14ac:dyDescent="0.4">
      <c r="A1333" s="17" t="s">
        <v>137</v>
      </c>
      <c r="B1333" s="16" t="s">
        <v>2663</v>
      </c>
      <c r="C1333" s="22" t="s">
        <v>2664</v>
      </c>
      <c r="D1333" s="10">
        <v>1411500792</v>
      </c>
      <c r="E1333" s="11">
        <v>46387</v>
      </c>
      <c r="F1333" s="9" t="s">
        <v>2665</v>
      </c>
      <c r="G1333" s="12">
        <v>1331</v>
      </c>
      <c r="H1333" s="12">
        <f t="shared" si="40"/>
        <v>13</v>
      </c>
      <c r="I1333" s="12">
        <f t="shared" si="41"/>
        <v>6</v>
      </c>
    </row>
    <row r="1334" spans="1:9" s="5" customFormat="1" ht="27.75" customHeight="1" x14ac:dyDescent="0.4">
      <c r="A1334" s="17" t="s">
        <v>137</v>
      </c>
      <c r="B1334" s="16" t="s">
        <v>2666</v>
      </c>
      <c r="C1334" s="22" t="s">
        <v>2667</v>
      </c>
      <c r="D1334" s="10">
        <v>141500016</v>
      </c>
      <c r="E1334" s="11">
        <v>48334</v>
      </c>
      <c r="F1334" s="9" t="s">
        <v>2665</v>
      </c>
      <c r="G1334" s="5">
        <v>1332</v>
      </c>
      <c r="H1334" s="12">
        <f t="shared" si="40"/>
        <v>14</v>
      </c>
      <c r="I1334" s="12">
        <f t="shared" si="41"/>
        <v>24</v>
      </c>
    </row>
    <row r="1335" spans="1:9" s="5" customFormat="1" ht="27.75" customHeight="1" x14ac:dyDescent="0.4">
      <c r="A1335" s="9" t="s">
        <v>137</v>
      </c>
      <c r="B1335" s="9" t="s">
        <v>2668</v>
      </c>
      <c r="C1335" s="9" t="s">
        <v>2667</v>
      </c>
      <c r="D1335" s="18">
        <v>1411500586</v>
      </c>
      <c r="E1335" s="11">
        <v>46387</v>
      </c>
      <c r="F1335" s="9" t="s">
        <v>2665</v>
      </c>
      <c r="G1335" s="12">
        <v>1333</v>
      </c>
      <c r="H1335" s="12">
        <f t="shared" si="40"/>
        <v>14</v>
      </c>
      <c r="I1335" s="12">
        <f t="shared" si="41"/>
        <v>24</v>
      </c>
    </row>
    <row r="1336" spans="1:9" s="5" customFormat="1" ht="27.75" customHeight="1" x14ac:dyDescent="0.4">
      <c r="A1336" s="17" t="s">
        <v>137</v>
      </c>
      <c r="B1336" s="16" t="s">
        <v>2669</v>
      </c>
      <c r="C1336" s="22" t="s">
        <v>2670</v>
      </c>
      <c r="D1336" s="10">
        <v>1411500859</v>
      </c>
      <c r="E1336" s="11">
        <v>46507</v>
      </c>
      <c r="F1336" s="9" t="s">
        <v>2665</v>
      </c>
      <c r="G1336" s="5">
        <v>1334</v>
      </c>
      <c r="H1336" s="12">
        <f t="shared" si="40"/>
        <v>12</v>
      </c>
      <c r="I1336" s="12">
        <f t="shared" si="41"/>
        <v>11</v>
      </c>
    </row>
    <row r="1337" spans="1:9" s="5" customFormat="1" ht="27.75" customHeight="1" x14ac:dyDescent="0.4">
      <c r="A1337" s="17" t="s">
        <v>137</v>
      </c>
      <c r="B1337" s="16" t="s">
        <v>2671</v>
      </c>
      <c r="C1337" s="16" t="s">
        <v>2672</v>
      </c>
      <c r="D1337" s="10">
        <v>1411500065</v>
      </c>
      <c r="E1337" s="11">
        <v>47787</v>
      </c>
      <c r="F1337" s="9" t="s">
        <v>2673</v>
      </c>
      <c r="G1337" s="12">
        <v>1335</v>
      </c>
      <c r="H1337" s="12">
        <f t="shared" si="40"/>
        <v>16</v>
      </c>
      <c r="I1337" s="12">
        <f t="shared" si="41"/>
        <v>12</v>
      </c>
    </row>
    <row r="1338" spans="1:9" s="5" customFormat="1" ht="27.75" customHeight="1" x14ac:dyDescent="0.4">
      <c r="A1338" s="17" t="s">
        <v>137</v>
      </c>
      <c r="B1338" s="16" t="s">
        <v>2674</v>
      </c>
      <c r="C1338" s="22" t="s">
        <v>2675</v>
      </c>
      <c r="D1338" s="10">
        <v>1411510015</v>
      </c>
      <c r="E1338" s="11">
        <v>47330</v>
      </c>
      <c r="F1338" s="9" t="s">
        <v>136</v>
      </c>
      <c r="G1338" s="5">
        <v>1336</v>
      </c>
      <c r="H1338" s="12">
        <f t="shared" si="40"/>
        <v>15</v>
      </c>
      <c r="I1338" s="12">
        <f t="shared" si="41"/>
        <v>6</v>
      </c>
    </row>
    <row r="1339" spans="1:9" s="5" customFormat="1" ht="27.75" customHeight="1" x14ac:dyDescent="0.4">
      <c r="A1339" s="9" t="s">
        <v>137</v>
      </c>
      <c r="B1339" s="13" t="s">
        <v>2676</v>
      </c>
      <c r="C1339" s="9" t="s">
        <v>2677</v>
      </c>
      <c r="D1339" s="18">
        <v>1411510031</v>
      </c>
      <c r="E1339" s="11">
        <v>47848</v>
      </c>
      <c r="F1339" s="9" t="s">
        <v>136</v>
      </c>
      <c r="G1339" s="12">
        <v>1337</v>
      </c>
      <c r="H1339" s="12">
        <f t="shared" si="40"/>
        <v>18</v>
      </c>
      <c r="I1339" s="12">
        <f t="shared" si="41"/>
        <v>8</v>
      </c>
    </row>
    <row r="1340" spans="1:9" s="5" customFormat="1" ht="27.75" customHeight="1" x14ac:dyDescent="0.4">
      <c r="A1340" s="17" t="s">
        <v>137</v>
      </c>
      <c r="B1340" s="16" t="s">
        <v>2678</v>
      </c>
      <c r="C1340" s="22" t="s">
        <v>2679</v>
      </c>
      <c r="D1340" s="10">
        <v>1411501006</v>
      </c>
      <c r="E1340" s="11">
        <v>46387</v>
      </c>
      <c r="F1340" s="9" t="s">
        <v>136</v>
      </c>
      <c r="G1340" s="5">
        <v>1338</v>
      </c>
      <c r="H1340" s="12">
        <f t="shared" si="40"/>
        <v>14</v>
      </c>
      <c r="I1340" s="12">
        <f t="shared" si="41"/>
        <v>15</v>
      </c>
    </row>
    <row r="1341" spans="1:9" s="5" customFormat="1" ht="27.75" customHeight="1" x14ac:dyDescent="0.4">
      <c r="A1341" s="9" t="s">
        <v>137</v>
      </c>
      <c r="B1341" s="9" t="s">
        <v>2680</v>
      </c>
      <c r="C1341" s="9" t="s">
        <v>2681</v>
      </c>
      <c r="D1341" s="18">
        <v>1411500826</v>
      </c>
      <c r="E1341" s="11">
        <v>46387</v>
      </c>
      <c r="F1341" s="9" t="s">
        <v>136</v>
      </c>
      <c r="G1341" s="12">
        <v>1339</v>
      </c>
      <c r="H1341" s="12">
        <f t="shared" si="40"/>
        <v>14</v>
      </c>
      <c r="I1341" s="12">
        <f t="shared" si="41"/>
        <v>13</v>
      </c>
    </row>
    <row r="1342" spans="1:9" s="5" customFormat="1" ht="27.75" customHeight="1" x14ac:dyDescent="0.4">
      <c r="A1342" s="9" t="s">
        <v>137</v>
      </c>
      <c r="B1342" s="13" t="s">
        <v>2682</v>
      </c>
      <c r="C1342" s="9" t="s">
        <v>2683</v>
      </c>
      <c r="D1342" s="18">
        <v>1411510122</v>
      </c>
      <c r="E1342" s="11">
        <v>48029</v>
      </c>
      <c r="F1342" s="9" t="s">
        <v>136</v>
      </c>
      <c r="G1342" s="5">
        <v>1340</v>
      </c>
      <c r="H1342" s="12">
        <f t="shared" si="40"/>
        <v>19</v>
      </c>
      <c r="I1342" s="12">
        <f t="shared" si="41"/>
        <v>9</v>
      </c>
    </row>
    <row r="1343" spans="1:9" s="5" customFormat="1" ht="27.75" customHeight="1" x14ac:dyDescent="0.4">
      <c r="A1343" s="17" t="s">
        <v>137</v>
      </c>
      <c r="B1343" s="16" t="s">
        <v>2684</v>
      </c>
      <c r="C1343" s="22" t="s">
        <v>2685</v>
      </c>
      <c r="D1343" s="10">
        <v>1411500891</v>
      </c>
      <c r="E1343" s="11">
        <v>46630</v>
      </c>
      <c r="F1343" s="9" t="s">
        <v>136</v>
      </c>
      <c r="G1343" s="12">
        <v>1341</v>
      </c>
      <c r="H1343" s="12">
        <f t="shared" si="40"/>
        <v>15</v>
      </c>
      <c r="I1343" s="12">
        <f t="shared" si="41"/>
        <v>12</v>
      </c>
    </row>
    <row r="1344" spans="1:9" s="5" customFormat="1" ht="27.75" customHeight="1" x14ac:dyDescent="0.4">
      <c r="A1344" s="17" t="s">
        <v>137</v>
      </c>
      <c r="B1344" s="16" t="s">
        <v>2686</v>
      </c>
      <c r="C1344" s="16" t="s">
        <v>2687</v>
      </c>
      <c r="D1344" s="10">
        <v>1411510049</v>
      </c>
      <c r="E1344" s="11">
        <v>48395</v>
      </c>
      <c r="F1344" s="9" t="s">
        <v>136</v>
      </c>
      <c r="G1344" s="5">
        <v>1342</v>
      </c>
      <c r="H1344" s="12">
        <f t="shared" si="40"/>
        <v>18</v>
      </c>
      <c r="I1344" s="12">
        <f t="shared" si="41"/>
        <v>21</v>
      </c>
    </row>
    <row r="1345" spans="1:35" s="5" customFormat="1" ht="27.75" customHeight="1" x14ac:dyDescent="0.4">
      <c r="A1345" s="17" t="s">
        <v>137</v>
      </c>
      <c r="B1345" s="16" t="s">
        <v>2688</v>
      </c>
      <c r="C1345" s="16" t="s">
        <v>2689</v>
      </c>
      <c r="D1345" s="10">
        <v>1411500396</v>
      </c>
      <c r="E1345" s="11">
        <v>46387</v>
      </c>
      <c r="F1345" s="9" t="s">
        <v>136</v>
      </c>
      <c r="G1345" s="12">
        <v>1343</v>
      </c>
      <c r="H1345" s="12">
        <f t="shared" si="40"/>
        <v>16</v>
      </c>
      <c r="I1345" s="12">
        <f t="shared" si="41"/>
        <v>22</v>
      </c>
    </row>
    <row r="1346" spans="1:35" s="5" customFormat="1" ht="27.75" customHeight="1" x14ac:dyDescent="0.4">
      <c r="A1346" s="15" t="s">
        <v>137</v>
      </c>
      <c r="B1346" s="15" t="s">
        <v>2690</v>
      </c>
      <c r="C1346" s="16" t="s">
        <v>2691</v>
      </c>
      <c r="D1346" s="26">
        <v>1411500750</v>
      </c>
      <c r="E1346" s="11">
        <v>46387</v>
      </c>
      <c r="F1346" s="9" t="s">
        <v>136</v>
      </c>
      <c r="G1346" s="5">
        <v>1344</v>
      </c>
      <c r="H1346" s="12">
        <f t="shared" si="40"/>
        <v>16</v>
      </c>
      <c r="I1346" s="12">
        <f t="shared" si="41"/>
        <v>5</v>
      </c>
      <c r="J1346" s="12"/>
      <c r="K1346" s="12"/>
      <c r="L1346" s="12"/>
      <c r="M1346" s="12"/>
      <c r="N1346" s="12"/>
      <c r="O1346" s="12"/>
      <c r="P1346" s="12"/>
      <c r="Q1346" s="12"/>
      <c r="R1346" s="12"/>
      <c r="S1346" s="12"/>
      <c r="T1346" s="12"/>
      <c r="U1346" s="12"/>
      <c r="V1346" s="12"/>
      <c r="W1346" s="12"/>
      <c r="X1346" s="12"/>
      <c r="Y1346" s="12"/>
      <c r="Z1346" s="12"/>
      <c r="AA1346" s="12"/>
      <c r="AB1346" s="12"/>
      <c r="AC1346" s="12"/>
      <c r="AD1346" s="12"/>
      <c r="AE1346" s="12"/>
      <c r="AF1346" s="12"/>
      <c r="AG1346" s="12"/>
      <c r="AH1346" s="12"/>
      <c r="AI1346" s="12"/>
    </row>
    <row r="1347" spans="1:35" s="5" customFormat="1" ht="27.75" customHeight="1" x14ac:dyDescent="0.4">
      <c r="A1347" s="9" t="s">
        <v>137</v>
      </c>
      <c r="B1347" s="9" t="s">
        <v>2692</v>
      </c>
      <c r="C1347" s="9" t="s">
        <v>2691</v>
      </c>
      <c r="D1347" s="18">
        <v>1411510056</v>
      </c>
      <c r="E1347" s="11">
        <v>46812</v>
      </c>
      <c r="F1347" s="9" t="s">
        <v>136</v>
      </c>
      <c r="G1347" s="12">
        <v>1345</v>
      </c>
      <c r="H1347" s="12">
        <f t="shared" si="40"/>
        <v>16</v>
      </c>
      <c r="I1347" s="12">
        <f t="shared" si="41"/>
        <v>8</v>
      </c>
    </row>
    <row r="1348" spans="1:35" s="5" customFormat="1" ht="27.75" customHeight="1" x14ac:dyDescent="0.4">
      <c r="A1348" s="29" t="s">
        <v>137</v>
      </c>
      <c r="B1348" s="16" t="s">
        <v>2693</v>
      </c>
      <c r="C1348" s="16" t="s">
        <v>2694</v>
      </c>
      <c r="D1348" s="10">
        <v>1411510072</v>
      </c>
      <c r="E1348" s="11">
        <v>47238</v>
      </c>
      <c r="F1348" s="9" t="s">
        <v>136</v>
      </c>
      <c r="G1348" s="5">
        <v>1346</v>
      </c>
      <c r="H1348" s="12">
        <f t="shared" ref="H1348:H1411" si="42">LEN(C1348)</f>
        <v>29</v>
      </c>
      <c r="I1348" s="12">
        <f t="shared" ref="I1348:I1411" si="43">LEN(B1348)</f>
        <v>12</v>
      </c>
      <c r="J1348" s="12"/>
      <c r="K1348" s="12"/>
      <c r="L1348" s="12"/>
      <c r="M1348" s="12"/>
      <c r="N1348" s="12"/>
      <c r="O1348" s="12"/>
      <c r="P1348" s="12"/>
      <c r="Q1348" s="12"/>
      <c r="R1348" s="12"/>
      <c r="S1348" s="12"/>
      <c r="T1348" s="12"/>
      <c r="U1348" s="12"/>
      <c r="V1348" s="12"/>
      <c r="W1348" s="12"/>
      <c r="X1348" s="12"/>
      <c r="Y1348" s="12"/>
      <c r="Z1348" s="12"/>
      <c r="AA1348" s="12"/>
      <c r="AB1348" s="12"/>
      <c r="AC1348" s="12"/>
      <c r="AD1348" s="12"/>
      <c r="AE1348" s="12"/>
      <c r="AF1348" s="12"/>
      <c r="AG1348" s="12"/>
      <c r="AH1348" s="12"/>
      <c r="AI1348" s="12"/>
    </row>
    <row r="1349" spans="1:35" s="5" customFormat="1" ht="27.75" customHeight="1" x14ac:dyDescent="0.4">
      <c r="A1349" s="9" t="s">
        <v>137</v>
      </c>
      <c r="B1349" s="13" t="s">
        <v>2695</v>
      </c>
      <c r="C1349" s="13" t="s">
        <v>2696</v>
      </c>
      <c r="D1349" s="18">
        <v>1411510007</v>
      </c>
      <c r="E1349" s="11">
        <v>46507</v>
      </c>
      <c r="F1349" s="9" t="s">
        <v>136</v>
      </c>
      <c r="G1349" s="12">
        <v>1347</v>
      </c>
      <c r="H1349" s="12">
        <f t="shared" si="42"/>
        <v>15</v>
      </c>
      <c r="I1349" s="12">
        <f t="shared" si="43"/>
        <v>11</v>
      </c>
    </row>
    <row r="1350" spans="1:35" s="5" customFormat="1" ht="27.75" customHeight="1" x14ac:dyDescent="0.4">
      <c r="A1350" s="13" t="s">
        <v>137</v>
      </c>
      <c r="B1350" s="9" t="s">
        <v>2697</v>
      </c>
      <c r="C1350" s="9" t="s">
        <v>2698</v>
      </c>
      <c r="D1350" s="18">
        <v>1411500545</v>
      </c>
      <c r="E1350" s="11">
        <v>46387</v>
      </c>
      <c r="F1350" s="9" t="s">
        <v>136</v>
      </c>
      <c r="G1350" s="5">
        <v>1348</v>
      </c>
      <c r="H1350" s="12">
        <f t="shared" si="42"/>
        <v>18</v>
      </c>
      <c r="I1350" s="12">
        <f t="shared" si="43"/>
        <v>7</v>
      </c>
    </row>
    <row r="1351" spans="1:35" s="5" customFormat="1" ht="27.75" customHeight="1" x14ac:dyDescent="0.4">
      <c r="A1351" s="13" t="s">
        <v>137</v>
      </c>
      <c r="B1351" s="9" t="s">
        <v>2699</v>
      </c>
      <c r="C1351" s="9" t="s">
        <v>2700</v>
      </c>
      <c r="D1351" s="18">
        <v>1411610054</v>
      </c>
      <c r="E1351" s="11">
        <v>46599</v>
      </c>
      <c r="F1351" s="9" t="s">
        <v>2701</v>
      </c>
      <c r="G1351" s="12">
        <v>1349</v>
      </c>
      <c r="H1351" s="12">
        <f t="shared" si="42"/>
        <v>14</v>
      </c>
      <c r="I1351" s="12">
        <f t="shared" si="43"/>
        <v>11</v>
      </c>
      <c r="J1351" s="24"/>
      <c r="K1351" s="24"/>
      <c r="L1351" s="24"/>
      <c r="M1351" s="24"/>
      <c r="N1351" s="24"/>
      <c r="O1351" s="24"/>
      <c r="P1351" s="24"/>
      <c r="Q1351" s="24"/>
      <c r="R1351" s="24"/>
      <c r="S1351" s="24"/>
      <c r="T1351" s="24"/>
      <c r="U1351" s="24"/>
      <c r="V1351" s="24"/>
      <c r="W1351" s="24"/>
      <c r="X1351" s="24"/>
      <c r="Y1351" s="24"/>
      <c r="Z1351" s="24"/>
      <c r="AA1351" s="24"/>
      <c r="AB1351" s="24"/>
      <c r="AC1351" s="24"/>
      <c r="AD1351" s="24"/>
      <c r="AE1351" s="24"/>
      <c r="AF1351" s="24"/>
      <c r="AG1351" s="24"/>
      <c r="AH1351" s="24"/>
      <c r="AI1351" s="24"/>
    </row>
    <row r="1352" spans="1:35" s="5" customFormat="1" ht="27.75" customHeight="1" x14ac:dyDescent="0.4">
      <c r="A1352" s="13" t="s">
        <v>137</v>
      </c>
      <c r="B1352" s="14" t="s">
        <v>198</v>
      </c>
      <c r="C1352" s="9" t="s">
        <v>2702</v>
      </c>
      <c r="D1352" s="18">
        <v>1411600287</v>
      </c>
      <c r="E1352" s="11">
        <v>46387</v>
      </c>
      <c r="F1352" s="9" t="s">
        <v>2701</v>
      </c>
      <c r="G1352" s="5">
        <v>1350</v>
      </c>
      <c r="H1352" s="12">
        <f t="shared" si="42"/>
        <v>13</v>
      </c>
      <c r="I1352" s="12">
        <f t="shared" si="43"/>
        <v>6</v>
      </c>
      <c r="J1352" s="12"/>
      <c r="K1352" s="12"/>
      <c r="L1352" s="12"/>
      <c r="M1352" s="12"/>
      <c r="N1352" s="12"/>
      <c r="O1352" s="12"/>
      <c r="P1352" s="12"/>
      <c r="Q1352" s="12"/>
      <c r="R1352" s="12"/>
      <c r="S1352" s="12"/>
      <c r="T1352" s="12"/>
      <c r="U1352" s="12"/>
      <c r="V1352" s="12"/>
      <c r="W1352" s="12"/>
      <c r="X1352" s="12"/>
      <c r="Y1352" s="12"/>
      <c r="Z1352" s="12"/>
      <c r="AA1352" s="12"/>
      <c r="AB1352" s="12"/>
      <c r="AC1352" s="12"/>
      <c r="AD1352" s="12"/>
      <c r="AE1352" s="12"/>
      <c r="AF1352" s="12"/>
      <c r="AG1352" s="12"/>
      <c r="AH1352" s="12"/>
      <c r="AI1352" s="12"/>
    </row>
    <row r="1353" spans="1:35" s="5" customFormat="1" ht="27.75" customHeight="1" x14ac:dyDescent="0.4">
      <c r="A1353" s="13" t="s">
        <v>137</v>
      </c>
      <c r="B1353" s="9" t="s">
        <v>2703</v>
      </c>
      <c r="C1353" s="9" t="s">
        <v>2704</v>
      </c>
      <c r="D1353" s="18">
        <v>1411600469</v>
      </c>
      <c r="E1353" s="11">
        <v>46387</v>
      </c>
      <c r="F1353" s="9" t="s">
        <v>2701</v>
      </c>
      <c r="G1353" s="12">
        <v>1351</v>
      </c>
      <c r="H1353" s="12">
        <f t="shared" si="42"/>
        <v>13</v>
      </c>
      <c r="I1353" s="12">
        <f t="shared" si="43"/>
        <v>16</v>
      </c>
    </row>
    <row r="1354" spans="1:35" s="5" customFormat="1" ht="27.75" customHeight="1" x14ac:dyDescent="0.4">
      <c r="A1354" s="9" t="s">
        <v>137</v>
      </c>
      <c r="B1354" s="9" t="s">
        <v>2705</v>
      </c>
      <c r="C1354" s="9" t="s">
        <v>2706</v>
      </c>
      <c r="D1354" s="18">
        <v>1411600501</v>
      </c>
      <c r="E1354" s="11">
        <v>46387</v>
      </c>
      <c r="F1354" s="9" t="s">
        <v>2701</v>
      </c>
      <c r="G1354" s="5">
        <v>1352</v>
      </c>
      <c r="H1354" s="12">
        <f t="shared" si="42"/>
        <v>14</v>
      </c>
      <c r="I1354" s="12">
        <f t="shared" si="43"/>
        <v>7</v>
      </c>
    </row>
    <row r="1355" spans="1:35" s="5" customFormat="1" ht="27.75" customHeight="1" x14ac:dyDescent="0.4">
      <c r="A1355" s="9" t="s">
        <v>137</v>
      </c>
      <c r="B1355" s="9" t="s">
        <v>2707</v>
      </c>
      <c r="C1355" s="9" t="s">
        <v>2708</v>
      </c>
      <c r="D1355" s="18">
        <v>1411610039</v>
      </c>
      <c r="E1355" s="11">
        <v>47726</v>
      </c>
      <c r="F1355" s="9" t="s">
        <v>2701</v>
      </c>
      <c r="G1355" s="12">
        <v>1353</v>
      </c>
      <c r="H1355" s="12">
        <f t="shared" si="42"/>
        <v>14</v>
      </c>
      <c r="I1355" s="12">
        <f t="shared" si="43"/>
        <v>10</v>
      </c>
    </row>
    <row r="1356" spans="1:35" s="5" customFormat="1" ht="27.75" customHeight="1" x14ac:dyDescent="0.4">
      <c r="A1356" s="13" t="s">
        <v>137</v>
      </c>
      <c r="B1356" s="9" t="s">
        <v>2709</v>
      </c>
      <c r="C1356" s="9" t="s">
        <v>2710</v>
      </c>
      <c r="D1356" s="18">
        <v>1411600345</v>
      </c>
      <c r="E1356" s="11">
        <v>46387</v>
      </c>
      <c r="F1356" s="9" t="s">
        <v>2701</v>
      </c>
      <c r="G1356" s="5">
        <v>1354</v>
      </c>
      <c r="H1356" s="12">
        <f t="shared" si="42"/>
        <v>13</v>
      </c>
      <c r="I1356" s="12">
        <f t="shared" si="43"/>
        <v>7</v>
      </c>
    </row>
    <row r="1357" spans="1:35" s="5" customFormat="1" ht="27.75" customHeight="1" x14ac:dyDescent="0.4">
      <c r="A1357" s="13" t="s">
        <v>137</v>
      </c>
      <c r="B1357" s="9" t="s">
        <v>2711</v>
      </c>
      <c r="C1357" s="9" t="s">
        <v>2712</v>
      </c>
      <c r="D1357" s="18">
        <v>1411600485</v>
      </c>
      <c r="E1357" s="11">
        <v>46387</v>
      </c>
      <c r="F1357" s="9" t="s">
        <v>2701</v>
      </c>
      <c r="G1357" s="12">
        <v>1355</v>
      </c>
      <c r="H1357" s="12">
        <f t="shared" si="42"/>
        <v>14</v>
      </c>
      <c r="I1357" s="12">
        <f t="shared" si="43"/>
        <v>7</v>
      </c>
    </row>
    <row r="1358" spans="1:35" s="5" customFormat="1" ht="27.75" customHeight="1" x14ac:dyDescent="0.4">
      <c r="A1358" s="9" t="s">
        <v>2713</v>
      </c>
      <c r="B1358" s="9" t="s">
        <v>2714</v>
      </c>
      <c r="C1358" s="9" t="s">
        <v>2715</v>
      </c>
      <c r="D1358" s="18">
        <v>1461990332</v>
      </c>
      <c r="E1358" s="11">
        <v>46387</v>
      </c>
      <c r="F1358" s="9" t="s">
        <v>9</v>
      </c>
      <c r="G1358" s="5">
        <v>1356</v>
      </c>
      <c r="H1358" s="12">
        <f t="shared" si="42"/>
        <v>14</v>
      </c>
      <c r="I1358" s="12">
        <f t="shared" si="43"/>
        <v>18</v>
      </c>
    </row>
    <row r="1359" spans="1:35" s="5" customFormat="1" ht="27.75" customHeight="1" x14ac:dyDescent="0.4">
      <c r="A1359" s="13" t="s">
        <v>2713</v>
      </c>
      <c r="B1359" s="22" t="s">
        <v>2716</v>
      </c>
      <c r="C1359" s="22" t="s">
        <v>2717</v>
      </c>
      <c r="D1359" s="10">
        <v>1461990787</v>
      </c>
      <c r="E1359" s="11">
        <v>47299</v>
      </c>
      <c r="F1359" s="9" t="s">
        <v>9</v>
      </c>
      <c r="G1359" s="12">
        <v>1357</v>
      </c>
      <c r="H1359" s="12">
        <f t="shared" si="42"/>
        <v>15</v>
      </c>
      <c r="I1359" s="12">
        <f t="shared" si="43"/>
        <v>19</v>
      </c>
    </row>
    <row r="1360" spans="1:35" s="5" customFormat="1" ht="27.75" customHeight="1" x14ac:dyDescent="0.4">
      <c r="A1360" s="13" t="s">
        <v>2713</v>
      </c>
      <c r="B1360" s="9" t="s">
        <v>2718</v>
      </c>
      <c r="C1360" s="9" t="s">
        <v>2719</v>
      </c>
      <c r="D1360" s="18">
        <v>1461990688</v>
      </c>
      <c r="E1360" s="11">
        <v>46660</v>
      </c>
      <c r="F1360" s="9" t="s">
        <v>9</v>
      </c>
      <c r="G1360" s="5">
        <v>1358</v>
      </c>
      <c r="H1360" s="12">
        <f t="shared" si="42"/>
        <v>20</v>
      </c>
      <c r="I1360" s="12">
        <f t="shared" si="43"/>
        <v>21</v>
      </c>
    </row>
    <row r="1361" spans="1:9" s="5" customFormat="1" ht="27.75" customHeight="1" x14ac:dyDescent="0.4">
      <c r="A1361" s="13" t="s">
        <v>2713</v>
      </c>
      <c r="B1361" s="9" t="s">
        <v>2720</v>
      </c>
      <c r="C1361" s="9" t="s">
        <v>2721</v>
      </c>
      <c r="D1361" s="18">
        <v>1461990894</v>
      </c>
      <c r="E1361" s="11">
        <v>47938</v>
      </c>
      <c r="F1361" s="9" t="s">
        <v>9</v>
      </c>
      <c r="G1361" s="12">
        <v>1359</v>
      </c>
      <c r="H1361" s="12">
        <f t="shared" si="42"/>
        <v>20</v>
      </c>
      <c r="I1361" s="12">
        <f t="shared" si="43"/>
        <v>13</v>
      </c>
    </row>
    <row r="1362" spans="1:9" s="5" customFormat="1" ht="27.75" customHeight="1" x14ac:dyDescent="0.4">
      <c r="A1362" s="13" t="s">
        <v>2713</v>
      </c>
      <c r="B1362" s="9" t="s">
        <v>2722</v>
      </c>
      <c r="C1362" s="9" t="s">
        <v>2723</v>
      </c>
      <c r="D1362" s="18">
        <v>1461990233</v>
      </c>
      <c r="E1362" s="11">
        <v>46387</v>
      </c>
      <c r="F1362" s="9" t="s">
        <v>9</v>
      </c>
      <c r="G1362" s="5">
        <v>1360</v>
      </c>
      <c r="H1362" s="12">
        <f t="shared" si="42"/>
        <v>12</v>
      </c>
      <c r="I1362" s="12">
        <f t="shared" si="43"/>
        <v>13</v>
      </c>
    </row>
    <row r="1363" spans="1:9" s="5" customFormat="1" ht="27.75" customHeight="1" x14ac:dyDescent="0.4">
      <c r="A1363" s="13" t="s">
        <v>2713</v>
      </c>
      <c r="B1363" s="9" t="s">
        <v>2724</v>
      </c>
      <c r="C1363" s="9" t="s">
        <v>2725</v>
      </c>
      <c r="D1363" s="18">
        <v>1461990910</v>
      </c>
      <c r="E1363" s="11">
        <v>47938</v>
      </c>
      <c r="F1363" s="9" t="s">
        <v>9</v>
      </c>
      <c r="G1363" s="12">
        <v>1361</v>
      </c>
      <c r="H1363" s="12">
        <f t="shared" si="42"/>
        <v>19</v>
      </c>
      <c r="I1363" s="12">
        <f t="shared" si="43"/>
        <v>13</v>
      </c>
    </row>
    <row r="1364" spans="1:9" s="5" customFormat="1" ht="27.75" customHeight="1" x14ac:dyDescent="0.4">
      <c r="A1364" s="13" t="s">
        <v>2713</v>
      </c>
      <c r="B1364" s="9" t="s">
        <v>2726</v>
      </c>
      <c r="C1364" s="9" t="s">
        <v>2727</v>
      </c>
      <c r="D1364" s="18">
        <v>1461990415</v>
      </c>
      <c r="E1364" s="11">
        <v>46507</v>
      </c>
      <c r="F1364" s="9" t="s">
        <v>9</v>
      </c>
      <c r="G1364" s="5">
        <v>1362</v>
      </c>
      <c r="H1364" s="12">
        <f t="shared" si="42"/>
        <v>16</v>
      </c>
      <c r="I1364" s="12">
        <f t="shared" si="43"/>
        <v>13</v>
      </c>
    </row>
    <row r="1365" spans="1:9" s="5" customFormat="1" ht="27.75" customHeight="1" x14ac:dyDescent="0.4">
      <c r="A1365" s="13" t="s">
        <v>2713</v>
      </c>
      <c r="B1365" s="9" t="s">
        <v>2728</v>
      </c>
      <c r="C1365" s="9" t="s">
        <v>2729</v>
      </c>
      <c r="D1365" s="18">
        <v>1461990928</v>
      </c>
      <c r="E1365" s="11">
        <v>47968</v>
      </c>
      <c r="F1365" s="9" t="s">
        <v>9</v>
      </c>
      <c r="G1365" s="12">
        <v>1363</v>
      </c>
      <c r="H1365" s="12">
        <f t="shared" si="42"/>
        <v>20</v>
      </c>
      <c r="I1365" s="12">
        <f t="shared" si="43"/>
        <v>15</v>
      </c>
    </row>
    <row r="1366" spans="1:9" s="5" customFormat="1" ht="27.75" customHeight="1" x14ac:dyDescent="0.4">
      <c r="A1366" s="9" t="s">
        <v>2713</v>
      </c>
      <c r="B1366" s="9" t="s">
        <v>2730</v>
      </c>
      <c r="C1366" s="9" t="s">
        <v>2731</v>
      </c>
      <c r="D1366" s="18">
        <v>1461990381</v>
      </c>
      <c r="E1366" s="11">
        <v>46507</v>
      </c>
      <c r="F1366" s="9" t="s">
        <v>9</v>
      </c>
      <c r="G1366" s="5">
        <v>1364</v>
      </c>
      <c r="H1366" s="12">
        <f t="shared" si="42"/>
        <v>16</v>
      </c>
      <c r="I1366" s="12">
        <f t="shared" si="43"/>
        <v>18</v>
      </c>
    </row>
    <row r="1367" spans="1:9" s="5" customFormat="1" ht="27.75" customHeight="1" x14ac:dyDescent="0.4">
      <c r="A1367" s="13" t="s">
        <v>2713</v>
      </c>
      <c r="B1367" s="22" t="s">
        <v>2732</v>
      </c>
      <c r="C1367" s="22" t="s">
        <v>2733</v>
      </c>
      <c r="D1367" s="10">
        <v>1461990720</v>
      </c>
      <c r="E1367" s="11">
        <v>46904</v>
      </c>
      <c r="F1367" s="9" t="s">
        <v>9</v>
      </c>
      <c r="G1367" s="12">
        <v>1365</v>
      </c>
      <c r="H1367" s="12">
        <f t="shared" si="42"/>
        <v>24</v>
      </c>
      <c r="I1367" s="12">
        <f t="shared" si="43"/>
        <v>21</v>
      </c>
    </row>
    <row r="1368" spans="1:9" s="5" customFormat="1" ht="27.75" customHeight="1" x14ac:dyDescent="0.4">
      <c r="A1368" s="13" t="s">
        <v>2713</v>
      </c>
      <c r="B1368" s="9" t="s">
        <v>2734</v>
      </c>
      <c r="C1368" s="9" t="s">
        <v>2735</v>
      </c>
      <c r="D1368" s="18">
        <v>1461990746</v>
      </c>
      <c r="E1368" s="11">
        <v>46934</v>
      </c>
      <c r="F1368" s="9" t="s">
        <v>9</v>
      </c>
      <c r="G1368" s="5">
        <v>1366</v>
      </c>
      <c r="H1368" s="12">
        <f t="shared" si="42"/>
        <v>29</v>
      </c>
      <c r="I1368" s="12">
        <f t="shared" si="43"/>
        <v>8</v>
      </c>
    </row>
    <row r="1369" spans="1:9" s="5" customFormat="1" ht="27.75" customHeight="1" x14ac:dyDescent="0.4">
      <c r="A1369" s="13" t="s">
        <v>2713</v>
      </c>
      <c r="B1369" s="22" t="s">
        <v>2736</v>
      </c>
      <c r="C1369" s="22" t="s">
        <v>2737</v>
      </c>
      <c r="D1369" s="10">
        <v>1461990639</v>
      </c>
      <c r="E1369" s="11">
        <v>48365</v>
      </c>
      <c r="F1369" s="9" t="s">
        <v>9</v>
      </c>
      <c r="G1369" s="12">
        <v>1367</v>
      </c>
      <c r="H1369" s="12">
        <f t="shared" si="42"/>
        <v>25</v>
      </c>
      <c r="I1369" s="12">
        <f t="shared" si="43"/>
        <v>8</v>
      </c>
    </row>
    <row r="1370" spans="1:9" s="5" customFormat="1" ht="27.75" customHeight="1" x14ac:dyDescent="0.4">
      <c r="A1370" s="22" t="s">
        <v>2713</v>
      </c>
      <c r="B1370" s="16" t="s">
        <v>2738</v>
      </c>
      <c r="C1370" s="16" t="s">
        <v>2739</v>
      </c>
      <c r="D1370" s="21">
        <v>1461990878</v>
      </c>
      <c r="E1370" s="11">
        <v>47968</v>
      </c>
      <c r="F1370" s="9" t="s">
        <v>9</v>
      </c>
      <c r="G1370" s="5">
        <v>1368</v>
      </c>
      <c r="H1370" s="12">
        <f t="shared" si="42"/>
        <v>12</v>
      </c>
      <c r="I1370" s="12">
        <f t="shared" si="43"/>
        <v>12</v>
      </c>
    </row>
    <row r="1371" spans="1:9" s="5" customFormat="1" ht="27.75" customHeight="1" x14ac:dyDescent="0.4">
      <c r="A1371" s="9" t="s">
        <v>2713</v>
      </c>
      <c r="B1371" s="14" t="s">
        <v>2740</v>
      </c>
      <c r="C1371" s="9" t="s">
        <v>2741</v>
      </c>
      <c r="D1371" s="18">
        <v>1461990001</v>
      </c>
      <c r="E1371" s="11">
        <v>46387</v>
      </c>
      <c r="F1371" s="9" t="s">
        <v>9</v>
      </c>
      <c r="G1371" s="12">
        <v>1369</v>
      </c>
      <c r="H1371" s="12">
        <f t="shared" si="42"/>
        <v>28</v>
      </c>
      <c r="I1371" s="12">
        <f t="shared" si="43"/>
        <v>14</v>
      </c>
    </row>
    <row r="1372" spans="1:9" s="5" customFormat="1" ht="27.75" customHeight="1" x14ac:dyDescent="0.4">
      <c r="A1372" s="9" t="s">
        <v>2713</v>
      </c>
      <c r="B1372" s="9" t="s">
        <v>2742</v>
      </c>
      <c r="C1372" s="9" t="s">
        <v>2743</v>
      </c>
      <c r="D1372" s="18">
        <v>1461990043</v>
      </c>
      <c r="E1372" s="11">
        <v>46387</v>
      </c>
      <c r="F1372" s="9" t="s">
        <v>9</v>
      </c>
      <c r="G1372" s="5">
        <v>1370</v>
      </c>
      <c r="H1372" s="12">
        <f t="shared" si="42"/>
        <v>15</v>
      </c>
      <c r="I1372" s="12">
        <f t="shared" si="43"/>
        <v>12</v>
      </c>
    </row>
    <row r="1373" spans="1:9" s="5" customFormat="1" ht="27.75" customHeight="1" x14ac:dyDescent="0.4">
      <c r="A1373" s="9" t="s">
        <v>2713</v>
      </c>
      <c r="B1373" s="9" t="s">
        <v>2744</v>
      </c>
      <c r="C1373" s="9" t="s">
        <v>2745</v>
      </c>
      <c r="D1373" s="18">
        <v>1461990852</v>
      </c>
      <c r="E1373" s="11">
        <v>48029</v>
      </c>
      <c r="F1373" s="9" t="s">
        <v>9</v>
      </c>
      <c r="G1373" s="12">
        <v>1371</v>
      </c>
      <c r="H1373" s="12">
        <f t="shared" si="42"/>
        <v>14</v>
      </c>
      <c r="I1373" s="12">
        <f t="shared" si="43"/>
        <v>13</v>
      </c>
    </row>
    <row r="1374" spans="1:9" s="5" customFormat="1" ht="27.75" customHeight="1" x14ac:dyDescent="0.4">
      <c r="A1374" s="13" t="s">
        <v>2713</v>
      </c>
      <c r="B1374" s="22" t="s">
        <v>2746</v>
      </c>
      <c r="C1374" s="22" t="s">
        <v>2747</v>
      </c>
      <c r="D1374" s="10">
        <v>1461990860</v>
      </c>
      <c r="E1374" s="11">
        <v>47848</v>
      </c>
      <c r="F1374" s="9" t="s">
        <v>9</v>
      </c>
      <c r="G1374" s="5">
        <v>1372</v>
      </c>
      <c r="H1374" s="12">
        <f t="shared" si="42"/>
        <v>13</v>
      </c>
      <c r="I1374" s="12">
        <f t="shared" si="43"/>
        <v>18</v>
      </c>
    </row>
    <row r="1375" spans="1:9" s="5" customFormat="1" ht="27.75" customHeight="1" x14ac:dyDescent="0.4">
      <c r="A1375" s="13" t="s">
        <v>2713</v>
      </c>
      <c r="B1375" s="9" t="s">
        <v>2748</v>
      </c>
      <c r="C1375" s="9" t="s">
        <v>2749</v>
      </c>
      <c r="D1375" s="18">
        <v>1461990589</v>
      </c>
      <c r="E1375" s="11">
        <v>47726</v>
      </c>
      <c r="F1375" s="9" t="s">
        <v>9</v>
      </c>
      <c r="G1375" s="12">
        <v>1373</v>
      </c>
      <c r="H1375" s="12">
        <f t="shared" si="42"/>
        <v>13</v>
      </c>
      <c r="I1375" s="12">
        <f t="shared" si="43"/>
        <v>12</v>
      </c>
    </row>
    <row r="1376" spans="1:9" s="5" customFormat="1" ht="27.75" customHeight="1" x14ac:dyDescent="0.4">
      <c r="A1376" s="13" t="s">
        <v>2713</v>
      </c>
      <c r="B1376" s="9" t="s">
        <v>2750</v>
      </c>
      <c r="C1376" s="9" t="s">
        <v>2751</v>
      </c>
      <c r="D1376" s="18">
        <v>1461990464</v>
      </c>
      <c r="E1376" s="11">
        <v>47603</v>
      </c>
      <c r="F1376" s="9" t="s">
        <v>9</v>
      </c>
      <c r="G1376" s="5">
        <v>1374</v>
      </c>
      <c r="H1376" s="12">
        <f t="shared" si="42"/>
        <v>20</v>
      </c>
      <c r="I1376" s="12">
        <f t="shared" si="43"/>
        <v>22</v>
      </c>
    </row>
    <row r="1377" spans="1:35" s="5" customFormat="1" ht="27.75" customHeight="1" x14ac:dyDescent="0.4">
      <c r="A1377" s="13" t="s">
        <v>2713</v>
      </c>
      <c r="B1377" s="13" t="s">
        <v>2752</v>
      </c>
      <c r="C1377" s="13" t="s">
        <v>2753</v>
      </c>
      <c r="D1377" s="18">
        <v>1461990811</v>
      </c>
      <c r="E1377" s="11">
        <v>47514</v>
      </c>
      <c r="F1377" s="9" t="s">
        <v>9</v>
      </c>
      <c r="G1377" s="12">
        <v>1375</v>
      </c>
      <c r="H1377" s="12">
        <f t="shared" si="42"/>
        <v>19</v>
      </c>
      <c r="I1377" s="12">
        <f t="shared" si="43"/>
        <v>10</v>
      </c>
    </row>
    <row r="1378" spans="1:35" s="5" customFormat="1" ht="27.75" customHeight="1" x14ac:dyDescent="0.4">
      <c r="A1378" s="9" t="s">
        <v>2713</v>
      </c>
      <c r="B1378" s="9" t="s">
        <v>2754</v>
      </c>
      <c r="C1378" s="9" t="s">
        <v>2755</v>
      </c>
      <c r="D1378" s="18">
        <v>1461990704</v>
      </c>
      <c r="E1378" s="11">
        <v>47726</v>
      </c>
      <c r="F1378" s="9" t="s">
        <v>9</v>
      </c>
      <c r="G1378" s="5">
        <v>1376</v>
      </c>
      <c r="H1378" s="12">
        <f t="shared" si="42"/>
        <v>12</v>
      </c>
      <c r="I1378" s="12">
        <f t="shared" si="43"/>
        <v>15</v>
      </c>
    </row>
    <row r="1379" spans="1:35" s="24" customFormat="1" ht="27.75" customHeight="1" x14ac:dyDescent="0.4">
      <c r="A1379" s="13" t="s">
        <v>2713</v>
      </c>
      <c r="B1379" s="9" t="s">
        <v>2756</v>
      </c>
      <c r="C1379" s="9" t="s">
        <v>2757</v>
      </c>
      <c r="D1379" s="18">
        <v>1461990167</v>
      </c>
      <c r="E1379" s="11">
        <v>46387</v>
      </c>
      <c r="F1379" s="9" t="s">
        <v>9</v>
      </c>
      <c r="G1379" s="12">
        <v>1377</v>
      </c>
      <c r="H1379" s="12">
        <f t="shared" si="42"/>
        <v>13</v>
      </c>
      <c r="I1379" s="12">
        <f t="shared" si="43"/>
        <v>14</v>
      </c>
      <c r="J1379" s="5"/>
      <c r="K1379" s="5"/>
      <c r="L1379" s="5"/>
      <c r="M1379" s="5"/>
      <c r="N1379" s="5"/>
      <c r="O1379" s="5"/>
      <c r="P1379" s="5"/>
      <c r="Q1379" s="5"/>
      <c r="R1379" s="5"/>
      <c r="S1379" s="5"/>
      <c r="T1379" s="5"/>
      <c r="U1379" s="5"/>
      <c r="V1379" s="5"/>
      <c r="W1379" s="5"/>
      <c r="X1379" s="5"/>
      <c r="Y1379" s="5"/>
      <c r="Z1379" s="5"/>
      <c r="AA1379" s="5"/>
      <c r="AB1379" s="5"/>
      <c r="AC1379" s="5"/>
      <c r="AD1379" s="5"/>
      <c r="AE1379" s="5"/>
      <c r="AF1379" s="5"/>
      <c r="AG1379" s="5"/>
      <c r="AH1379" s="5"/>
      <c r="AI1379" s="5"/>
    </row>
    <row r="1380" spans="1:35" s="5" customFormat="1" ht="27.75" customHeight="1" x14ac:dyDescent="0.4">
      <c r="A1380" s="13" t="s">
        <v>2713</v>
      </c>
      <c r="B1380" s="9" t="s">
        <v>2758</v>
      </c>
      <c r="C1380" s="9" t="s">
        <v>2759</v>
      </c>
      <c r="D1380" s="18">
        <v>1461990209</v>
      </c>
      <c r="E1380" s="11">
        <v>46387</v>
      </c>
      <c r="F1380" s="9" t="s">
        <v>9</v>
      </c>
      <c r="G1380" s="5">
        <v>1378</v>
      </c>
      <c r="H1380" s="12">
        <f t="shared" si="42"/>
        <v>13</v>
      </c>
      <c r="I1380" s="12">
        <f t="shared" si="43"/>
        <v>13</v>
      </c>
    </row>
    <row r="1381" spans="1:35" s="24" customFormat="1" ht="27.75" customHeight="1" x14ac:dyDescent="0.4">
      <c r="A1381" s="13" t="s">
        <v>2713</v>
      </c>
      <c r="B1381" s="22" t="s">
        <v>2760</v>
      </c>
      <c r="C1381" s="22" t="s">
        <v>2761</v>
      </c>
      <c r="D1381" s="10">
        <v>1461990738</v>
      </c>
      <c r="E1381" s="11">
        <v>47787</v>
      </c>
      <c r="F1381" s="9" t="s">
        <v>9</v>
      </c>
      <c r="G1381" s="12">
        <v>1379</v>
      </c>
      <c r="H1381" s="12">
        <f t="shared" si="42"/>
        <v>12</v>
      </c>
      <c r="I1381" s="12">
        <f t="shared" si="43"/>
        <v>7</v>
      </c>
      <c r="J1381" s="5"/>
      <c r="K1381" s="5"/>
      <c r="L1381" s="5"/>
      <c r="M1381" s="5"/>
      <c r="N1381" s="5"/>
      <c r="O1381" s="5"/>
      <c r="P1381" s="5"/>
      <c r="Q1381" s="5"/>
      <c r="R1381" s="5"/>
      <c r="S1381" s="5"/>
      <c r="T1381" s="5"/>
      <c r="U1381" s="5"/>
      <c r="V1381" s="5"/>
      <c r="W1381" s="5"/>
      <c r="X1381" s="5"/>
      <c r="Y1381" s="5"/>
      <c r="Z1381" s="5"/>
      <c r="AA1381" s="5"/>
      <c r="AB1381" s="5"/>
      <c r="AC1381" s="5"/>
      <c r="AD1381" s="5"/>
      <c r="AE1381" s="5"/>
      <c r="AF1381" s="5"/>
      <c r="AG1381" s="5"/>
      <c r="AH1381" s="5"/>
      <c r="AI1381" s="5"/>
    </row>
    <row r="1382" spans="1:35" s="5" customFormat="1" ht="27.75" customHeight="1" x14ac:dyDescent="0.4">
      <c r="A1382" s="13" t="s">
        <v>2713</v>
      </c>
      <c r="B1382" s="22" t="s">
        <v>2762</v>
      </c>
      <c r="C1382" s="22" t="s">
        <v>2763</v>
      </c>
      <c r="D1382" s="10">
        <v>1461990696</v>
      </c>
      <c r="E1382" s="11">
        <v>46783</v>
      </c>
      <c r="F1382" s="9" t="s">
        <v>9</v>
      </c>
      <c r="G1382" s="5">
        <v>1380</v>
      </c>
      <c r="H1382" s="12">
        <f t="shared" si="42"/>
        <v>21</v>
      </c>
      <c r="I1382" s="12">
        <f t="shared" si="43"/>
        <v>16</v>
      </c>
    </row>
    <row r="1383" spans="1:35" s="5" customFormat="1" ht="27.75" customHeight="1" x14ac:dyDescent="0.4">
      <c r="A1383" s="13" t="s">
        <v>2713</v>
      </c>
      <c r="B1383" s="9" t="s">
        <v>2764</v>
      </c>
      <c r="C1383" s="9" t="s">
        <v>2765</v>
      </c>
      <c r="D1383" s="18">
        <v>1461990480</v>
      </c>
      <c r="E1383" s="11">
        <v>47907</v>
      </c>
      <c r="F1383" s="9" t="s">
        <v>9</v>
      </c>
      <c r="G1383" s="12">
        <v>1381</v>
      </c>
      <c r="H1383" s="12">
        <f t="shared" si="42"/>
        <v>19</v>
      </c>
      <c r="I1383" s="12">
        <f t="shared" si="43"/>
        <v>20</v>
      </c>
    </row>
    <row r="1384" spans="1:35" s="5" customFormat="1" ht="27.75" customHeight="1" x14ac:dyDescent="0.4">
      <c r="A1384" s="13" t="s">
        <v>2713</v>
      </c>
      <c r="B1384" s="22" t="s">
        <v>2766</v>
      </c>
      <c r="C1384" s="22" t="s">
        <v>2767</v>
      </c>
      <c r="D1384" s="10">
        <v>1461990829</v>
      </c>
      <c r="E1384" s="11">
        <v>47726</v>
      </c>
      <c r="F1384" s="9" t="s">
        <v>9</v>
      </c>
      <c r="G1384" s="5">
        <v>1382</v>
      </c>
      <c r="H1384" s="12">
        <f t="shared" si="42"/>
        <v>12</v>
      </c>
      <c r="I1384" s="12">
        <f t="shared" si="43"/>
        <v>18</v>
      </c>
    </row>
    <row r="1385" spans="1:35" s="5" customFormat="1" ht="27.75" customHeight="1" x14ac:dyDescent="0.4">
      <c r="A1385" s="13" t="s">
        <v>2713</v>
      </c>
      <c r="B1385" s="16" t="s">
        <v>2768</v>
      </c>
      <c r="C1385" s="22" t="s">
        <v>2769</v>
      </c>
      <c r="D1385" s="10">
        <v>1461990456</v>
      </c>
      <c r="E1385" s="11">
        <v>46630</v>
      </c>
      <c r="F1385" s="9" t="s">
        <v>9</v>
      </c>
      <c r="G1385" s="12">
        <v>1383</v>
      </c>
      <c r="H1385" s="12">
        <f t="shared" si="42"/>
        <v>13</v>
      </c>
      <c r="I1385" s="12">
        <f t="shared" si="43"/>
        <v>20</v>
      </c>
    </row>
    <row r="1386" spans="1:35" s="5" customFormat="1" ht="27.75" customHeight="1" x14ac:dyDescent="0.4">
      <c r="A1386" s="13" t="s">
        <v>2713</v>
      </c>
      <c r="B1386" s="9" t="s">
        <v>2770</v>
      </c>
      <c r="C1386" s="9" t="s">
        <v>2771</v>
      </c>
      <c r="D1386" s="18">
        <v>1461990845</v>
      </c>
      <c r="E1386" s="11">
        <v>47756</v>
      </c>
      <c r="F1386" s="9" t="s">
        <v>9</v>
      </c>
      <c r="G1386" s="5">
        <v>1384</v>
      </c>
      <c r="H1386" s="12">
        <f t="shared" si="42"/>
        <v>23</v>
      </c>
      <c r="I1386" s="12">
        <f t="shared" si="43"/>
        <v>15</v>
      </c>
    </row>
    <row r="1387" spans="1:35" s="5" customFormat="1" ht="27.75" customHeight="1" x14ac:dyDescent="0.4">
      <c r="A1387" s="13" t="s">
        <v>2713</v>
      </c>
      <c r="B1387" s="9" t="s">
        <v>2772</v>
      </c>
      <c r="C1387" s="9" t="s">
        <v>2773</v>
      </c>
      <c r="D1387" s="18">
        <v>1461990837</v>
      </c>
      <c r="E1387" s="11">
        <v>47634</v>
      </c>
      <c r="F1387" s="9" t="s">
        <v>9</v>
      </c>
      <c r="G1387" s="12">
        <v>1385</v>
      </c>
      <c r="H1387" s="12">
        <f t="shared" si="42"/>
        <v>19</v>
      </c>
      <c r="I1387" s="12">
        <f t="shared" si="43"/>
        <v>13</v>
      </c>
    </row>
    <row r="1388" spans="1:35" s="24" customFormat="1" ht="27.75" customHeight="1" x14ac:dyDescent="0.4">
      <c r="A1388" s="9" t="s">
        <v>2713</v>
      </c>
      <c r="B1388" s="9" t="s">
        <v>2774</v>
      </c>
      <c r="C1388" s="9" t="s">
        <v>2775</v>
      </c>
      <c r="D1388" s="18">
        <v>1461990084</v>
      </c>
      <c r="E1388" s="11">
        <v>46387</v>
      </c>
      <c r="F1388" s="9" t="s">
        <v>9</v>
      </c>
      <c r="G1388" s="5">
        <v>1386</v>
      </c>
      <c r="H1388" s="12">
        <f t="shared" si="42"/>
        <v>11</v>
      </c>
      <c r="I1388" s="12">
        <f t="shared" si="43"/>
        <v>15</v>
      </c>
      <c r="J1388" s="5"/>
      <c r="K1388" s="5"/>
      <c r="L1388" s="5"/>
      <c r="M1388" s="5"/>
      <c r="N1388" s="5"/>
      <c r="O1388" s="5"/>
      <c r="P1388" s="5"/>
      <c r="Q1388" s="5"/>
      <c r="R1388" s="5"/>
      <c r="S1388" s="5"/>
      <c r="T1388" s="5"/>
      <c r="U1388" s="5"/>
      <c r="V1388" s="5"/>
      <c r="W1388" s="5"/>
      <c r="X1388" s="5"/>
      <c r="Y1388" s="5"/>
      <c r="Z1388" s="5"/>
      <c r="AA1388" s="5"/>
      <c r="AB1388" s="5"/>
      <c r="AC1388" s="5"/>
      <c r="AD1388" s="5"/>
      <c r="AE1388" s="5"/>
      <c r="AF1388" s="5"/>
      <c r="AG1388" s="5"/>
      <c r="AH1388" s="5"/>
      <c r="AI1388" s="5"/>
    </row>
    <row r="1389" spans="1:35" s="5" customFormat="1" ht="27.75" customHeight="1" x14ac:dyDescent="0.4">
      <c r="A1389" s="9" t="s">
        <v>2713</v>
      </c>
      <c r="B1389" s="9" t="s">
        <v>2776</v>
      </c>
      <c r="C1389" s="9" t="s">
        <v>406</v>
      </c>
      <c r="D1389" s="18">
        <v>1461990019</v>
      </c>
      <c r="E1389" s="11">
        <v>46387</v>
      </c>
      <c r="F1389" s="9" t="s">
        <v>9</v>
      </c>
      <c r="G1389" s="12">
        <v>1387</v>
      </c>
      <c r="H1389" s="12">
        <f t="shared" si="42"/>
        <v>13</v>
      </c>
      <c r="I1389" s="12">
        <f t="shared" si="43"/>
        <v>26</v>
      </c>
    </row>
    <row r="1390" spans="1:35" s="5" customFormat="1" ht="27.75" customHeight="1" x14ac:dyDescent="0.4">
      <c r="A1390" s="9" t="s">
        <v>2713</v>
      </c>
      <c r="B1390" s="9" t="s">
        <v>2777</v>
      </c>
      <c r="C1390" s="9" t="s">
        <v>2778</v>
      </c>
      <c r="D1390" s="18">
        <v>1461990506</v>
      </c>
      <c r="E1390" s="11">
        <v>47787</v>
      </c>
      <c r="F1390" s="9" t="s">
        <v>9</v>
      </c>
      <c r="G1390" s="5">
        <v>1388</v>
      </c>
      <c r="H1390" s="12">
        <f t="shared" si="42"/>
        <v>13</v>
      </c>
      <c r="I1390" s="12">
        <f t="shared" si="43"/>
        <v>12</v>
      </c>
    </row>
    <row r="1391" spans="1:35" s="28" customFormat="1" ht="27.75" customHeight="1" x14ac:dyDescent="0.4">
      <c r="A1391" s="9" t="s">
        <v>2713</v>
      </c>
      <c r="B1391" s="9" t="s">
        <v>2779</v>
      </c>
      <c r="C1391" s="9" t="s">
        <v>2780</v>
      </c>
      <c r="D1391" s="18">
        <v>1461990548</v>
      </c>
      <c r="E1391" s="11">
        <v>47208</v>
      </c>
      <c r="F1391" s="9" t="s">
        <v>9</v>
      </c>
      <c r="G1391" s="12">
        <v>1389</v>
      </c>
      <c r="H1391" s="12">
        <f t="shared" si="42"/>
        <v>14</v>
      </c>
      <c r="I1391" s="12">
        <f t="shared" si="43"/>
        <v>14</v>
      </c>
      <c r="J1391" s="5"/>
      <c r="K1391" s="5"/>
      <c r="L1391" s="5"/>
      <c r="M1391" s="5"/>
      <c r="N1391" s="5"/>
      <c r="O1391" s="5"/>
      <c r="P1391" s="5"/>
      <c r="Q1391" s="5"/>
      <c r="R1391" s="5"/>
      <c r="S1391" s="5"/>
      <c r="T1391" s="5"/>
      <c r="U1391" s="5"/>
      <c r="V1391" s="5"/>
      <c r="W1391" s="5"/>
      <c r="X1391" s="5"/>
      <c r="Y1391" s="5"/>
      <c r="Z1391" s="5"/>
      <c r="AA1391" s="5"/>
      <c r="AB1391" s="5"/>
      <c r="AC1391" s="5"/>
      <c r="AD1391" s="5"/>
      <c r="AE1391" s="5"/>
      <c r="AF1391" s="5"/>
      <c r="AG1391" s="5"/>
      <c r="AH1391" s="5"/>
      <c r="AI1391" s="5"/>
    </row>
    <row r="1392" spans="1:35" s="5" customFormat="1" ht="27.75" customHeight="1" x14ac:dyDescent="0.4">
      <c r="A1392" s="13" t="s">
        <v>2713</v>
      </c>
      <c r="B1392" s="9" t="s">
        <v>2781</v>
      </c>
      <c r="C1392" s="9" t="s">
        <v>2782</v>
      </c>
      <c r="D1392" s="18">
        <v>1461990035</v>
      </c>
      <c r="E1392" s="11">
        <v>46387</v>
      </c>
      <c r="F1392" s="9" t="s">
        <v>9</v>
      </c>
      <c r="G1392" s="5">
        <v>1390</v>
      </c>
      <c r="H1392" s="12">
        <f t="shared" si="42"/>
        <v>11</v>
      </c>
      <c r="I1392" s="12">
        <f t="shared" si="43"/>
        <v>16</v>
      </c>
      <c r="J1392" s="12"/>
      <c r="K1392" s="12"/>
      <c r="L1392" s="12"/>
      <c r="M1392" s="12"/>
      <c r="N1392" s="12"/>
      <c r="O1392" s="12"/>
      <c r="P1392" s="12"/>
      <c r="Q1392" s="12"/>
      <c r="R1392" s="12"/>
      <c r="S1392" s="12"/>
      <c r="T1392" s="12"/>
      <c r="U1392" s="12"/>
      <c r="V1392" s="12"/>
      <c r="W1392" s="12"/>
      <c r="X1392" s="12"/>
      <c r="Y1392" s="12"/>
      <c r="Z1392" s="12"/>
      <c r="AA1392" s="12"/>
      <c r="AB1392" s="12"/>
      <c r="AC1392" s="12"/>
      <c r="AD1392" s="12"/>
      <c r="AE1392" s="12"/>
      <c r="AF1392" s="12"/>
      <c r="AG1392" s="12"/>
      <c r="AH1392" s="12"/>
      <c r="AI1392" s="12"/>
    </row>
    <row r="1393" spans="1:35" s="5" customFormat="1" ht="27.75" customHeight="1" x14ac:dyDescent="0.4">
      <c r="A1393" s="13" t="s">
        <v>2713</v>
      </c>
      <c r="B1393" s="9" t="s">
        <v>2783</v>
      </c>
      <c r="C1393" s="9" t="s">
        <v>2784</v>
      </c>
      <c r="D1393" s="18">
        <v>1461990076</v>
      </c>
      <c r="E1393" s="11">
        <v>46387</v>
      </c>
      <c r="F1393" s="9" t="s">
        <v>9</v>
      </c>
      <c r="G1393" s="12">
        <v>1391</v>
      </c>
      <c r="H1393" s="12">
        <f t="shared" si="42"/>
        <v>9</v>
      </c>
      <c r="I1393" s="12">
        <f t="shared" si="43"/>
        <v>14</v>
      </c>
    </row>
    <row r="1394" spans="1:35" s="5" customFormat="1" ht="27.75" customHeight="1" x14ac:dyDescent="0.4">
      <c r="A1394" s="9" t="s">
        <v>2713</v>
      </c>
      <c r="B1394" s="9" t="s">
        <v>2785</v>
      </c>
      <c r="C1394" s="9" t="s">
        <v>2786</v>
      </c>
      <c r="D1394" s="18">
        <v>1461990647</v>
      </c>
      <c r="E1394" s="11">
        <v>46387</v>
      </c>
      <c r="F1394" s="9" t="s">
        <v>9</v>
      </c>
      <c r="G1394" s="5">
        <v>1392</v>
      </c>
      <c r="H1394" s="12">
        <f t="shared" si="42"/>
        <v>20</v>
      </c>
      <c r="I1394" s="12">
        <f t="shared" si="43"/>
        <v>16</v>
      </c>
    </row>
    <row r="1395" spans="1:35" s="5" customFormat="1" ht="27.75" customHeight="1" x14ac:dyDescent="0.4">
      <c r="A1395" s="13" t="s">
        <v>2713</v>
      </c>
      <c r="B1395" s="22" t="s">
        <v>2787</v>
      </c>
      <c r="C1395" s="22" t="s">
        <v>2788</v>
      </c>
      <c r="D1395" s="10">
        <v>1462090470</v>
      </c>
      <c r="E1395" s="11">
        <v>47879</v>
      </c>
      <c r="F1395" s="9" t="s">
        <v>20</v>
      </c>
      <c r="G1395" s="12">
        <v>1393</v>
      </c>
      <c r="H1395" s="12">
        <f t="shared" si="42"/>
        <v>11</v>
      </c>
      <c r="I1395" s="12">
        <f t="shared" si="43"/>
        <v>20</v>
      </c>
      <c r="J1395" s="12"/>
      <c r="K1395" s="12"/>
      <c r="L1395" s="12"/>
      <c r="M1395" s="12"/>
      <c r="N1395" s="12"/>
      <c r="O1395" s="12"/>
      <c r="P1395" s="12"/>
      <c r="Q1395" s="12"/>
      <c r="R1395" s="12"/>
      <c r="S1395" s="12"/>
      <c r="T1395" s="12"/>
      <c r="U1395" s="12"/>
      <c r="V1395" s="12"/>
      <c r="W1395" s="12"/>
      <c r="X1395" s="12"/>
      <c r="Y1395" s="12"/>
      <c r="Z1395" s="12"/>
      <c r="AA1395" s="12"/>
      <c r="AB1395" s="12"/>
      <c r="AC1395" s="12"/>
      <c r="AD1395" s="12"/>
      <c r="AE1395" s="12"/>
      <c r="AF1395" s="12"/>
      <c r="AG1395" s="12"/>
      <c r="AH1395" s="12"/>
      <c r="AI1395" s="12"/>
    </row>
    <row r="1396" spans="1:35" s="5" customFormat="1" ht="27.75" customHeight="1" x14ac:dyDescent="0.4">
      <c r="A1396" s="13" t="s">
        <v>2713</v>
      </c>
      <c r="B1396" s="16" t="s">
        <v>2789</v>
      </c>
      <c r="C1396" s="16" t="s">
        <v>2790</v>
      </c>
      <c r="D1396" s="18">
        <v>1462090439</v>
      </c>
      <c r="E1396" s="11">
        <v>47452</v>
      </c>
      <c r="F1396" s="9" t="s">
        <v>20</v>
      </c>
      <c r="G1396" s="5">
        <v>1394</v>
      </c>
      <c r="H1396" s="12">
        <f t="shared" si="42"/>
        <v>22</v>
      </c>
      <c r="I1396" s="12">
        <f t="shared" si="43"/>
        <v>11</v>
      </c>
    </row>
    <row r="1397" spans="1:35" s="5" customFormat="1" ht="27.75" customHeight="1" x14ac:dyDescent="0.4">
      <c r="A1397" s="17" t="s">
        <v>2713</v>
      </c>
      <c r="B1397" s="16" t="s">
        <v>2791</v>
      </c>
      <c r="C1397" s="16" t="s">
        <v>2792</v>
      </c>
      <c r="D1397" s="10">
        <v>1462090306</v>
      </c>
      <c r="E1397" s="11">
        <v>47817</v>
      </c>
      <c r="F1397" s="9" t="s">
        <v>20</v>
      </c>
      <c r="G1397" s="12">
        <v>1395</v>
      </c>
      <c r="H1397" s="12">
        <f t="shared" si="42"/>
        <v>9</v>
      </c>
      <c r="I1397" s="12">
        <f t="shared" si="43"/>
        <v>12</v>
      </c>
    </row>
    <row r="1398" spans="1:35" s="5" customFormat="1" ht="27.75" customHeight="1" x14ac:dyDescent="0.4">
      <c r="A1398" s="9" t="s">
        <v>2713</v>
      </c>
      <c r="B1398" s="9" t="s">
        <v>2793</v>
      </c>
      <c r="C1398" s="9" t="s">
        <v>2794</v>
      </c>
      <c r="D1398" s="18">
        <v>1462090264</v>
      </c>
      <c r="E1398" s="11">
        <v>47452</v>
      </c>
      <c r="F1398" s="9" t="s">
        <v>20</v>
      </c>
      <c r="G1398" s="5">
        <v>1396</v>
      </c>
      <c r="H1398" s="12">
        <f t="shared" si="42"/>
        <v>11</v>
      </c>
      <c r="I1398" s="12">
        <f t="shared" si="43"/>
        <v>16</v>
      </c>
    </row>
    <row r="1399" spans="1:35" s="5" customFormat="1" ht="27.75" customHeight="1" x14ac:dyDescent="0.4">
      <c r="A1399" s="13" t="s">
        <v>2713</v>
      </c>
      <c r="B1399" s="22" t="s">
        <v>2795</v>
      </c>
      <c r="C1399" s="22" t="s">
        <v>2796</v>
      </c>
      <c r="D1399" s="10">
        <v>1462090546</v>
      </c>
      <c r="E1399" s="11">
        <v>48091</v>
      </c>
      <c r="F1399" s="9" t="s">
        <v>20</v>
      </c>
      <c r="G1399" s="12">
        <v>1397</v>
      </c>
      <c r="H1399" s="12">
        <f t="shared" si="42"/>
        <v>12</v>
      </c>
      <c r="I1399" s="12">
        <f t="shared" si="43"/>
        <v>18</v>
      </c>
    </row>
    <row r="1400" spans="1:35" s="5" customFormat="1" ht="27.75" customHeight="1" x14ac:dyDescent="0.4">
      <c r="A1400" s="13" t="s">
        <v>2713</v>
      </c>
      <c r="B1400" s="22" t="s">
        <v>2797</v>
      </c>
      <c r="C1400" s="22" t="s">
        <v>2798</v>
      </c>
      <c r="D1400" s="10">
        <v>1462090512</v>
      </c>
      <c r="E1400" s="11">
        <v>48334</v>
      </c>
      <c r="F1400" s="9" t="s">
        <v>20</v>
      </c>
      <c r="G1400" s="5">
        <v>1398</v>
      </c>
      <c r="H1400" s="12">
        <f t="shared" si="42"/>
        <v>21</v>
      </c>
      <c r="I1400" s="12">
        <f t="shared" si="43"/>
        <v>21</v>
      </c>
    </row>
    <row r="1401" spans="1:35" s="5" customFormat="1" ht="27.75" customHeight="1" x14ac:dyDescent="0.4">
      <c r="A1401" s="13" t="s">
        <v>2713</v>
      </c>
      <c r="B1401" s="22" t="s">
        <v>2799</v>
      </c>
      <c r="C1401" s="22" t="s">
        <v>2800</v>
      </c>
      <c r="D1401" s="10">
        <v>1462090033</v>
      </c>
      <c r="E1401" s="11">
        <v>46387</v>
      </c>
      <c r="F1401" s="9" t="s">
        <v>20</v>
      </c>
      <c r="G1401" s="12">
        <v>1399</v>
      </c>
      <c r="H1401" s="12">
        <f t="shared" si="42"/>
        <v>10</v>
      </c>
      <c r="I1401" s="12">
        <f t="shared" si="43"/>
        <v>15</v>
      </c>
    </row>
    <row r="1402" spans="1:35" s="5" customFormat="1" ht="27.75" customHeight="1" x14ac:dyDescent="0.4">
      <c r="A1402" s="13" t="s">
        <v>2713</v>
      </c>
      <c r="B1402" s="9" t="s">
        <v>2801</v>
      </c>
      <c r="C1402" s="9" t="s">
        <v>2802</v>
      </c>
      <c r="D1402" s="18">
        <v>1462090348</v>
      </c>
      <c r="E1402" s="11">
        <v>47299</v>
      </c>
      <c r="F1402" s="9" t="s">
        <v>20</v>
      </c>
      <c r="G1402" s="5">
        <v>1400</v>
      </c>
      <c r="H1402" s="12">
        <f t="shared" si="42"/>
        <v>10</v>
      </c>
      <c r="I1402" s="12">
        <f t="shared" si="43"/>
        <v>14</v>
      </c>
    </row>
    <row r="1403" spans="1:35" s="5" customFormat="1" ht="27.75" customHeight="1" x14ac:dyDescent="0.4">
      <c r="A1403" s="13" t="s">
        <v>2713</v>
      </c>
      <c r="B1403" s="22" t="s">
        <v>2803</v>
      </c>
      <c r="C1403" s="22" t="s">
        <v>2804</v>
      </c>
      <c r="D1403" s="10">
        <v>1462090553</v>
      </c>
      <c r="E1403" s="11">
        <v>48244</v>
      </c>
      <c r="F1403" s="9" t="s">
        <v>20</v>
      </c>
      <c r="G1403" s="12">
        <v>1401</v>
      </c>
      <c r="H1403" s="12">
        <f t="shared" si="42"/>
        <v>12</v>
      </c>
      <c r="I1403" s="12">
        <f t="shared" si="43"/>
        <v>8</v>
      </c>
    </row>
    <row r="1404" spans="1:35" s="5" customFormat="1" ht="27.75" customHeight="1" x14ac:dyDescent="0.4">
      <c r="A1404" s="13" t="s">
        <v>2713</v>
      </c>
      <c r="B1404" s="22" t="s">
        <v>2805</v>
      </c>
      <c r="C1404" s="22" t="s">
        <v>2806</v>
      </c>
      <c r="D1404" s="10">
        <v>1462090124</v>
      </c>
      <c r="E1404" s="11">
        <v>46387</v>
      </c>
      <c r="F1404" s="9" t="s">
        <v>20</v>
      </c>
      <c r="G1404" s="5">
        <v>1402</v>
      </c>
      <c r="H1404" s="12">
        <f t="shared" si="42"/>
        <v>11</v>
      </c>
      <c r="I1404" s="12">
        <f t="shared" si="43"/>
        <v>10</v>
      </c>
    </row>
    <row r="1405" spans="1:35" s="5" customFormat="1" ht="27.75" customHeight="1" x14ac:dyDescent="0.4">
      <c r="A1405" s="13" t="s">
        <v>2713</v>
      </c>
      <c r="B1405" s="16" t="s">
        <v>2807</v>
      </c>
      <c r="C1405" s="16" t="s">
        <v>2808</v>
      </c>
      <c r="D1405" s="10">
        <v>1462090355</v>
      </c>
      <c r="E1405" s="11">
        <v>47938</v>
      </c>
      <c r="F1405" s="9" t="s">
        <v>20</v>
      </c>
      <c r="G1405" s="12">
        <v>1403</v>
      </c>
      <c r="H1405" s="12">
        <f t="shared" si="42"/>
        <v>24</v>
      </c>
      <c r="I1405" s="12">
        <f t="shared" si="43"/>
        <v>15</v>
      </c>
    </row>
    <row r="1406" spans="1:35" s="5" customFormat="1" ht="27.75" customHeight="1" x14ac:dyDescent="0.4">
      <c r="A1406" s="13" t="s">
        <v>2713</v>
      </c>
      <c r="B1406" s="16" t="s">
        <v>2809</v>
      </c>
      <c r="C1406" s="22" t="s">
        <v>2810</v>
      </c>
      <c r="D1406" s="10">
        <v>1462090496</v>
      </c>
      <c r="E1406" s="11">
        <v>47938</v>
      </c>
      <c r="F1406" s="9" t="s">
        <v>20</v>
      </c>
      <c r="G1406" s="5">
        <v>1404</v>
      </c>
      <c r="H1406" s="12">
        <f t="shared" si="42"/>
        <v>24</v>
      </c>
      <c r="I1406" s="12">
        <f t="shared" si="43"/>
        <v>16</v>
      </c>
    </row>
    <row r="1407" spans="1:35" s="5" customFormat="1" ht="27.75" customHeight="1" x14ac:dyDescent="0.4">
      <c r="A1407" s="13" t="s">
        <v>2713</v>
      </c>
      <c r="B1407" s="22" t="s">
        <v>2811</v>
      </c>
      <c r="C1407" s="22" t="s">
        <v>509</v>
      </c>
      <c r="D1407" s="10">
        <v>1462090272</v>
      </c>
      <c r="E1407" s="11">
        <v>47057</v>
      </c>
      <c r="F1407" s="9" t="s">
        <v>20</v>
      </c>
      <c r="G1407" s="12">
        <v>1405</v>
      </c>
      <c r="H1407" s="12">
        <f t="shared" si="42"/>
        <v>12</v>
      </c>
      <c r="I1407" s="12">
        <f t="shared" si="43"/>
        <v>15</v>
      </c>
    </row>
    <row r="1408" spans="1:35" s="5" customFormat="1" ht="27.75" customHeight="1" x14ac:dyDescent="0.4">
      <c r="A1408" s="13" t="s">
        <v>2713</v>
      </c>
      <c r="B1408" s="13" t="s">
        <v>2812</v>
      </c>
      <c r="C1408" s="13" t="s">
        <v>2813</v>
      </c>
      <c r="D1408" s="18">
        <v>1462090298</v>
      </c>
      <c r="E1408" s="11">
        <v>47177</v>
      </c>
      <c r="F1408" s="9" t="s">
        <v>20</v>
      </c>
      <c r="G1408" s="5">
        <v>1406</v>
      </c>
      <c r="H1408" s="12">
        <f t="shared" si="42"/>
        <v>15</v>
      </c>
      <c r="I1408" s="12">
        <f t="shared" si="43"/>
        <v>17</v>
      </c>
      <c r="J1408" s="24"/>
      <c r="K1408" s="24"/>
      <c r="L1408" s="24"/>
    </row>
    <row r="1409" spans="1:35" s="5" customFormat="1" ht="27.75" customHeight="1" x14ac:dyDescent="0.4">
      <c r="A1409" s="13" t="s">
        <v>2713</v>
      </c>
      <c r="B1409" s="22" t="s">
        <v>2814</v>
      </c>
      <c r="C1409" s="50" t="s">
        <v>2815</v>
      </c>
      <c r="D1409" s="10">
        <v>1462090389</v>
      </c>
      <c r="E1409" s="11">
        <v>46387</v>
      </c>
      <c r="F1409" s="9" t="s">
        <v>20</v>
      </c>
      <c r="G1409" s="12">
        <v>1407</v>
      </c>
      <c r="H1409" s="12">
        <f t="shared" si="42"/>
        <v>30</v>
      </c>
      <c r="I1409" s="12">
        <f t="shared" si="43"/>
        <v>14</v>
      </c>
      <c r="J1409" s="12"/>
      <c r="K1409" s="12"/>
      <c r="L1409" s="12"/>
      <c r="M1409" s="12"/>
      <c r="N1409" s="12"/>
      <c r="O1409" s="12"/>
      <c r="P1409" s="12"/>
      <c r="Q1409" s="12"/>
      <c r="R1409" s="12"/>
      <c r="S1409" s="12"/>
      <c r="T1409" s="12"/>
      <c r="U1409" s="12"/>
      <c r="V1409" s="12"/>
      <c r="W1409" s="12"/>
      <c r="X1409" s="12"/>
      <c r="Y1409" s="12"/>
      <c r="Z1409" s="12"/>
      <c r="AA1409" s="12"/>
      <c r="AB1409" s="12"/>
      <c r="AC1409" s="12"/>
      <c r="AD1409" s="12"/>
      <c r="AE1409" s="12"/>
      <c r="AF1409" s="12"/>
      <c r="AG1409" s="12"/>
      <c r="AH1409" s="12"/>
      <c r="AI1409" s="12"/>
    </row>
    <row r="1410" spans="1:35" s="5" customFormat="1" ht="27.75" customHeight="1" x14ac:dyDescent="0.4">
      <c r="A1410" s="13" t="s">
        <v>2713</v>
      </c>
      <c r="B1410" s="22" t="s">
        <v>2816</v>
      </c>
      <c r="C1410" s="22" t="s">
        <v>2817</v>
      </c>
      <c r="D1410" s="10">
        <v>1462090462</v>
      </c>
      <c r="E1410" s="11">
        <v>47603</v>
      </c>
      <c r="F1410" s="9" t="s">
        <v>20</v>
      </c>
      <c r="G1410" s="5">
        <v>1408</v>
      </c>
      <c r="H1410" s="12">
        <f t="shared" si="42"/>
        <v>11</v>
      </c>
      <c r="I1410" s="12">
        <f t="shared" si="43"/>
        <v>12</v>
      </c>
      <c r="J1410" s="12"/>
      <c r="K1410" s="12"/>
      <c r="L1410" s="12"/>
      <c r="M1410" s="12"/>
      <c r="N1410" s="12"/>
      <c r="O1410" s="12"/>
      <c r="P1410" s="12"/>
      <c r="Q1410" s="12"/>
      <c r="R1410" s="12"/>
      <c r="S1410" s="12"/>
      <c r="T1410" s="12"/>
      <c r="U1410" s="12"/>
      <c r="V1410" s="12"/>
      <c r="W1410" s="12"/>
      <c r="X1410" s="12"/>
      <c r="Y1410" s="12"/>
      <c r="Z1410" s="12"/>
      <c r="AA1410" s="12"/>
      <c r="AB1410" s="12"/>
      <c r="AC1410" s="12"/>
      <c r="AD1410" s="12"/>
      <c r="AE1410" s="12"/>
      <c r="AF1410" s="12"/>
      <c r="AG1410" s="12"/>
      <c r="AH1410" s="12"/>
      <c r="AI1410" s="12"/>
    </row>
    <row r="1411" spans="1:35" s="5" customFormat="1" ht="27.75" customHeight="1" x14ac:dyDescent="0.4">
      <c r="A1411" s="13" t="s">
        <v>2713</v>
      </c>
      <c r="B1411" s="16" t="s">
        <v>2818</v>
      </c>
      <c r="C1411" s="16" t="s">
        <v>2819</v>
      </c>
      <c r="D1411" s="10">
        <v>1462090041</v>
      </c>
      <c r="E1411" s="11">
        <v>46387</v>
      </c>
      <c r="F1411" s="9" t="s">
        <v>20</v>
      </c>
      <c r="G1411" s="12">
        <v>1409</v>
      </c>
      <c r="H1411" s="12">
        <f t="shared" si="42"/>
        <v>9</v>
      </c>
      <c r="I1411" s="12">
        <f t="shared" si="43"/>
        <v>23</v>
      </c>
    </row>
    <row r="1412" spans="1:35" s="5" customFormat="1" ht="27.75" customHeight="1" x14ac:dyDescent="0.4">
      <c r="A1412" s="13" t="s">
        <v>2713</v>
      </c>
      <c r="B1412" s="9" t="s">
        <v>2820</v>
      </c>
      <c r="C1412" s="9" t="s">
        <v>2821</v>
      </c>
      <c r="D1412" s="18">
        <v>1462090090</v>
      </c>
      <c r="E1412" s="11">
        <v>46387</v>
      </c>
      <c r="F1412" s="9" t="s">
        <v>20</v>
      </c>
      <c r="G1412" s="5">
        <v>1410</v>
      </c>
      <c r="H1412" s="12">
        <f t="shared" ref="H1412:H1475" si="44">LEN(C1412)</f>
        <v>9</v>
      </c>
      <c r="I1412" s="12">
        <f t="shared" ref="I1412:I1475" si="45">LEN(B1412)</f>
        <v>29</v>
      </c>
    </row>
    <row r="1413" spans="1:35" s="5" customFormat="1" ht="27.75" customHeight="1" x14ac:dyDescent="0.4">
      <c r="A1413" s="13" t="s">
        <v>2713</v>
      </c>
      <c r="B1413" s="16" t="s">
        <v>2822</v>
      </c>
      <c r="C1413" s="16" t="s">
        <v>525</v>
      </c>
      <c r="D1413" s="10">
        <v>1462090132</v>
      </c>
      <c r="E1413" s="11">
        <v>46387</v>
      </c>
      <c r="F1413" s="9" t="s">
        <v>20</v>
      </c>
      <c r="G1413" s="12">
        <v>1411</v>
      </c>
      <c r="H1413" s="12">
        <f t="shared" si="44"/>
        <v>11</v>
      </c>
      <c r="I1413" s="12">
        <f t="shared" si="45"/>
        <v>16</v>
      </c>
    </row>
    <row r="1414" spans="1:35" s="5" customFormat="1" ht="27.75" customHeight="1" x14ac:dyDescent="0.4">
      <c r="A1414" s="13" t="s">
        <v>2713</v>
      </c>
      <c r="B1414" s="22" t="s">
        <v>2823</v>
      </c>
      <c r="C1414" s="22" t="s">
        <v>2824</v>
      </c>
      <c r="D1414" s="10">
        <v>1462090561</v>
      </c>
      <c r="E1414" s="11">
        <v>48334</v>
      </c>
      <c r="F1414" s="9" t="s">
        <v>20</v>
      </c>
      <c r="G1414" s="5">
        <v>1412</v>
      </c>
      <c r="H1414" s="12">
        <f t="shared" si="44"/>
        <v>14</v>
      </c>
      <c r="I1414" s="12">
        <f t="shared" si="45"/>
        <v>10</v>
      </c>
    </row>
    <row r="1415" spans="1:35" s="5" customFormat="1" ht="27.75" customHeight="1" x14ac:dyDescent="0.4">
      <c r="A1415" s="13" t="s">
        <v>2713</v>
      </c>
      <c r="B1415" s="9" t="s">
        <v>2825</v>
      </c>
      <c r="C1415" s="9" t="s">
        <v>2826</v>
      </c>
      <c r="D1415" s="18">
        <v>1462090538</v>
      </c>
      <c r="E1415" s="11">
        <v>48091</v>
      </c>
      <c r="F1415" s="9" t="s">
        <v>20</v>
      </c>
      <c r="G1415" s="12">
        <v>1413</v>
      </c>
      <c r="H1415" s="12">
        <f t="shared" si="44"/>
        <v>23</v>
      </c>
      <c r="I1415" s="12">
        <f t="shared" si="45"/>
        <v>18</v>
      </c>
    </row>
    <row r="1416" spans="1:35" s="5" customFormat="1" ht="27.75" customHeight="1" x14ac:dyDescent="0.4">
      <c r="A1416" s="13" t="s">
        <v>2713</v>
      </c>
      <c r="B1416" s="16" t="s">
        <v>2827</v>
      </c>
      <c r="C1416" s="22" t="s">
        <v>2828</v>
      </c>
      <c r="D1416" s="10">
        <v>1462090504</v>
      </c>
      <c r="E1416" s="11">
        <v>47999</v>
      </c>
      <c r="F1416" s="9" t="s">
        <v>20</v>
      </c>
      <c r="G1416" s="5">
        <v>1414</v>
      </c>
      <c r="H1416" s="12">
        <f t="shared" si="44"/>
        <v>23</v>
      </c>
      <c r="I1416" s="12">
        <f t="shared" si="45"/>
        <v>19</v>
      </c>
    </row>
    <row r="1417" spans="1:35" s="5" customFormat="1" ht="27.75" customHeight="1" x14ac:dyDescent="0.4">
      <c r="A1417" s="13" t="s">
        <v>2713</v>
      </c>
      <c r="B1417" s="22" t="s">
        <v>2829</v>
      </c>
      <c r="C1417" s="22" t="s">
        <v>2830</v>
      </c>
      <c r="D1417" s="10">
        <v>1462090025</v>
      </c>
      <c r="E1417" s="11">
        <v>46387</v>
      </c>
      <c r="F1417" s="9" t="s">
        <v>20</v>
      </c>
      <c r="G1417" s="12">
        <v>1415</v>
      </c>
      <c r="H1417" s="12">
        <f t="shared" si="44"/>
        <v>14</v>
      </c>
      <c r="I1417" s="12">
        <f t="shared" si="45"/>
        <v>29</v>
      </c>
    </row>
    <row r="1418" spans="1:35" s="5" customFormat="1" ht="27.75" customHeight="1" x14ac:dyDescent="0.4">
      <c r="A1418" s="13" t="s">
        <v>2713</v>
      </c>
      <c r="B1418" s="16" t="s">
        <v>2831</v>
      </c>
      <c r="C1418" s="22" t="s">
        <v>2832</v>
      </c>
      <c r="D1418" s="10">
        <v>1462090280</v>
      </c>
      <c r="E1418" s="11">
        <v>47149</v>
      </c>
      <c r="F1418" s="9" t="s">
        <v>20</v>
      </c>
      <c r="G1418" s="5">
        <v>1416</v>
      </c>
      <c r="H1418" s="12">
        <f t="shared" si="44"/>
        <v>15</v>
      </c>
      <c r="I1418" s="12">
        <f t="shared" si="45"/>
        <v>18</v>
      </c>
    </row>
    <row r="1419" spans="1:35" s="5" customFormat="1" ht="27.75" customHeight="1" x14ac:dyDescent="0.4">
      <c r="A1419" s="13" t="s">
        <v>2713</v>
      </c>
      <c r="B1419" s="22" t="s">
        <v>2833</v>
      </c>
      <c r="C1419" s="22" t="s">
        <v>2834</v>
      </c>
      <c r="D1419" s="10">
        <v>1462090256</v>
      </c>
      <c r="E1419" s="11">
        <v>46721</v>
      </c>
      <c r="F1419" s="9" t="s">
        <v>20</v>
      </c>
      <c r="G1419" s="12">
        <v>1417</v>
      </c>
      <c r="H1419" s="12">
        <f t="shared" si="44"/>
        <v>16</v>
      </c>
      <c r="I1419" s="12">
        <f t="shared" si="45"/>
        <v>17</v>
      </c>
    </row>
    <row r="1420" spans="1:35" s="5" customFormat="1" ht="27.75" customHeight="1" x14ac:dyDescent="0.4">
      <c r="A1420" s="13" t="s">
        <v>2713</v>
      </c>
      <c r="B1420" s="22" t="s">
        <v>2835</v>
      </c>
      <c r="C1420" s="22" t="s">
        <v>2836</v>
      </c>
      <c r="D1420" s="10">
        <v>1462090488</v>
      </c>
      <c r="E1420" s="11">
        <v>47938</v>
      </c>
      <c r="F1420" s="9" t="s">
        <v>20</v>
      </c>
      <c r="G1420" s="5">
        <v>1418</v>
      </c>
      <c r="H1420" s="12">
        <f t="shared" si="44"/>
        <v>13</v>
      </c>
      <c r="I1420" s="12">
        <f t="shared" si="45"/>
        <v>16</v>
      </c>
    </row>
    <row r="1421" spans="1:35" s="5" customFormat="1" ht="27.75" customHeight="1" x14ac:dyDescent="0.4">
      <c r="A1421" s="13" t="s">
        <v>2713</v>
      </c>
      <c r="B1421" s="9" t="s">
        <v>2837</v>
      </c>
      <c r="C1421" s="9" t="s">
        <v>2838</v>
      </c>
      <c r="D1421" s="18">
        <v>1462090405</v>
      </c>
      <c r="E1421" s="11">
        <v>46873</v>
      </c>
      <c r="F1421" s="9" t="s">
        <v>20</v>
      </c>
      <c r="G1421" s="12">
        <v>1419</v>
      </c>
      <c r="H1421" s="12">
        <f t="shared" si="44"/>
        <v>11</v>
      </c>
      <c r="I1421" s="12">
        <f t="shared" si="45"/>
        <v>13</v>
      </c>
    </row>
    <row r="1422" spans="1:35" s="5" customFormat="1" ht="27.75" customHeight="1" x14ac:dyDescent="0.4">
      <c r="A1422" s="9" t="s">
        <v>2713</v>
      </c>
      <c r="B1422" s="9" t="s">
        <v>2839</v>
      </c>
      <c r="C1422" s="9" t="s">
        <v>2840</v>
      </c>
      <c r="D1422" s="18">
        <v>1462090082</v>
      </c>
      <c r="E1422" s="11">
        <v>46387</v>
      </c>
      <c r="F1422" s="9" t="s">
        <v>20</v>
      </c>
      <c r="G1422" s="5">
        <v>1420</v>
      </c>
      <c r="H1422" s="12">
        <f t="shared" si="44"/>
        <v>26</v>
      </c>
      <c r="I1422" s="12">
        <f t="shared" si="45"/>
        <v>16</v>
      </c>
    </row>
    <row r="1423" spans="1:35" s="5" customFormat="1" ht="27.75" customHeight="1" x14ac:dyDescent="0.4">
      <c r="A1423" s="9" t="s">
        <v>2713</v>
      </c>
      <c r="B1423" s="9" t="s">
        <v>2841</v>
      </c>
      <c r="C1423" s="9" t="s">
        <v>551</v>
      </c>
      <c r="D1423" s="18">
        <v>1462090074</v>
      </c>
      <c r="E1423" s="11">
        <v>46387</v>
      </c>
      <c r="F1423" s="9" t="s">
        <v>20</v>
      </c>
      <c r="G1423" s="12">
        <v>1421</v>
      </c>
      <c r="H1423" s="12">
        <f t="shared" si="44"/>
        <v>9</v>
      </c>
      <c r="I1423" s="12">
        <f t="shared" si="45"/>
        <v>21</v>
      </c>
    </row>
    <row r="1424" spans="1:35" s="5" customFormat="1" ht="27.75" customHeight="1" x14ac:dyDescent="0.4">
      <c r="A1424" s="9" t="s">
        <v>2713</v>
      </c>
      <c r="B1424" s="9" t="s">
        <v>2842</v>
      </c>
      <c r="C1424" s="9" t="s">
        <v>2843</v>
      </c>
      <c r="D1424" s="18">
        <v>1462090009</v>
      </c>
      <c r="E1424" s="11">
        <v>46387</v>
      </c>
      <c r="F1424" s="9" t="s">
        <v>20</v>
      </c>
      <c r="G1424" s="5">
        <v>1422</v>
      </c>
      <c r="H1424" s="12">
        <f t="shared" si="44"/>
        <v>20</v>
      </c>
      <c r="I1424" s="12">
        <f t="shared" si="45"/>
        <v>13</v>
      </c>
    </row>
    <row r="1425" spans="1:35" s="5" customFormat="1" ht="27.75" customHeight="1" x14ac:dyDescent="0.4">
      <c r="A1425" s="9" t="s">
        <v>2713</v>
      </c>
      <c r="B1425" s="9" t="s">
        <v>2844</v>
      </c>
      <c r="C1425" s="9" t="s">
        <v>2845</v>
      </c>
      <c r="D1425" s="18">
        <v>1462090017</v>
      </c>
      <c r="E1425" s="11">
        <v>46387</v>
      </c>
      <c r="F1425" s="9" t="s">
        <v>20</v>
      </c>
      <c r="G1425" s="12">
        <v>1423</v>
      </c>
      <c r="H1425" s="12">
        <f t="shared" si="44"/>
        <v>11</v>
      </c>
      <c r="I1425" s="12">
        <f t="shared" si="45"/>
        <v>16</v>
      </c>
    </row>
    <row r="1426" spans="1:35" s="5" customFormat="1" ht="27.75" customHeight="1" x14ac:dyDescent="0.4">
      <c r="A1426" s="9" t="s">
        <v>2713</v>
      </c>
      <c r="B1426" s="9" t="s">
        <v>2846</v>
      </c>
      <c r="C1426" s="9" t="s">
        <v>2847</v>
      </c>
      <c r="D1426" s="18">
        <v>1462090330</v>
      </c>
      <c r="E1426" s="11">
        <v>47907</v>
      </c>
      <c r="F1426" s="9" t="s">
        <v>20</v>
      </c>
      <c r="G1426" s="5">
        <v>1424</v>
      </c>
      <c r="H1426" s="12">
        <f t="shared" si="44"/>
        <v>22</v>
      </c>
      <c r="I1426" s="12">
        <f t="shared" si="45"/>
        <v>18</v>
      </c>
    </row>
    <row r="1427" spans="1:35" s="5" customFormat="1" ht="27.75" customHeight="1" x14ac:dyDescent="0.4">
      <c r="A1427" s="9" t="s">
        <v>2713</v>
      </c>
      <c r="B1427" s="16" t="s">
        <v>2848</v>
      </c>
      <c r="C1427" s="16" t="s">
        <v>2849</v>
      </c>
      <c r="D1427" s="10">
        <v>1462090165</v>
      </c>
      <c r="E1427" s="11">
        <v>46387</v>
      </c>
      <c r="F1427" s="9" t="s">
        <v>20</v>
      </c>
      <c r="G1427" s="12">
        <v>1425</v>
      </c>
      <c r="H1427" s="12">
        <f t="shared" si="44"/>
        <v>16</v>
      </c>
      <c r="I1427" s="12">
        <f t="shared" si="45"/>
        <v>14</v>
      </c>
    </row>
    <row r="1428" spans="1:35" s="5" customFormat="1" ht="27.75" customHeight="1" x14ac:dyDescent="0.4">
      <c r="A1428" s="9" t="s">
        <v>2713</v>
      </c>
      <c r="B1428" s="9" t="s">
        <v>2850</v>
      </c>
      <c r="C1428" s="9" t="s">
        <v>2851</v>
      </c>
      <c r="D1428" s="18">
        <v>1462090371</v>
      </c>
      <c r="E1428" s="11">
        <v>48426</v>
      </c>
      <c r="F1428" s="9" t="s">
        <v>20</v>
      </c>
      <c r="G1428" s="5">
        <v>1426</v>
      </c>
      <c r="H1428" s="12">
        <f t="shared" si="44"/>
        <v>13</v>
      </c>
      <c r="I1428" s="12">
        <f t="shared" si="45"/>
        <v>13</v>
      </c>
    </row>
    <row r="1429" spans="1:35" s="5" customFormat="1" ht="27.75" customHeight="1" x14ac:dyDescent="0.4">
      <c r="A1429" s="9" t="s">
        <v>2713</v>
      </c>
      <c r="B1429" s="16" t="s">
        <v>2852</v>
      </c>
      <c r="C1429" s="16" t="s">
        <v>2853</v>
      </c>
      <c r="D1429" s="10">
        <v>1462090447</v>
      </c>
      <c r="E1429" s="11">
        <v>47514</v>
      </c>
      <c r="F1429" s="9" t="s">
        <v>20</v>
      </c>
      <c r="G1429" s="12">
        <v>1427</v>
      </c>
      <c r="H1429" s="12">
        <f t="shared" si="44"/>
        <v>19</v>
      </c>
      <c r="I1429" s="12">
        <f t="shared" si="45"/>
        <v>13</v>
      </c>
      <c r="J1429" s="12"/>
      <c r="K1429" s="12"/>
      <c r="L1429" s="12"/>
      <c r="M1429" s="12"/>
      <c r="N1429" s="12"/>
      <c r="O1429" s="12"/>
      <c r="P1429" s="12"/>
      <c r="Q1429" s="12"/>
      <c r="R1429" s="12"/>
      <c r="S1429" s="12"/>
      <c r="T1429" s="12"/>
      <c r="U1429" s="12"/>
      <c r="V1429" s="12"/>
      <c r="W1429" s="12"/>
      <c r="X1429" s="12"/>
      <c r="Y1429" s="12"/>
      <c r="Z1429" s="12"/>
      <c r="AA1429" s="12"/>
      <c r="AB1429" s="12"/>
      <c r="AC1429" s="12"/>
      <c r="AD1429" s="12"/>
      <c r="AE1429" s="12"/>
      <c r="AF1429" s="12"/>
      <c r="AG1429" s="12"/>
      <c r="AH1429" s="12"/>
      <c r="AI1429" s="12"/>
    </row>
    <row r="1430" spans="1:35" s="5" customFormat="1" ht="27.75" customHeight="1" x14ac:dyDescent="0.4">
      <c r="A1430" s="9" t="s">
        <v>2713</v>
      </c>
      <c r="B1430" s="13" t="s">
        <v>2854</v>
      </c>
      <c r="C1430" s="13" t="s">
        <v>2855</v>
      </c>
      <c r="D1430" s="18">
        <v>1462090413</v>
      </c>
      <c r="E1430" s="11">
        <v>47330</v>
      </c>
      <c r="F1430" s="9" t="s">
        <v>20</v>
      </c>
      <c r="G1430" s="5">
        <v>1428</v>
      </c>
      <c r="H1430" s="12">
        <f t="shared" si="44"/>
        <v>24</v>
      </c>
      <c r="I1430" s="12">
        <f t="shared" si="45"/>
        <v>20</v>
      </c>
    </row>
    <row r="1431" spans="1:35" s="5" customFormat="1" ht="27.75" customHeight="1" x14ac:dyDescent="0.4">
      <c r="A1431" s="9" t="s">
        <v>2713</v>
      </c>
      <c r="B1431" s="29" t="s">
        <v>2856</v>
      </c>
      <c r="C1431" s="22" t="s">
        <v>2857</v>
      </c>
      <c r="D1431" s="10">
        <v>1462090520</v>
      </c>
      <c r="E1431" s="11">
        <v>47999</v>
      </c>
      <c r="F1431" s="9" t="s">
        <v>20</v>
      </c>
      <c r="G1431" s="12">
        <v>1429</v>
      </c>
      <c r="H1431" s="12">
        <f t="shared" si="44"/>
        <v>13</v>
      </c>
      <c r="I1431" s="12">
        <f t="shared" si="45"/>
        <v>7</v>
      </c>
    </row>
    <row r="1432" spans="1:35" s="5" customFormat="1" ht="27.75" customHeight="1" x14ac:dyDescent="0.4">
      <c r="A1432" s="9" t="s">
        <v>2713</v>
      </c>
      <c r="B1432" s="9" t="s">
        <v>2858</v>
      </c>
      <c r="C1432" s="9" t="s">
        <v>2859</v>
      </c>
      <c r="D1432" s="18">
        <v>1462290773</v>
      </c>
      <c r="E1432" s="11">
        <v>47968</v>
      </c>
      <c r="F1432" s="9" t="s">
        <v>20</v>
      </c>
      <c r="G1432" s="5">
        <v>1430</v>
      </c>
      <c r="H1432" s="12">
        <f t="shared" si="44"/>
        <v>17</v>
      </c>
      <c r="I1432" s="12">
        <f t="shared" si="45"/>
        <v>15</v>
      </c>
    </row>
    <row r="1433" spans="1:35" s="5" customFormat="1" ht="27.75" customHeight="1" x14ac:dyDescent="0.4">
      <c r="A1433" s="9" t="s">
        <v>2713</v>
      </c>
      <c r="B1433" s="9" t="s">
        <v>2860</v>
      </c>
      <c r="C1433" s="9" t="s">
        <v>2861</v>
      </c>
      <c r="D1433" s="18">
        <v>1462190205</v>
      </c>
      <c r="E1433" s="32">
        <v>46387</v>
      </c>
      <c r="F1433" s="9" t="s">
        <v>23</v>
      </c>
      <c r="G1433" s="12">
        <v>1431</v>
      </c>
      <c r="H1433" s="12">
        <f t="shared" si="44"/>
        <v>15</v>
      </c>
      <c r="I1433" s="12">
        <f t="shared" si="45"/>
        <v>16</v>
      </c>
    </row>
    <row r="1434" spans="1:35" s="5" customFormat="1" ht="27.75" customHeight="1" x14ac:dyDescent="0.4">
      <c r="A1434" s="9" t="s">
        <v>2713</v>
      </c>
      <c r="B1434" s="9" t="s">
        <v>2862</v>
      </c>
      <c r="C1434" s="9" t="s">
        <v>2863</v>
      </c>
      <c r="D1434" s="18">
        <v>1462190213</v>
      </c>
      <c r="E1434" s="11">
        <v>46387</v>
      </c>
      <c r="F1434" s="9" t="s">
        <v>23</v>
      </c>
      <c r="G1434" s="5">
        <v>1432</v>
      </c>
      <c r="H1434" s="12">
        <f t="shared" si="44"/>
        <v>12</v>
      </c>
      <c r="I1434" s="12">
        <f t="shared" si="45"/>
        <v>16</v>
      </c>
    </row>
    <row r="1435" spans="1:35" s="5" customFormat="1" ht="27.75" customHeight="1" x14ac:dyDescent="0.4">
      <c r="A1435" s="9" t="s">
        <v>2713</v>
      </c>
      <c r="B1435" s="13" t="s">
        <v>2864</v>
      </c>
      <c r="C1435" s="13" t="s">
        <v>2865</v>
      </c>
      <c r="D1435" s="18">
        <v>1462190346</v>
      </c>
      <c r="E1435" s="33">
        <v>48304</v>
      </c>
      <c r="F1435" s="9" t="s">
        <v>23</v>
      </c>
      <c r="G1435" s="12">
        <v>1433</v>
      </c>
      <c r="H1435" s="12">
        <f t="shared" si="44"/>
        <v>11</v>
      </c>
      <c r="I1435" s="12">
        <f t="shared" si="45"/>
        <v>16</v>
      </c>
      <c r="J1435" s="12"/>
      <c r="K1435" s="12"/>
      <c r="L1435" s="12"/>
      <c r="M1435" s="12"/>
      <c r="N1435" s="12"/>
      <c r="O1435" s="12"/>
      <c r="P1435" s="12"/>
      <c r="Q1435" s="12"/>
      <c r="R1435" s="12"/>
      <c r="S1435" s="12"/>
      <c r="T1435" s="12"/>
      <c r="U1435" s="12"/>
      <c r="V1435" s="12"/>
      <c r="W1435" s="12"/>
      <c r="X1435" s="12"/>
      <c r="Y1435" s="12"/>
      <c r="Z1435" s="12"/>
      <c r="AA1435" s="12"/>
      <c r="AB1435" s="12"/>
      <c r="AC1435" s="12"/>
      <c r="AD1435" s="12"/>
      <c r="AE1435" s="12"/>
      <c r="AF1435" s="12"/>
      <c r="AG1435" s="12"/>
      <c r="AH1435" s="12"/>
      <c r="AI1435" s="12"/>
    </row>
    <row r="1436" spans="1:35" s="5" customFormat="1" ht="27.75" customHeight="1" x14ac:dyDescent="0.4">
      <c r="A1436" s="9" t="s">
        <v>2713</v>
      </c>
      <c r="B1436" s="9" t="s">
        <v>2866</v>
      </c>
      <c r="C1436" s="9" t="s">
        <v>2867</v>
      </c>
      <c r="D1436" s="18">
        <v>1462190239</v>
      </c>
      <c r="E1436" s="11">
        <v>46387</v>
      </c>
      <c r="F1436" s="9" t="s">
        <v>23</v>
      </c>
      <c r="G1436" s="5">
        <v>1434</v>
      </c>
      <c r="H1436" s="12">
        <f t="shared" si="44"/>
        <v>24</v>
      </c>
      <c r="I1436" s="12">
        <f t="shared" si="45"/>
        <v>13</v>
      </c>
    </row>
    <row r="1437" spans="1:35" s="5" customFormat="1" ht="27.75" customHeight="1" x14ac:dyDescent="0.4">
      <c r="A1437" s="9" t="s">
        <v>2713</v>
      </c>
      <c r="B1437" s="9" t="s">
        <v>2868</v>
      </c>
      <c r="C1437" s="9" t="s">
        <v>2869</v>
      </c>
      <c r="D1437" s="18">
        <v>1462190403</v>
      </c>
      <c r="E1437" s="11">
        <v>47907</v>
      </c>
      <c r="F1437" s="9" t="s">
        <v>23</v>
      </c>
      <c r="G1437" s="12">
        <v>1435</v>
      </c>
      <c r="H1437" s="12">
        <f t="shared" si="44"/>
        <v>13</v>
      </c>
      <c r="I1437" s="12">
        <f t="shared" si="45"/>
        <v>15</v>
      </c>
    </row>
    <row r="1438" spans="1:35" s="5" customFormat="1" ht="27.75" customHeight="1" x14ac:dyDescent="0.4">
      <c r="A1438" s="9" t="s">
        <v>2713</v>
      </c>
      <c r="B1438" s="9" t="s">
        <v>2870</v>
      </c>
      <c r="C1438" s="9" t="s">
        <v>2871</v>
      </c>
      <c r="D1438" s="18">
        <v>1462190312</v>
      </c>
      <c r="E1438" s="11">
        <v>48213</v>
      </c>
      <c r="F1438" s="9" t="s">
        <v>23</v>
      </c>
      <c r="G1438" s="5">
        <v>1436</v>
      </c>
      <c r="H1438" s="12">
        <f t="shared" si="44"/>
        <v>16</v>
      </c>
      <c r="I1438" s="12">
        <f t="shared" si="45"/>
        <v>17</v>
      </c>
    </row>
    <row r="1439" spans="1:35" s="5" customFormat="1" ht="27.75" customHeight="1" x14ac:dyDescent="0.4">
      <c r="A1439" s="9" t="s">
        <v>2713</v>
      </c>
      <c r="B1439" s="16" t="s">
        <v>2872</v>
      </c>
      <c r="C1439" s="9" t="s">
        <v>2873</v>
      </c>
      <c r="D1439" s="18">
        <v>1462190007</v>
      </c>
      <c r="E1439" s="11">
        <v>46387</v>
      </c>
      <c r="F1439" s="9" t="s">
        <v>23</v>
      </c>
      <c r="G1439" s="12">
        <v>1437</v>
      </c>
      <c r="H1439" s="12">
        <f t="shared" si="44"/>
        <v>12</v>
      </c>
      <c r="I1439" s="12">
        <f t="shared" si="45"/>
        <v>18</v>
      </c>
    </row>
    <row r="1440" spans="1:35" s="5" customFormat="1" ht="27.75" customHeight="1" x14ac:dyDescent="0.4">
      <c r="A1440" s="17" t="s">
        <v>2713</v>
      </c>
      <c r="B1440" s="13" t="s">
        <v>2874</v>
      </c>
      <c r="C1440" s="34" t="s">
        <v>693</v>
      </c>
      <c r="D1440" s="26">
        <v>1462190387</v>
      </c>
      <c r="E1440" s="11">
        <v>46660</v>
      </c>
      <c r="F1440" s="9" t="s">
        <v>23</v>
      </c>
      <c r="G1440" s="5">
        <v>1438</v>
      </c>
      <c r="H1440" s="12">
        <f t="shared" si="44"/>
        <v>11</v>
      </c>
      <c r="I1440" s="12">
        <f t="shared" si="45"/>
        <v>12</v>
      </c>
    </row>
    <row r="1441" spans="1:35" s="5" customFormat="1" ht="27.75" customHeight="1" x14ac:dyDescent="0.4">
      <c r="A1441" s="9" t="s">
        <v>2713</v>
      </c>
      <c r="B1441" s="14" t="s">
        <v>2875</v>
      </c>
      <c r="C1441" s="9" t="s">
        <v>2876</v>
      </c>
      <c r="D1441" s="18">
        <v>1462190023</v>
      </c>
      <c r="E1441" s="11">
        <v>46387</v>
      </c>
      <c r="F1441" s="9" t="s">
        <v>23</v>
      </c>
      <c r="G1441" s="12">
        <v>1439</v>
      </c>
      <c r="H1441" s="12">
        <f t="shared" si="44"/>
        <v>11</v>
      </c>
      <c r="I1441" s="12">
        <f t="shared" si="45"/>
        <v>29</v>
      </c>
    </row>
    <row r="1442" spans="1:35" s="5" customFormat="1" ht="27.75" customHeight="1" x14ac:dyDescent="0.4">
      <c r="A1442" s="9" t="s">
        <v>2713</v>
      </c>
      <c r="B1442" s="9" t="s">
        <v>2877</v>
      </c>
      <c r="C1442" s="9" t="s">
        <v>2878</v>
      </c>
      <c r="D1442" s="18">
        <v>1462190445</v>
      </c>
      <c r="E1442" s="11">
        <v>48273</v>
      </c>
      <c r="F1442" s="9" t="s">
        <v>23</v>
      </c>
      <c r="G1442" s="5">
        <v>1440</v>
      </c>
      <c r="H1442" s="12">
        <f t="shared" si="44"/>
        <v>27</v>
      </c>
      <c r="I1442" s="12">
        <f t="shared" si="45"/>
        <v>14</v>
      </c>
    </row>
    <row r="1443" spans="1:35" s="5" customFormat="1" ht="27.75" customHeight="1" x14ac:dyDescent="0.4">
      <c r="A1443" s="9" t="s">
        <v>2713</v>
      </c>
      <c r="B1443" s="9" t="s">
        <v>2879</v>
      </c>
      <c r="C1443" s="9" t="s">
        <v>2880</v>
      </c>
      <c r="D1443" s="18">
        <v>1462190429</v>
      </c>
      <c r="E1443" s="11">
        <v>47087</v>
      </c>
      <c r="F1443" s="9" t="s">
        <v>23</v>
      </c>
      <c r="G1443" s="12">
        <v>1441</v>
      </c>
      <c r="H1443" s="12">
        <f t="shared" si="44"/>
        <v>11</v>
      </c>
      <c r="I1443" s="12">
        <f t="shared" si="45"/>
        <v>11</v>
      </c>
    </row>
    <row r="1444" spans="1:35" s="5" customFormat="1" ht="27.75" customHeight="1" x14ac:dyDescent="0.4">
      <c r="A1444" s="9" t="s">
        <v>2713</v>
      </c>
      <c r="B1444" s="9" t="s">
        <v>2881</v>
      </c>
      <c r="C1444" s="9" t="s">
        <v>2882</v>
      </c>
      <c r="D1444" s="18">
        <v>1462190304</v>
      </c>
      <c r="E1444" s="11">
        <v>47208</v>
      </c>
      <c r="F1444" s="9" t="s">
        <v>23</v>
      </c>
      <c r="G1444" s="5">
        <v>1442</v>
      </c>
      <c r="H1444" s="12">
        <f t="shared" si="44"/>
        <v>9</v>
      </c>
      <c r="I1444" s="12">
        <f t="shared" si="45"/>
        <v>16</v>
      </c>
    </row>
    <row r="1445" spans="1:35" s="5" customFormat="1" ht="27.75" customHeight="1" x14ac:dyDescent="0.4">
      <c r="A1445" s="9" t="s">
        <v>2713</v>
      </c>
      <c r="B1445" s="9" t="s">
        <v>2883</v>
      </c>
      <c r="C1445" s="9" t="s">
        <v>2884</v>
      </c>
      <c r="D1445" s="18">
        <v>1462190361</v>
      </c>
      <c r="E1445" s="11">
        <v>48365</v>
      </c>
      <c r="F1445" s="9" t="s">
        <v>23</v>
      </c>
      <c r="G1445" s="12">
        <v>1443</v>
      </c>
      <c r="H1445" s="12">
        <f t="shared" si="44"/>
        <v>16</v>
      </c>
      <c r="I1445" s="12">
        <f t="shared" si="45"/>
        <v>16</v>
      </c>
    </row>
    <row r="1446" spans="1:35" s="5" customFormat="1" ht="27.75" customHeight="1" x14ac:dyDescent="0.4">
      <c r="A1446" s="9" t="s">
        <v>2713</v>
      </c>
      <c r="B1446" s="9" t="s">
        <v>2885</v>
      </c>
      <c r="C1446" s="9" t="s">
        <v>2886</v>
      </c>
      <c r="D1446" s="18">
        <v>1462190171</v>
      </c>
      <c r="E1446" s="11">
        <v>46387</v>
      </c>
      <c r="F1446" s="9" t="s">
        <v>23</v>
      </c>
      <c r="G1446" s="5">
        <v>1444</v>
      </c>
      <c r="H1446" s="12">
        <f t="shared" si="44"/>
        <v>12</v>
      </c>
      <c r="I1446" s="12">
        <f t="shared" si="45"/>
        <v>13</v>
      </c>
    </row>
    <row r="1447" spans="1:35" s="5" customFormat="1" ht="27.75" customHeight="1" x14ac:dyDescent="0.4">
      <c r="A1447" s="15" t="s">
        <v>2713</v>
      </c>
      <c r="B1447" s="16" t="s">
        <v>2887</v>
      </c>
      <c r="C1447" s="16" t="s">
        <v>749</v>
      </c>
      <c r="D1447" s="10">
        <v>1462190411</v>
      </c>
      <c r="E1447" s="11">
        <v>47087</v>
      </c>
      <c r="F1447" s="9" t="s">
        <v>23</v>
      </c>
      <c r="G1447" s="12">
        <v>1445</v>
      </c>
      <c r="H1447" s="12">
        <f t="shared" si="44"/>
        <v>21</v>
      </c>
      <c r="I1447" s="12">
        <f t="shared" si="45"/>
        <v>13</v>
      </c>
    </row>
    <row r="1448" spans="1:35" s="5" customFormat="1" ht="27.75" customHeight="1" x14ac:dyDescent="0.4">
      <c r="A1448" s="9" t="s">
        <v>2713</v>
      </c>
      <c r="B1448" s="9" t="s">
        <v>2888</v>
      </c>
      <c r="C1448" s="9" t="s">
        <v>2889</v>
      </c>
      <c r="D1448" s="18">
        <v>1462190395</v>
      </c>
      <c r="E1448" s="11">
        <v>46965</v>
      </c>
      <c r="F1448" s="9" t="s">
        <v>23</v>
      </c>
      <c r="G1448" s="5">
        <v>1446</v>
      </c>
      <c r="H1448" s="12">
        <f t="shared" si="44"/>
        <v>26</v>
      </c>
      <c r="I1448" s="12">
        <f t="shared" si="45"/>
        <v>16</v>
      </c>
    </row>
    <row r="1449" spans="1:35" s="5" customFormat="1" ht="27.75" customHeight="1" x14ac:dyDescent="0.4">
      <c r="A1449" s="13" t="s">
        <v>2713</v>
      </c>
      <c r="B1449" s="9" t="s">
        <v>2890</v>
      </c>
      <c r="C1449" s="9" t="s">
        <v>2891</v>
      </c>
      <c r="D1449" s="18">
        <v>1462190296</v>
      </c>
      <c r="E1449" s="11">
        <v>47542</v>
      </c>
      <c r="F1449" s="9" t="s">
        <v>23</v>
      </c>
      <c r="G1449" s="12">
        <v>1447</v>
      </c>
      <c r="H1449" s="12">
        <f t="shared" si="44"/>
        <v>21</v>
      </c>
      <c r="I1449" s="12">
        <f t="shared" si="45"/>
        <v>16</v>
      </c>
    </row>
    <row r="1450" spans="1:35" s="5" customFormat="1" ht="27.75" customHeight="1" x14ac:dyDescent="0.4">
      <c r="A1450" s="9" t="s">
        <v>2713</v>
      </c>
      <c r="B1450" s="13" t="s">
        <v>2892</v>
      </c>
      <c r="C1450" s="9" t="s">
        <v>2893</v>
      </c>
      <c r="D1450" s="18">
        <v>1462190320</v>
      </c>
      <c r="E1450" s="11">
        <v>47756</v>
      </c>
      <c r="F1450" s="9" t="s">
        <v>23</v>
      </c>
      <c r="G1450" s="5">
        <v>1448</v>
      </c>
      <c r="H1450" s="12">
        <f t="shared" si="44"/>
        <v>11</v>
      </c>
      <c r="I1450" s="12">
        <f t="shared" si="45"/>
        <v>18</v>
      </c>
    </row>
    <row r="1451" spans="1:35" s="5" customFormat="1" ht="27.75" customHeight="1" x14ac:dyDescent="0.4">
      <c r="A1451" s="9" t="s">
        <v>2713</v>
      </c>
      <c r="B1451" s="9" t="s">
        <v>2894</v>
      </c>
      <c r="C1451" s="9" t="s">
        <v>2895</v>
      </c>
      <c r="D1451" s="18">
        <v>1462190247</v>
      </c>
      <c r="E1451" s="11">
        <v>46387</v>
      </c>
      <c r="F1451" s="9" t="s">
        <v>23</v>
      </c>
      <c r="G1451" s="12">
        <v>1449</v>
      </c>
      <c r="H1451" s="12">
        <f t="shared" si="44"/>
        <v>24</v>
      </c>
      <c r="I1451" s="12">
        <f t="shared" si="45"/>
        <v>20</v>
      </c>
    </row>
    <row r="1452" spans="1:35" s="5" customFormat="1" ht="27.75" customHeight="1" x14ac:dyDescent="0.4">
      <c r="A1452" s="13" t="s">
        <v>2713</v>
      </c>
      <c r="B1452" s="13" t="s">
        <v>2896</v>
      </c>
      <c r="C1452" s="13" t="s">
        <v>2897</v>
      </c>
      <c r="D1452" s="18">
        <v>1462190353</v>
      </c>
      <c r="E1452" s="11">
        <v>48304</v>
      </c>
      <c r="F1452" s="9" t="s">
        <v>23</v>
      </c>
      <c r="G1452" s="5">
        <v>1450</v>
      </c>
      <c r="H1452" s="12">
        <f t="shared" si="44"/>
        <v>16</v>
      </c>
      <c r="I1452" s="12">
        <f t="shared" si="45"/>
        <v>15</v>
      </c>
    </row>
    <row r="1453" spans="1:35" s="5" customFormat="1" ht="27.75" customHeight="1" x14ac:dyDescent="0.4">
      <c r="A1453" s="9" t="s">
        <v>2713</v>
      </c>
      <c r="B1453" s="9" t="s">
        <v>2898</v>
      </c>
      <c r="C1453" s="9" t="s">
        <v>2899</v>
      </c>
      <c r="D1453" s="18">
        <v>1462190437</v>
      </c>
      <c r="E1453" s="11">
        <v>48213</v>
      </c>
      <c r="F1453" s="9" t="s">
        <v>23</v>
      </c>
      <c r="G1453" s="12">
        <v>1451</v>
      </c>
      <c r="H1453" s="12">
        <f t="shared" si="44"/>
        <v>12</v>
      </c>
      <c r="I1453" s="12">
        <f t="shared" si="45"/>
        <v>12</v>
      </c>
    </row>
    <row r="1454" spans="1:35" s="5" customFormat="1" ht="27.75" customHeight="1" x14ac:dyDescent="0.4">
      <c r="A1454" s="9" t="s">
        <v>2713</v>
      </c>
      <c r="B1454" s="9" t="s">
        <v>2900</v>
      </c>
      <c r="C1454" s="9" t="s">
        <v>2901</v>
      </c>
      <c r="D1454" s="18">
        <v>1462190197</v>
      </c>
      <c r="E1454" s="11">
        <v>46387</v>
      </c>
      <c r="F1454" s="9" t="s">
        <v>23</v>
      </c>
      <c r="G1454" s="5">
        <v>1452</v>
      </c>
      <c r="H1454" s="12">
        <f t="shared" si="44"/>
        <v>22</v>
      </c>
      <c r="I1454" s="12">
        <f t="shared" si="45"/>
        <v>18</v>
      </c>
    </row>
    <row r="1455" spans="1:35" s="5" customFormat="1" ht="27.75" customHeight="1" x14ac:dyDescent="0.4">
      <c r="A1455" s="9" t="s">
        <v>2713</v>
      </c>
      <c r="B1455" s="13" t="s">
        <v>2902</v>
      </c>
      <c r="C1455" s="13" t="s">
        <v>2903</v>
      </c>
      <c r="D1455" s="18">
        <v>1462290542</v>
      </c>
      <c r="E1455" s="11">
        <v>47573</v>
      </c>
      <c r="F1455" s="9" t="s">
        <v>40</v>
      </c>
      <c r="G1455" s="12">
        <v>1453</v>
      </c>
      <c r="H1455" s="12">
        <f t="shared" si="44"/>
        <v>25</v>
      </c>
      <c r="I1455" s="12">
        <f t="shared" si="45"/>
        <v>14</v>
      </c>
      <c r="J1455" s="12"/>
      <c r="K1455" s="12"/>
      <c r="L1455" s="12"/>
      <c r="M1455" s="12"/>
      <c r="N1455" s="12"/>
      <c r="O1455" s="12"/>
      <c r="P1455" s="12"/>
      <c r="Q1455" s="12"/>
      <c r="R1455" s="12"/>
      <c r="S1455" s="12"/>
      <c r="T1455" s="12"/>
      <c r="U1455" s="12"/>
      <c r="V1455" s="12"/>
      <c r="W1455" s="12"/>
      <c r="X1455" s="12"/>
      <c r="Y1455" s="12"/>
      <c r="Z1455" s="12"/>
      <c r="AA1455" s="12"/>
      <c r="AB1455" s="12"/>
      <c r="AC1455" s="12"/>
      <c r="AD1455" s="12"/>
      <c r="AE1455" s="12"/>
      <c r="AF1455" s="12"/>
      <c r="AG1455" s="12"/>
      <c r="AH1455" s="12"/>
      <c r="AI1455" s="12"/>
    </row>
    <row r="1456" spans="1:35" s="5" customFormat="1" ht="27.75" customHeight="1" x14ac:dyDescent="0.4">
      <c r="A1456" s="13" t="s">
        <v>2713</v>
      </c>
      <c r="B1456" s="9" t="s">
        <v>2904</v>
      </c>
      <c r="C1456" s="9" t="s">
        <v>2905</v>
      </c>
      <c r="D1456" s="18">
        <v>1462290781</v>
      </c>
      <c r="E1456" s="11">
        <v>46326</v>
      </c>
      <c r="F1456" s="9" t="s">
        <v>40</v>
      </c>
      <c r="G1456" s="5">
        <v>1454</v>
      </c>
      <c r="H1456" s="12">
        <f t="shared" si="44"/>
        <v>21</v>
      </c>
      <c r="I1456" s="12">
        <f t="shared" si="45"/>
        <v>15</v>
      </c>
    </row>
    <row r="1457" spans="1:9" s="5" customFormat="1" ht="27.75" customHeight="1" x14ac:dyDescent="0.4">
      <c r="A1457" s="9" t="s">
        <v>2713</v>
      </c>
      <c r="B1457" s="9" t="s">
        <v>2906</v>
      </c>
      <c r="C1457" s="9" t="s">
        <v>845</v>
      </c>
      <c r="D1457" s="18">
        <v>1462290005</v>
      </c>
      <c r="E1457" s="11">
        <v>46387</v>
      </c>
      <c r="F1457" s="9" t="s">
        <v>40</v>
      </c>
      <c r="G1457" s="12">
        <v>1455</v>
      </c>
      <c r="H1457" s="12">
        <f t="shared" si="44"/>
        <v>13</v>
      </c>
      <c r="I1457" s="12">
        <f t="shared" si="45"/>
        <v>13</v>
      </c>
    </row>
    <row r="1458" spans="1:9" s="5" customFormat="1" ht="27.75" customHeight="1" x14ac:dyDescent="0.4">
      <c r="A1458" s="13" t="s">
        <v>2713</v>
      </c>
      <c r="B1458" s="9" t="s">
        <v>2907</v>
      </c>
      <c r="C1458" s="9" t="s">
        <v>2908</v>
      </c>
      <c r="D1458" s="18">
        <v>1462290302</v>
      </c>
      <c r="E1458" s="11">
        <v>46387</v>
      </c>
      <c r="F1458" s="9" t="s">
        <v>40</v>
      </c>
      <c r="G1458" s="5">
        <v>1456</v>
      </c>
      <c r="H1458" s="12">
        <f t="shared" si="44"/>
        <v>10</v>
      </c>
      <c r="I1458" s="12">
        <f t="shared" si="45"/>
        <v>21</v>
      </c>
    </row>
    <row r="1459" spans="1:9" s="5" customFormat="1" ht="27.75" customHeight="1" x14ac:dyDescent="0.4">
      <c r="A1459" s="9" t="s">
        <v>2713</v>
      </c>
      <c r="B1459" s="9" t="s">
        <v>2909</v>
      </c>
      <c r="C1459" s="9" t="s">
        <v>2910</v>
      </c>
      <c r="D1459" s="18">
        <v>1462290856</v>
      </c>
      <c r="E1459" s="11">
        <v>47817</v>
      </c>
      <c r="F1459" s="9" t="s">
        <v>40</v>
      </c>
      <c r="G1459" s="12">
        <v>1457</v>
      </c>
      <c r="H1459" s="12">
        <f t="shared" si="44"/>
        <v>11</v>
      </c>
      <c r="I1459" s="12">
        <f t="shared" si="45"/>
        <v>18</v>
      </c>
    </row>
    <row r="1460" spans="1:9" s="5" customFormat="1" ht="27.75" customHeight="1" x14ac:dyDescent="0.4">
      <c r="A1460" s="17" t="s">
        <v>2713</v>
      </c>
      <c r="B1460" s="9" t="s">
        <v>2911</v>
      </c>
      <c r="C1460" s="9" t="s">
        <v>2912</v>
      </c>
      <c r="D1460" s="18">
        <v>1462290989</v>
      </c>
      <c r="E1460" s="11">
        <v>47299</v>
      </c>
      <c r="F1460" s="9" t="s">
        <v>40</v>
      </c>
      <c r="G1460" s="5">
        <v>1458</v>
      </c>
      <c r="H1460" s="12">
        <f t="shared" si="44"/>
        <v>21</v>
      </c>
      <c r="I1460" s="12">
        <f t="shared" si="45"/>
        <v>16</v>
      </c>
    </row>
    <row r="1461" spans="1:9" s="5" customFormat="1" ht="27.75" customHeight="1" x14ac:dyDescent="0.4">
      <c r="A1461" s="15" t="s">
        <v>2713</v>
      </c>
      <c r="B1461" s="15" t="s">
        <v>2913</v>
      </c>
      <c r="C1461" s="15" t="s">
        <v>881</v>
      </c>
      <c r="D1461" s="21">
        <v>1462290385</v>
      </c>
      <c r="E1461" s="11">
        <v>46507</v>
      </c>
      <c r="F1461" s="9" t="s">
        <v>40</v>
      </c>
      <c r="G1461" s="12">
        <v>1459</v>
      </c>
      <c r="H1461" s="12">
        <f t="shared" si="44"/>
        <v>11</v>
      </c>
      <c r="I1461" s="12">
        <f t="shared" si="45"/>
        <v>15</v>
      </c>
    </row>
    <row r="1462" spans="1:9" s="5" customFormat="1" ht="27.75" customHeight="1" x14ac:dyDescent="0.4">
      <c r="A1462" s="9" t="s">
        <v>2713</v>
      </c>
      <c r="B1462" s="14" t="s">
        <v>2914</v>
      </c>
      <c r="C1462" s="9" t="s">
        <v>2915</v>
      </c>
      <c r="D1462" s="18">
        <v>1462290229</v>
      </c>
      <c r="E1462" s="11">
        <v>46387</v>
      </c>
      <c r="F1462" s="9" t="s">
        <v>40</v>
      </c>
      <c r="G1462" s="5">
        <v>1460</v>
      </c>
      <c r="H1462" s="12">
        <f t="shared" si="44"/>
        <v>10</v>
      </c>
      <c r="I1462" s="12">
        <f t="shared" si="45"/>
        <v>10</v>
      </c>
    </row>
    <row r="1463" spans="1:9" s="5" customFormat="1" ht="27.75" customHeight="1" x14ac:dyDescent="0.4">
      <c r="A1463" s="9" t="s">
        <v>2713</v>
      </c>
      <c r="B1463" s="9" t="s">
        <v>2916</v>
      </c>
      <c r="C1463" s="9" t="s">
        <v>2917</v>
      </c>
      <c r="D1463" s="18">
        <v>1462291086</v>
      </c>
      <c r="E1463" s="11">
        <v>47787</v>
      </c>
      <c r="F1463" s="9" t="s">
        <v>40</v>
      </c>
      <c r="G1463" s="12">
        <v>1461</v>
      </c>
      <c r="H1463" s="12">
        <f t="shared" si="44"/>
        <v>21</v>
      </c>
      <c r="I1463" s="12">
        <f t="shared" si="45"/>
        <v>13</v>
      </c>
    </row>
    <row r="1464" spans="1:9" s="5" customFormat="1" ht="27.75" customHeight="1" x14ac:dyDescent="0.4">
      <c r="A1464" s="9" t="s">
        <v>2713</v>
      </c>
      <c r="B1464" s="9" t="s">
        <v>2918</v>
      </c>
      <c r="C1464" s="9" t="s">
        <v>2919</v>
      </c>
      <c r="D1464" s="18">
        <v>1462291219</v>
      </c>
      <c r="E1464" s="11">
        <v>48304</v>
      </c>
      <c r="F1464" s="9" t="s">
        <v>40</v>
      </c>
      <c r="G1464" s="5">
        <v>1462</v>
      </c>
      <c r="H1464" s="12">
        <f t="shared" si="44"/>
        <v>19</v>
      </c>
      <c r="I1464" s="12">
        <f t="shared" si="45"/>
        <v>13</v>
      </c>
    </row>
    <row r="1465" spans="1:9" s="5" customFormat="1" ht="27.75" customHeight="1" x14ac:dyDescent="0.4">
      <c r="A1465" s="22" t="s">
        <v>2713</v>
      </c>
      <c r="B1465" s="16" t="s">
        <v>2920</v>
      </c>
      <c r="C1465" s="16" t="s">
        <v>893</v>
      </c>
      <c r="D1465" s="21">
        <v>1462290013</v>
      </c>
      <c r="E1465" s="11">
        <v>46387</v>
      </c>
      <c r="F1465" s="9" t="s">
        <v>40</v>
      </c>
      <c r="G1465" s="12">
        <v>1463</v>
      </c>
      <c r="H1465" s="12">
        <f t="shared" si="44"/>
        <v>9</v>
      </c>
      <c r="I1465" s="12">
        <f t="shared" si="45"/>
        <v>22</v>
      </c>
    </row>
    <row r="1466" spans="1:9" s="5" customFormat="1" ht="27.75" customHeight="1" x14ac:dyDescent="0.4">
      <c r="A1466" s="13" t="s">
        <v>2713</v>
      </c>
      <c r="B1466" s="13" t="s">
        <v>2921</v>
      </c>
      <c r="C1466" s="13" t="s">
        <v>2922</v>
      </c>
      <c r="D1466" s="18">
        <v>1462290823</v>
      </c>
      <c r="E1466" s="11">
        <v>46477</v>
      </c>
      <c r="F1466" s="9" t="s">
        <v>40</v>
      </c>
      <c r="G1466" s="5">
        <v>1464</v>
      </c>
      <c r="H1466" s="12">
        <f t="shared" si="44"/>
        <v>10</v>
      </c>
      <c r="I1466" s="12">
        <f t="shared" si="45"/>
        <v>21</v>
      </c>
    </row>
    <row r="1467" spans="1:9" s="5" customFormat="1" ht="27.75" customHeight="1" x14ac:dyDescent="0.4">
      <c r="A1467" s="17" t="s">
        <v>2713</v>
      </c>
      <c r="B1467" s="9" t="s">
        <v>2923</v>
      </c>
      <c r="C1467" s="9" t="s">
        <v>2924</v>
      </c>
      <c r="D1467" s="18">
        <v>1462291151</v>
      </c>
      <c r="E1467" s="11">
        <v>48091</v>
      </c>
      <c r="F1467" s="9" t="s">
        <v>40</v>
      </c>
      <c r="G1467" s="12">
        <v>1465</v>
      </c>
      <c r="H1467" s="12">
        <f t="shared" si="44"/>
        <v>18</v>
      </c>
      <c r="I1467" s="12">
        <f t="shared" si="45"/>
        <v>13</v>
      </c>
    </row>
    <row r="1468" spans="1:9" s="5" customFormat="1" ht="27.75" customHeight="1" x14ac:dyDescent="0.4">
      <c r="A1468" s="9" t="s">
        <v>2713</v>
      </c>
      <c r="B1468" s="13" t="s">
        <v>2925</v>
      </c>
      <c r="C1468" s="13" t="s">
        <v>2926</v>
      </c>
      <c r="D1468" s="18">
        <v>1462291193</v>
      </c>
      <c r="E1468" s="11">
        <v>48304</v>
      </c>
      <c r="F1468" s="9" t="s">
        <v>40</v>
      </c>
      <c r="G1468" s="5">
        <v>1466</v>
      </c>
      <c r="H1468" s="12">
        <f t="shared" si="44"/>
        <v>25</v>
      </c>
      <c r="I1468" s="12">
        <f t="shared" si="45"/>
        <v>14</v>
      </c>
    </row>
    <row r="1469" spans="1:9" s="5" customFormat="1" ht="27.75" customHeight="1" x14ac:dyDescent="0.4">
      <c r="A1469" s="9" t="s">
        <v>2713</v>
      </c>
      <c r="B1469" s="9" t="s">
        <v>2927</v>
      </c>
      <c r="C1469" s="9" t="s">
        <v>2928</v>
      </c>
      <c r="D1469" s="18">
        <v>1462290088</v>
      </c>
      <c r="E1469" s="11">
        <v>46387</v>
      </c>
      <c r="F1469" s="9" t="s">
        <v>40</v>
      </c>
      <c r="G1469" s="12">
        <v>1467</v>
      </c>
      <c r="H1469" s="12">
        <f t="shared" si="44"/>
        <v>15</v>
      </c>
      <c r="I1469" s="12">
        <f t="shared" si="45"/>
        <v>17</v>
      </c>
    </row>
    <row r="1470" spans="1:9" s="5" customFormat="1" ht="27.75" customHeight="1" x14ac:dyDescent="0.4">
      <c r="A1470" s="13" t="s">
        <v>2713</v>
      </c>
      <c r="B1470" s="9" t="s">
        <v>2929</v>
      </c>
      <c r="C1470" s="9" t="s">
        <v>2930</v>
      </c>
      <c r="D1470" s="18">
        <v>1462290666</v>
      </c>
      <c r="E1470" s="11">
        <v>47087</v>
      </c>
      <c r="F1470" s="9" t="s">
        <v>40</v>
      </c>
      <c r="G1470" s="5">
        <v>1468</v>
      </c>
      <c r="H1470" s="12">
        <f t="shared" si="44"/>
        <v>14</v>
      </c>
      <c r="I1470" s="12">
        <f t="shared" si="45"/>
        <v>17</v>
      </c>
    </row>
    <row r="1471" spans="1:9" s="5" customFormat="1" ht="27.75" customHeight="1" x14ac:dyDescent="0.4">
      <c r="A1471" s="13" t="s">
        <v>2713</v>
      </c>
      <c r="B1471" s="9" t="s">
        <v>2931</v>
      </c>
      <c r="C1471" s="9" t="s">
        <v>2932</v>
      </c>
      <c r="D1471" s="18">
        <v>1462290534</v>
      </c>
      <c r="E1471" s="11">
        <v>47603</v>
      </c>
      <c r="F1471" s="9" t="s">
        <v>40</v>
      </c>
      <c r="G1471" s="12">
        <v>1469</v>
      </c>
      <c r="H1471" s="12">
        <f t="shared" si="44"/>
        <v>17</v>
      </c>
      <c r="I1471" s="12">
        <f t="shared" si="45"/>
        <v>17</v>
      </c>
    </row>
    <row r="1472" spans="1:9" s="5" customFormat="1" ht="27.75" customHeight="1" x14ac:dyDescent="0.4">
      <c r="A1472" s="9" t="s">
        <v>2713</v>
      </c>
      <c r="B1472" s="9" t="s">
        <v>2933</v>
      </c>
      <c r="C1472" s="9" t="s">
        <v>2934</v>
      </c>
      <c r="D1472" s="18">
        <v>1462290062</v>
      </c>
      <c r="E1472" s="11">
        <v>46387</v>
      </c>
      <c r="F1472" s="9" t="s">
        <v>40</v>
      </c>
      <c r="G1472" s="5">
        <v>1470</v>
      </c>
      <c r="H1472" s="12">
        <f t="shared" si="44"/>
        <v>12</v>
      </c>
      <c r="I1472" s="12">
        <f t="shared" si="45"/>
        <v>13</v>
      </c>
    </row>
    <row r="1473" spans="1:9" s="5" customFormat="1" ht="27.75" customHeight="1" x14ac:dyDescent="0.4">
      <c r="A1473" s="13" t="s">
        <v>2713</v>
      </c>
      <c r="B1473" s="9" t="s">
        <v>2935</v>
      </c>
      <c r="C1473" s="9" t="s">
        <v>2936</v>
      </c>
      <c r="D1473" s="18">
        <v>1462290997</v>
      </c>
      <c r="E1473" s="11">
        <v>47330</v>
      </c>
      <c r="F1473" s="9" t="s">
        <v>40</v>
      </c>
      <c r="G1473" s="12">
        <v>1471</v>
      </c>
      <c r="H1473" s="12">
        <f t="shared" si="44"/>
        <v>16</v>
      </c>
      <c r="I1473" s="12">
        <f t="shared" si="45"/>
        <v>16</v>
      </c>
    </row>
    <row r="1474" spans="1:9" s="5" customFormat="1" ht="27.75" customHeight="1" x14ac:dyDescent="0.4">
      <c r="A1474" s="13" t="s">
        <v>2713</v>
      </c>
      <c r="B1474" s="9" t="s">
        <v>2937</v>
      </c>
      <c r="C1474" s="9" t="s">
        <v>2938</v>
      </c>
      <c r="D1474" s="18">
        <v>1462290880</v>
      </c>
      <c r="E1474" s="11">
        <v>46812</v>
      </c>
      <c r="F1474" s="9" t="s">
        <v>40</v>
      </c>
      <c r="G1474" s="5">
        <v>1472</v>
      </c>
      <c r="H1474" s="12">
        <f t="shared" si="44"/>
        <v>15</v>
      </c>
      <c r="I1474" s="12">
        <f t="shared" si="45"/>
        <v>12</v>
      </c>
    </row>
    <row r="1475" spans="1:9" s="5" customFormat="1" ht="27.75" customHeight="1" x14ac:dyDescent="0.4">
      <c r="A1475" s="13" t="s">
        <v>2713</v>
      </c>
      <c r="B1475" s="9" t="s">
        <v>2939</v>
      </c>
      <c r="C1475" s="9" t="s">
        <v>2940</v>
      </c>
      <c r="D1475" s="18">
        <v>1462190270</v>
      </c>
      <c r="E1475" s="11">
        <v>47695</v>
      </c>
      <c r="F1475" s="9" t="s">
        <v>40</v>
      </c>
      <c r="G1475" s="12">
        <v>1473</v>
      </c>
      <c r="H1475" s="12">
        <f t="shared" si="44"/>
        <v>21</v>
      </c>
      <c r="I1475" s="12">
        <f t="shared" si="45"/>
        <v>13</v>
      </c>
    </row>
    <row r="1476" spans="1:9" s="5" customFormat="1" ht="27.75" customHeight="1" x14ac:dyDescent="0.4">
      <c r="A1476" s="13" t="s">
        <v>2713</v>
      </c>
      <c r="B1476" s="9" t="s">
        <v>2941</v>
      </c>
      <c r="C1476" s="9" t="s">
        <v>2942</v>
      </c>
      <c r="D1476" s="18">
        <v>1462290450</v>
      </c>
      <c r="E1476" s="11">
        <v>47269</v>
      </c>
      <c r="F1476" s="9" t="s">
        <v>40</v>
      </c>
      <c r="G1476" s="5">
        <v>1474</v>
      </c>
      <c r="H1476" s="12">
        <f t="shared" ref="H1476:H1539" si="46">LEN(C1476)</f>
        <v>12</v>
      </c>
      <c r="I1476" s="12">
        <f t="shared" ref="I1476:I1539" si="47">LEN(B1476)</f>
        <v>24</v>
      </c>
    </row>
    <row r="1477" spans="1:9" s="5" customFormat="1" ht="27.75" customHeight="1" x14ac:dyDescent="0.4">
      <c r="A1477" s="9" t="s">
        <v>2713</v>
      </c>
      <c r="B1477" s="9" t="s">
        <v>2943</v>
      </c>
      <c r="C1477" s="9" t="s">
        <v>2944</v>
      </c>
      <c r="D1477" s="18">
        <v>1462291201</v>
      </c>
      <c r="E1477" s="11">
        <v>48304</v>
      </c>
      <c r="F1477" s="9" t="s">
        <v>40</v>
      </c>
      <c r="G1477" s="12">
        <v>1475</v>
      </c>
      <c r="H1477" s="12">
        <f t="shared" si="46"/>
        <v>28</v>
      </c>
      <c r="I1477" s="12">
        <f t="shared" si="47"/>
        <v>14</v>
      </c>
    </row>
    <row r="1478" spans="1:9" s="5" customFormat="1" ht="27.75" customHeight="1" x14ac:dyDescent="0.4">
      <c r="A1478" s="9" t="s">
        <v>2713</v>
      </c>
      <c r="B1478" s="9" t="s">
        <v>2945</v>
      </c>
      <c r="C1478" s="9" t="s">
        <v>2946</v>
      </c>
      <c r="D1478" s="18">
        <v>1462290526</v>
      </c>
      <c r="E1478" s="11">
        <v>47603</v>
      </c>
      <c r="F1478" s="9" t="s">
        <v>40</v>
      </c>
      <c r="G1478" s="5">
        <v>1476</v>
      </c>
      <c r="H1478" s="12">
        <f t="shared" si="46"/>
        <v>23</v>
      </c>
      <c r="I1478" s="12">
        <f t="shared" si="47"/>
        <v>17</v>
      </c>
    </row>
    <row r="1479" spans="1:9" s="5" customFormat="1" ht="27.75" customHeight="1" x14ac:dyDescent="0.4">
      <c r="A1479" s="9" t="s">
        <v>2713</v>
      </c>
      <c r="B1479" s="9" t="s">
        <v>2947</v>
      </c>
      <c r="C1479" s="9" t="s">
        <v>2948</v>
      </c>
      <c r="D1479" s="18">
        <v>1462290922</v>
      </c>
      <c r="E1479" s="11">
        <v>47087</v>
      </c>
      <c r="F1479" s="9" t="s">
        <v>40</v>
      </c>
      <c r="G1479" s="12">
        <v>1477</v>
      </c>
      <c r="H1479" s="12">
        <f t="shared" si="46"/>
        <v>12</v>
      </c>
      <c r="I1479" s="12">
        <f t="shared" si="47"/>
        <v>23</v>
      </c>
    </row>
    <row r="1480" spans="1:9" s="5" customFormat="1" ht="27.75" customHeight="1" x14ac:dyDescent="0.4">
      <c r="A1480" s="13" t="s">
        <v>2713</v>
      </c>
      <c r="B1480" s="9" t="s">
        <v>2949</v>
      </c>
      <c r="C1480" s="9" t="s">
        <v>2950</v>
      </c>
      <c r="D1480" s="18">
        <v>1462290419</v>
      </c>
      <c r="E1480" s="11">
        <v>47695</v>
      </c>
      <c r="F1480" s="9" t="s">
        <v>40</v>
      </c>
      <c r="G1480" s="5">
        <v>1478</v>
      </c>
      <c r="H1480" s="12">
        <f t="shared" si="46"/>
        <v>21</v>
      </c>
      <c r="I1480" s="12">
        <f t="shared" si="47"/>
        <v>17</v>
      </c>
    </row>
    <row r="1481" spans="1:9" s="5" customFormat="1" ht="27.75" customHeight="1" x14ac:dyDescent="0.4">
      <c r="A1481" s="13" t="s">
        <v>2713</v>
      </c>
      <c r="B1481" s="9" t="s">
        <v>2951</v>
      </c>
      <c r="C1481" s="9" t="s">
        <v>2952</v>
      </c>
      <c r="D1481" s="18">
        <v>1462290807</v>
      </c>
      <c r="E1481" s="11">
        <v>46326</v>
      </c>
      <c r="F1481" s="9" t="s">
        <v>40</v>
      </c>
      <c r="G1481" s="12">
        <v>1479</v>
      </c>
      <c r="H1481" s="12">
        <f t="shared" si="46"/>
        <v>12</v>
      </c>
      <c r="I1481" s="12">
        <f t="shared" si="47"/>
        <v>18</v>
      </c>
    </row>
    <row r="1482" spans="1:9" s="5" customFormat="1" ht="27.75" customHeight="1" x14ac:dyDescent="0.4">
      <c r="A1482" s="13" t="s">
        <v>2713</v>
      </c>
      <c r="B1482" s="9" t="s">
        <v>2953</v>
      </c>
      <c r="C1482" s="9" t="s">
        <v>2954</v>
      </c>
      <c r="D1482" s="18">
        <v>1462291029</v>
      </c>
      <c r="E1482" s="11">
        <v>47391</v>
      </c>
      <c r="F1482" s="9" t="s">
        <v>40</v>
      </c>
      <c r="G1482" s="5">
        <v>1480</v>
      </c>
      <c r="H1482" s="12">
        <f t="shared" si="46"/>
        <v>28</v>
      </c>
      <c r="I1482" s="12">
        <f t="shared" si="47"/>
        <v>16</v>
      </c>
    </row>
    <row r="1483" spans="1:9" s="5" customFormat="1" ht="27.75" customHeight="1" x14ac:dyDescent="0.4">
      <c r="A1483" s="13" t="s">
        <v>2713</v>
      </c>
      <c r="B1483" s="9" t="s">
        <v>2955</v>
      </c>
      <c r="C1483" s="9" t="s">
        <v>2956</v>
      </c>
      <c r="D1483" s="18">
        <v>1462290625</v>
      </c>
      <c r="E1483" s="11">
        <v>48121</v>
      </c>
      <c r="F1483" s="9" t="s">
        <v>40</v>
      </c>
      <c r="G1483" s="12">
        <v>1481</v>
      </c>
      <c r="H1483" s="12">
        <f t="shared" si="46"/>
        <v>11</v>
      </c>
      <c r="I1483" s="12">
        <f t="shared" si="47"/>
        <v>17</v>
      </c>
    </row>
    <row r="1484" spans="1:9" s="5" customFormat="1" ht="27.75" customHeight="1" x14ac:dyDescent="0.4">
      <c r="A1484" s="17" t="s">
        <v>2713</v>
      </c>
      <c r="B1484" s="9" t="s">
        <v>2957</v>
      </c>
      <c r="C1484" s="9" t="s">
        <v>2958</v>
      </c>
      <c r="D1484" s="18">
        <v>1462291078</v>
      </c>
      <c r="E1484" s="11">
        <v>47695</v>
      </c>
      <c r="F1484" s="9" t="s">
        <v>40</v>
      </c>
      <c r="G1484" s="5">
        <v>1482</v>
      </c>
      <c r="H1484" s="12">
        <f t="shared" si="46"/>
        <v>21</v>
      </c>
      <c r="I1484" s="12">
        <f t="shared" si="47"/>
        <v>16</v>
      </c>
    </row>
    <row r="1485" spans="1:9" s="5" customFormat="1" ht="27.75" customHeight="1" x14ac:dyDescent="0.4">
      <c r="A1485" s="13" t="s">
        <v>2713</v>
      </c>
      <c r="B1485" s="9" t="s">
        <v>2959</v>
      </c>
      <c r="C1485" s="9" t="s">
        <v>2960</v>
      </c>
      <c r="D1485" s="18">
        <v>1462290500</v>
      </c>
      <c r="E1485" s="11">
        <v>47452</v>
      </c>
      <c r="F1485" s="9" t="s">
        <v>40</v>
      </c>
      <c r="G1485" s="12">
        <v>1483</v>
      </c>
      <c r="H1485" s="12">
        <f t="shared" si="46"/>
        <v>10</v>
      </c>
      <c r="I1485" s="12">
        <f t="shared" si="47"/>
        <v>16</v>
      </c>
    </row>
    <row r="1486" spans="1:9" s="5" customFormat="1" ht="27.75" customHeight="1" x14ac:dyDescent="0.4">
      <c r="A1486" s="9" t="s">
        <v>2713</v>
      </c>
      <c r="B1486" s="13" t="s">
        <v>2961</v>
      </c>
      <c r="C1486" s="13" t="s">
        <v>2962</v>
      </c>
      <c r="D1486" s="18">
        <v>1462290708</v>
      </c>
      <c r="E1486" s="11">
        <v>46295</v>
      </c>
      <c r="F1486" s="9" t="s">
        <v>40</v>
      </c>
      <c r="G1486" s="5">
        <v>1484</v>
      </c>
      <c r="H1486" s="12">
        <f t="shared" si="46"/>
        <v>22</v>
      </c>
      <c r="I1486" s="12">
        <f t="shared" si="47"/>
        <v>19</v>
      </c>
    </row>
    <row r="1487" spans="1:9" s="5" customFormat="1" ht="27.75" customHeight="1" x14ac:dyDescent="0.4">
      <c r="A1487" s="9" t="s">
        <v>2713</v>
      </c>
      <c r="B1487" s="9" t="s">
        <v>2963</v>
      </c>
      <c r="C1487" s="9" t="s">
        <v>2964</v>
      </c>
      <c r="D1487" s="18">
        <v>1462290914</v>
      </c>
      <c r="E1487" s="11">
        <v>47361</v>
      </c>
      <c r="F1487" s="9" t="s">
        <v>40</v>
      </c>
      <c r="G1487" s="12">
        <v>1485</v>
      </c>
      <c r="H1487" s="12">
        <f t="shared" si="46"/>
        <v>26</v>
      </c>
      <c r="I1487" s="12">
        <f t="shared" si="47"/>
        <v>14</v>
      </c>
    </row>
    <row r="1488" spans="1:9" s="5" customFormat="1" ht="27.75" customHeight="1" x14ac:dyDescent="0.4">
      <c r="A1488" s="13" t="s">
        <v>2713</v>
      </c>
      <c r="B1488" s="16" t="s">
        <v>2965</v>
      </c>
      <c r="C1488" s="16" t="s">
        <v>2966</v>
      </c>
      <c r="D1488" s="26">
        <v>1462291011</v>
      </c>
      <c r="E1488" s="11">
        <v>47391</v>
      </c>
      <c r="F1488" s="9" t="s">
        <v>40</v>
      </c>
      <c r="G1488" s="5">
        <v>1486</v>
      </c>
      <c r="H1488" s="12">
        <f t="shared" si="46"/>
        <v>26</v>
      </c>
      <c r="I1488" s="12">
        <f t="shared" si="47"/>
        <v>14</v>
      </c>
    </row>
    <row r="1489" spans="1:35" s="5" customFormat="1" ht="27.75" customHeight="1" x14ac:dyDescent="0.4">
      <c r="A1489" s="9" t="s">
        <v>2713</v>
      </c>
      <c r="B1489" s="9" t="s">
        <v>2967</v>
      </c>
      <c r="C1489" s="49" t="s">
        <v>2968</v>
      </c>
      <c r="D1489" s="18">
        <v>1462290633</v>
      </c>
      <c r="E1489" s="11">
        <v>48091</v>
      </c>
      <c r="F1489" s="9" t="s">
        <v>40</v>
      </c>
      <c r="G1489" s="12">
        <v>1487</v>
      </c>
      <c r="H1489" s="12">
        <f t="shared" si="46"/>
        <v>32</v>
      </c>
      <c r="I1489" s="12">
        <f t="shared" si="47"/>
        <v>15</v>
      </c>
    </row>
    <row r="1490" spans="1:35" s="5" customFormat="1" ht="27.75" customHeight="1" x14ac:dyDescent="0.4">
      <c r="A1490" s="13" t="s">
        <v>2713</v>
      </c>
      <c r="B1490" s="9" t="s">
        <v>2969</v>
      </c>
      <c r="C1490" s="9" t="s">
        <v>2970</v>
      </c>
      <c r="D1490" s="18">
        <v>1462290468</v>
      </c>
      <c r="E1490" s="11">
        <v>47177</v>
      </c>
      <c r="F1490" s="9" t="s">
        <v>40</v>
      </c>
      <c r="G1490" s="5">
        <v>1488</v>
      </c>
      <c r="H1490" s="12">
        <f t="shared" si="46"/>
        <v>21</v>
      </c>
      <c r="I1490" s="12">
        <f t="shared" si="47"/>
        <v>12</v>
      </c>
    </row>
    <row r="1491" spans="1:35" s="5" customFormat="1" ht="27.75" customHeight="1" x14ac:dyDescent="0.4">
      <c r="A1491" s="9" t="s">
        <v>2713</v>
      </c>
      <c r="B1491" s="13" t="s">
        <v>2971</v>
      </c>
      <c r="C1491" s="13" t="s">
        <v>2972</v>
      </c>
      <c r="D1491" s="18">
        <v>1462291045</v>
      </c>
      <c r="E1491" s="11">
        <v>47452</v>
      </c>
      <c r="F1491" s="9" t="s">
        <v>40</v>
      </c>
      <c r="G1491" s="12">
        <v>1489</v>
      </c>
      <c r="H1491" s="12">
        <f t="shared" si="46"/>
        <v>16</v>
      </c>
      <c r="I1491" s="12">
        <f t="shared" si="47"/>
        <v>15</v>
      </c>
    </row>
    <row r="1492" spans="1:35" s="5" customFormat="1" ht="27.75" customHeight="1" x14ac:dyDescent="0.4">
      <c r="A1492" s="13" t="s">
        <v>2713</v>
      </c>
      <c r="B1492" s="9" t="s">
        <v>2973</v>
      </c>
      <c r="C1492" s="9" t="s">
        <v>2974</v>
      </c>
      <c r="D1492" s="18">
        <v>1462290294</v>
      </c>
      <c r="E1492" s="11">
        <v>46387</v>
      </c>
      <c r="F1492" s="9" t="s">
        <v>40</v>
      </c>
      <c r="G1492" s="5">
        <v>1490</v>
      </c>
      <c r="H1492" s="12">
        <f t="shared" si="46"/>
        <v>11</v>
      </c>
      <c r="I1492" s="12">
        <f t="shared" si="47"/>
        <v>28</v>
      </c>
    </row>
    <row r="1493" spans="1:35" s="5" customFormat="1" ht="27.75" customHeight="1" x14ac:dyDescent="0.4">
      <c r="A1493" s="9" t="s">
        <v>2713</v>
      </c>
      <c r="B1493" s="9" t="s">
        <v>2975</v>
      </c>
      <c r="C1493" s="9" t="s">
        <v>1095</v>
      </c>
      <c r="D1493" s="18">
        <v>1462290815</v>
      </c>
      <c r="E1493" s="11">
        <v>46630</v>
      </c>
      <c r="F1493" s="9" t="s">
        <v>40</v>
      </c>
      <c r="G1493" s="12">
        <v>1491</v>
      </c>
      <c r="H1493" s="12">
        <f t="shared" si="46"/>
        <v>14</v>
      </c>
      <c r="I1493" s="12">
        <f t="shared" si="47"/>
        <v>15</v>
      </c>
    </row>
    <row r="1494" spans="1:35" s="5" customFormat="1" ht="27.75" customHeight="1" x14ac:dyDescent="0.4">
      <c r="A1494" s="9" t="s">
        <v>2713</v>
      </c>
      <c r="B1494" s="16" t="s">
        <v>2976</v>
      </c>
      <c r="C1494" s="16" t="s">
        <v>1097</v>
      </c>
      <c r="D1494" s="10">
        <v>1462290039</v>
      </c>
      <c r="E1494" s="11">
        <v>46387</v>
      </c>
      <c r="F1494" s="9" t="s">
        <v>40</v>
      </c>
      <c r="G1494" s="5">
        <v>1492</v>
      </c>
      <c r="H1494" s="12">
        <f t="shared" si="46"/>
        <v>11</v>
      </c>
      <c r="I1494" s="12">
        <f t="shared" si="47"/>
        <v>22</v>
      </c>
    </row>
    <row r="1495" spans="1:35" s="5" customFormat="1" ht="27.75" customHeight="1" x14ac:dyDescent="0.4">
      <c r="A1495" s="9" t="s">
        <v>2713</v>
      </c>
      <c r="B1495" s="9" t="s">
        <v>2977</v>
      </c>
      <c r="C1495" s="9" t="s">
        <v>2978</v>
      </c>
      <c r="D1495" s="18">
        <v>1462290559</v>
      </c>
      <c r="E1495" s="11">
        <v>47664</v>
      </c>
      <c r="F1495" s="9" t="s">
        <v>40</v>
      </c>
      <c r="G1495" s="12">
        <v>1493</v>
      </c>
      <c r="H1495" s="12">
        <f t="shared" si="46"/>
        <v>9</v>
      </c>
      <c r="I1495" s="12">
        <f t="shared" si="47"/>
        <v>9</v>
      </c>
    </row>
    <row r="1496" spans="1:35" s="5" customFormat="1" ht="27.75" customHeight="1" x14ac:dyDescent="0.4">
      <c r="A1496" s="9" t="s">
        <v>2713</v>
      </c>
      <c r="B1496" s="9" t="s">
        <v>2979</v>
      </c>
      <c r="C1496" s="9" t="s">
        <v>2980</v>
      </c>
      <c r="D1496" s="18">
        <v>1462291169</v>
      </c>
      <c r="E1496" s="11">
        <v>48091</v>
      </c>
      <c r="F1496" s="9" t="s">
        <v>40</v>
      </c>
      <c r="G1496" s="5">
        <v>1494</v>
      </c>
      <c r="H1496" s="12">
        <f t="shared" si="46"/>
        <v>25</v>
      </c>
      <c r="I1496" s="12">
        <f t="shared" si="47"/>
        <v>8</v>
      </c>
    </row>
    <row r="1497" spans="1:35" s="5" customFormat="1" ht="27.75" customHeight="1" x14ac:dyDescent="0.4">
      <c r="A1497" s="9" t="s">
        <v>2713</v>
      </c>
      <c r="B1497" s="9" t="s">
        <v>2981</v>
      </c>
      <c r="C1497" s="9" t="s">
        <v>2982</v>
      </c>
      <c r="D1497" s="18">
        <v>1462291037</v>
      </c>
      <c r="E1497" s="11">
        <v>47452</v>
      </c>
      <c r="F1497" s="9" t="s">
        <v>40</v>
      </c>
      <c r="G1497" s="12">
        <v>1495</v>
      </c>
      <c r="H1497" s="12">
        <f t="shared" si="46"/>
        <v>19</v>
      </c>
      <c r="I1497" s="12">
        <f t="shared" si="47"/>
        <v>17</v>
      </c>
    </row>
    <row r="1498" spans="1:35" s="5" customFormat="1" ht="27.75" customHeight="1" x14ac:dyDescent="0.4">
      <c r="A1498" s="13" t="s">
        <v>2713</v>
      </c>
      <c r="B1498" s="13" t="s">
        <v>2983</v>
      </c>
      <c r="C1498" s="13" t="s">
        <v>2984</v>
      </c>
      <c r="D1498" s="26">
        <v>1462290955</v>
      </c>
      <c r="E1498" s="11">
        <v>47269</v>
      </c>
      <c r="F1498" s="9" t="s">
        <v>40</v>
      </c>
      <c r="G1498" s="5">
        <v>1496</v>
      </c>
      <c r="H1498" s="12">
        <f t="shared" si="46"/>
        <v>24</v>
      </c>
      <c r="I1498" s="12">
        <f t="shared" si="47"/>
        <v>17</v>
      </c>
    </row>
    <row r="1499" spans="1:35" s="5" customFormat="1" ht="27.75" customHeight="1" x14ac:dyDescent="0.4">
      <c r="A1499" s="9" t="s">
        <v>2713</v>
      </c>
      <c r="B1499" s="9" t="s">
        <v>2985</v>
      </c>
      <c r="C1499" s="9" t="s">
        <v>2986</v>
      </c>
      <c r="D1499" s="23">
        <v>1462290336</v>
      </c>
      <c r="E1499" s="11">
        <v>46387</v>
      </c>
      <c r="F1499" s="9" t="s">
        <v>40</v>
      </c>
      <c r="G1499" s="12">
        <v>1497</v>
      </c>
      <c r="H1499" s="12">
        <f t="shared" si="46"/>
        <v>12</v>
      </c>
      <c r="I1499" s="12">
        <f t="shared" si="47"/>
        <v>24</v>
      </c>
    </row>
    <row r="1500" spans="1:35" s="5" customFormat="1" ht="27.75" customHeight="1" x14ac:dyDescent="0.4">
      <c r="A1500" s="9" t="s">
        <v>2713</v>
      </c>
      <c r="B1500" s="9" t="s">
        <v>2987</v>
      </c>
      <c r="C1500" s="9" t="s">
        <v>2988</v>
      </c>
      <c r="D1500" s="18">
        <v>1462290864</v>
      </c>
      <c r="E1500" s="11">
        <v>46691</v>
      </c>
      <c r="F1500" s="9" t="s">
        <v>40</v>
      </c>
      <c r="G1500" s="5">
        <v>1498</v>
      </c>
      <c r="H1500" s="12">
        <f t="shared" si="46"/>
        <v>25</v>
      </c>
      <c r="I1500" s="12">
        <f t="shared" si="47"/>
        <v>14</v>
      </c>
    </row>
    <row r="1501" spans="1:35" s="5" customFormat="1" ht="27.75" customHeight="1" x14ac:dyDescent="0.4">
      <c r="A1501" s="9" t="s">
        <v>2713</v>
      </c>
      <c r="B1501" s="13" t="s">
        <v>2989</v>
      </c>
      <c r="C1501" s="13" t="s">
        <v>2990</v>
      </c>
      <c r="D1501" s="18">
        <v>1462290112</v>
      </c>
      <c r="E1501" s="11">
        <v>46387</v>
      </c>
      <c r="F1501" s="9" t="s">
        <v>40</v>
      </c>
      <c r="G1501" s="12">
        <v>1499</v>
      </c>
      <c r="H1501" s="12">
        <f t="shared" si="46"/>
        <v>15</v>
      </c>
      <c r="I1501" s="12">
        <f t="shared" si="47"/>
        <v>23</v>
      </c>
    </row>
    <row r="1502" spans="1:35" s="5" customFormat="1" ht="27.75" customHeight="1" x14ac:dyDescent="0.4">
      <c r="A1502" s="9" t="s">
        <v>2713</v>
      </c>
      <c r="B1502" s="9" t="s">
        <v>2991</v>
      </c>
      <c r="C1502" s="9" t="s">
        <v>2992</v>
      </c>
      <c r="D1502" s="18">
        <v>1462291094</v>
      </c>
      <c r="E1502" s="11">
        <v>47756</v>
      </c>
      <c r="F1502" s="9" t="s">
        <v>40</v>
      </c>
      <c r="G1502" s="5">
        <v>1500</v>
      </c>
      <c r="H1502" s="12">
        <f t="shared" si="46"/>
        <v>14</v>
      </c>
      <c r="I1502" s="12">
        <f t="shared" si="47"/>
        <v>15</v>
      </c>
    </row>
    <row r="1503" spans="1:35" s="5" customFormat="1" ht="27.75" customHeight="1" x14ac:dyDescent="0.4">
      <c r="A1503" s="29" t="s">
        <v>2713</v>
      </c>
      <c r="B1503" s="22" t="s">
        <v>2993</v>
      </c>
      <c r="C1503" s="22" t="s">
        <v>2994</v>
      </c>
      <c r="D1503" s="10">
        <v>1462290310</v>
      </c>
      <c r="E1503" s="11">
        <v>46387</v>
      </c>
      <c r="F1503" s="9" t="s">
        <v>40</v>
      </c>
      <c r="G1503" s="12">
        <v>1501</v>
      </c>
      <c r="H1503" s="12">
        <f t="shared" si="46"/>
        <v>12</v>
      </c>
      <c r="I1503" s="12">
        <f t="shared" si="47"/>
        <v>22</v>
      </c>
    </row>
    <row r="1504" spans="1:35" s="5" customFormat="1" ht="27.75" customHeight="1" x14ac:dyDescent="0.4">
      <c r="A1504" s="9" t="s">
        <v>2713</v>
      </c>
      <c r="B1504" s="9" t="s">
        <v>2995</v>
      </c>
      <c r="C1504" s="9" t="s">
        <v>2996</v>
      </c>
      <c r="D1504" s="18">
        <v>1462291136</v>
      </c>
      <c r="E1504" s="11">
        <v>48334</v>
      </c>
      <c r="F1504" s="9" t="s">
        <v>40</v>
      </c>
      <c r="G1504" s="5">
        <v>1502</v>
      </c>
      <c r="H1504" s="12">
        <f t="shared" si="46"/>
        <v>14</v>
      </c>
      <c r="I1504" s="12">
        <f t="shared" si="47"/>
        <v>16</v>
      </c>
      <c r="J1504" s="12"/>
      <c r="K1504" s="12"/>
      <c r="L1504" s="12"/>
      <c r="M1504" s="12"/>
      <c r="N1504" s="12"/>
      <c r="O1504" s="12"/>
      <c r="P1504" s="12"/>
      <c r="Q1504" s="12"/>
      <c r="R1504" s="12"/>
      <c r="S1504" s="12"/>
      <c r="T1504" s="12"/>
      <c r="U1504" s="12"/>
      <c r="V1504" s="12"/>
      <c r="W1504" s="12"/>
      <c r="X1504" s="12"/>
      <c r="Y1504" s="12"/>
      <c r="Z1504" s="12"/>
      <c r="AA1504" s="12"/>
      <c r="AB1504" s="12"/>
      <c r="AC1504" s="12"/>
      <c r="AD1504" s="12"/>
      <c r="AE1504" s="12"/>
      <c r="AF1504" s="12"/>
      <c r="AG1504" s="12"/>
      <c r="AH1504" s="12"/>
      <c r="AI1504" s="12"/>
    </row>
    <row r="1505" spans="1:35" s="5" customFormat="1" ht="27.75" customHeight="1" x14ac:dyDescent="0.4">
      <c r="A1505" s="13" t="s">
        <v>2713</v>
      </c>
      <c r="B1505" s="9" t="s">
        <v>2997</v>
      </c>
      <c r="C1505" s="9" t="s">
        <v>2998</v>
      </c>
      <c r="D1505" s="18">
        <v>1462290609</v>
      </c>
      <c r="E1505" s="11">
        <v>47879</v>
      </c>
      <c r="F1505" s="9" t="s">
        <v>40</v>
      </c>
      <c r="G1505" s="12">
        <v>1503</v>
      </c>
      <c r="H1505" s="12">
        <f t="shared" si="46"/>
        <v>27</v>
      </c>
      <c r="I1505" s="12">
        <f t="shared" si="47"/>
        <v>15</v>
      </c>
      <c r="J1505" s="12"/>
      <c r="K1505" s="12"/>
      <c r="L1505" s="12"/>
      <c r="M1505" s="12"/>
      <c r="N1505" s="12"/>
      <c r="O1505" s="12"/>
      <c r="P1505" s="12"/>
      <c r="Q1505" s="12"/>
      <c r="R1505" s="12"/>
      <c r="S1505" s="12"/>
      <c r="T1505" s="12"/>
      <c r="U1505" s="12"/>
      <c r="V1505" s="12"/>
      <c r="W1505" s="12"/>
      <c r="X1505" s="12"/>
      <c r="Y1505" s="12"/>
      <c r="Z1505" s="12"/>
      <c r="AA1505" s="12"/>
      <c r="AB1505" s="12"/>
      <c r="AC1505" s="12"/>
      <c r="AD1505" s="12"/>
      <c r="AE1505" s="12"/>
      <c r="AF1505" s="12"/>
      <c r="AG1505" s="12"/>
      <c r="AH1505" s="12"/>
      <c r="AI1505" s="12"/>
    </row>
    <row r="1506" spans="1:35" s="5" customFormat="1" ht="27.75" customHeight="1" x14ac:dyDescent="0.4">
      <c r="A1506" s="9" t="s">
        <v>2713</v>
      </c>
      <c r="B1506" s="15" t="s">
        <v>2999</v>
      </c>
      <c r="C1506" s="15" t="s">
        <v>3000</v>
      </c>
      <c r="D1506" s="21">
        <v>1462290393</v>
      </c>
      <c r="E1506" s="11">
        <v>46507</v>
      </c>
      <c r="F1506" s="9" t="s">
        <v>40</v>
      </c>
      <c r="G1506" s="5">
        <v>1504</v>
      </c>
      <c r="H1506" s="12">
        <f t="shared" si="46"/>
        <v>8</v>
      </c>
      <c r="I1506" s="12">
        <f t="shared" si="47"/>
        <v>21</v>
      </c>
    </row>
    <row r="1507" spans="1:35" s="5" customFormat="1" ht="27.75" customHeight="1" x14ac:dyDescent="0.4">
      <c r="A1507" s="9" t="s">
        <v>2713</v>
      </c>
      <c r="B1507" s="9" t="s">
        <v>3001</v>
      </c>
      <c r="C1507" s="9" t="s">
        <v>3002</v>
      </c>
      <c r="D1507" s="18">
        <v>1462290203</v>
      </c>
      <c r="E1507" s="11">
        <v>46387</v>
      </c>
      <c r="F1507" s="9" t="s">
        <v>40</v>
      </c>
      <c r="G1507" s="12">
        <v>1505</v>
      </c>
      <c r="H1507" s="12">
        <f t="shared" si="46"/>
        <v>12</v>
      </c>
      <c r="I1507" s="12">
        <f t="shared" si="47"/>
        <v>13</v>
      </c>
    </row>
    <row r="1508" spans="1:35" s="5" customFormat="1" ht="27.75" customHeight="1" x14ac:dyDescent="0.4">
      <c r="A1508" s="13" t="s">
        <v>2713</v>
      </c>
      <c r="B1508" s="9" t="s">
        <v>3003</v>
      </c>
      <c r="C1508" s="9" t="s">
        <v>3004</v>
      </c>
      <c r="D1508" s="18">
        <v>1462290021</v>
      </c>
      <c r="E1508" s="11">
        <v>46387</v>
      </c>
      <c r="F1508" s="9" t="s">
        <v>40</v>
      </c>
      <c r="G1508" s="5">
        <v>1506</v>
      </c>
      <c r="H1508" s="12">
        <f t="shared" si="46"/>
        <v>18</v>
      </c>
      <c r="I1508" s="12">
        <f t="shared" si="47"/>
        <v>29</v>
      </c>
    </row>
    <row r="1509" spans="1:35" s="5" customFormat="1" ht="27.75" customHeight="1" x14ac:dyDescent="0.4">
      <c r="A1509" s="9" t="s">
        <v>2713</v>
      </c>
      <c r="B1509" s="9" t="s">
        <v>3005</v>
      </c>
      <c r="C1509" s="9" t="s">
        <v>3006</v>
      </c>
      <c r="D1509" s="18">
        <v>1462290930</v>
      </c>
      <c r="E1509" s="11">
        <v>47208</v>
      </c>
      <c r="F1509" s="9" t="s">
        <v>40</v>
      </c>
      <c r="G1509" s="12">
        <v>1507</v>
      </c>
      <c r="H1509" s="12">
        <f t="shared" si="46"/>
        <v>13</v>
      </c>
      <c r="I1509" s="12">
        <f t="shared" si="47"/>
        <v>17</v>
      </c>
    </row>
    <row r="1510" spans="1:35" s="5" customFormat="1" ht="27.75" customHeight="1" x14ac:dyDescent="0.4">
      <c r="A1510" s="13" t="s">
        <v>2713</v>
      </c>
      <c r="B1510" s="9" t="s">
        <v>3007</v>
      </c>
      <c r="C1510" s="9" t="s">
        <v>3008</v>
      </c>
      <c r="D1510" s="18">
        <v>1462290765</v>
      </c>
      <c r="E1510" s="11">
        <v>48487</v>
      </c>
      <c r="F1510" s="9" t="s">
        <v>40</v>
      </c>
      <c r="G1510" s="5">
        <v>1508</v>
      </c>
      <c r="H1510" s="12">
        <f t="shared" si="46"/>
        <v>19</v>
      </c>
      <c r="I1510" s="12">
        <f t="shared" si="47"/>
        <v>15</v>
      </c>
    </row>
    <row r="1511" spans="1:35" s="5" customFormat="1" ht="27.75" customHeight="1" x14ac:dyDescent="0.4">
      <c r="A1511" s="9" t="s">
        <v>2713</v>
      </c>
      <c r="B1511" s="9" t="s">
        <v>3009</v>
      </c>
      <c r="C1511" s="9" t="s">
        <v>3010</v>
      </c>
      <c r="D1511" s="18">
        <v>1462290799</v>
      </c>
      <c r="E1511" s="11">
        <v>46356</v>
      </c>
      <c r="F1511" s="9" t="s">
        <v>40</v>
      </c>
      <c r="G1511" s="12">
        <v>1509</v>
      </c>
      <c r="H1511" s="12">
        <f t="shared" si="46"/>
        <v>12</v>
      </c>
      <c r="I1511" s="12">
        <f t="shared" si="47"/>
        <v>15</v>
      </c>
    </row>
    <row r="1512" spans="1:35" s="5" customFormat="1" ht="27.75" customHeight="1" x14ac:dyDescent="0.4">
      <c r="A1512" s="9" t="s">
        <v>2713</v>
      </c>
      <c r="B1512" s="9" t="s">
        <v>3011</v>
      </c>
      <c r="C1512" s="9" t="s">
        <v>3012</v>
      </c>
      <c r="D1512" s="18">
        <v>1462290658</v>
      </c>
      <c r="E1512" s="11">
        <v>48152</v>
      </c>
      <c r="F1512" s="9" t="s">
        <v>40</v>
      </c>
      <c r="G1512" s="5">
        <v>1510</v>
      </c>
      <c r="H1512" s="12">
        <f t="shared" si="46"/>
        <v>11</v>
      </c>
      <c r="I1512" s="12">
        <f t="shared" si="47"/>
        <v>13</v>
      </c>
    </row>
    <row r="1513" spans="1:35" s="5" customFormat="1" ht="27.75" customHeight="1" x14ac:dyDescent="0.4">
      <c r="A1513" s="13" t="s">
        <v>2713</v>
      </c>
      <c r="B1513" s="9" t="s">
        <v>3013</v>
      </c>
      <c r="C1513" s="9" t="s">
        <v>1272</v>
      </c>
      <c r="D1513" s="18">
        <v>1462290567</v>
      </c>
      <c r="E1513" s="11">
        <v>48213</v>
      </c>
      <c r="F1513" s="9" t="s">
        <v>40</v>
      </c>
      <c r="G1513" s="12">
        <v>1511</v>
      </c>
      <c r="H1513" s="12">
        <f t="shared" si="46"/>
        <v>22</v>
      </c>
      <c r="I1513" s="12">
        <f t="shared" si="47"/>
        <v>20</v>
      </c>
    </row>
    <row r="1514" spans="1:35" s="5" customFormat="1" ht="27.75" customHeight="1" x14ac:dyDescent="0.4">
      <c r="A1514" s="9" t="s">
        <v>2713</v>
      </c>
      <c r="B1514" s="15" t="s">
        <v>3014</v>
      </c>
      <c r="C1514" s="16" t="s">
        <v>3015</v>
      </c>
      <c r="D1514" s="10">
        <v>1462290849</v>
      </c>
      <c r="E1514" s="11">
        <v>46630</v>
      </c>
      <c r="F1514" s="9" t="s">
        <v>40</v>
      </c>
      <c r="G1514" s="5">
        <v>1512</v>
      </c>
      <c r="H1514" s="12">
        <f t="shared" si="46"/>
        <v>13</v>
      </c>
      <c r="I1514" s="12">
        <f t="shared" si="47"/>
        <v>16</v>
      </c>
    </row>
    <row r="1515" spans="1:35" s="5" customFormat="1" ht="27.75" customHeight="1" x14ac:dyDescent="0.4">
      <c r="A1515" s="9" t="s">
        <v>2713</v>
      </c>
      <c r="B1515" s="16" t="s">
        <v>3016</v>
      </c>
      <c r="C1515" s="15" t="s">
        <v>3017</v>
      </c>
      <c r="D1515" s="10">
        <v>1462290674</v>
      </c>
      <c r="E1515" s="11">
        <v>48304</v>
      </c>
      <c r="F1515" s="9" t="s">
        <v>40</v>
      </c>
      <c r="G1515" s="12">
        <v>1513</v>
      </c>
      <c r="H1515" s="12">
        <f t="shared" si="46"/>
        <v>20</v>
      </c>
      <c r="I1515" s="12">
        <f t="shared" si="47"/>
        <v>17</v>
      </c>
    </row>
    <row r="1516" spans="1:35" s="5" customFormat="1" ht="27.75" customHeight="1" x14ac:dyDescent="0.4">
      <c r="A1516" s="13" t="s">
        <v>2713</v>
      </c>
      <c r="B1516" s="13" t="s">
        <v>3018</v>
      </c>
      <c r="C1516" s="13" t="s">
        <v>3019</v>
      </c>
      <c r="D1516" s="18">
        <v>1462291003</v>
      </c>
      <c r="E1516" s="11">
        <v>47330</v>
      </c>
      <c r="F1516" s="9" t="s">
        <v>40</v>
      </c>
      <c r="G1516" s="5">
        <v>1514</v>
      </c>
      <c r="H1516" s="12">
        <f t="shared" si="46"/>
        <v>19</v>
      </c>
      <c r="I1516" s="12">
        <f t="shared" si="47"/>
        <v>20</v>
      </c>
    </row>
    <row r="1517" spans="1:35" s="5" customFormat="1" ht="27.75" customHeight="1" x14ac:dyDescent="0.4">
      <c r="A1517" s="9" t="s">
        <v>2713</v>
      </c>
      <c r="B1517" s="9" t="s">
        <v>3020</v>
      </c>
      <c r="C1517" s="9" t="s">
        <v>3021</v>
      </c>
      <c r="D1517" s="18">
        <v>1462290757</v>
      </c>
      <c r="E1517" s="11">
        <v>47057</v>
      </c>
      <c r="F1517" s="9" t="s">
        <v>40</v>
      </c>
      <c r="G1517" s="12">
        <v>1515</v>
      </c>
      <c r="H1517" s="12">
        <f t="shared" si="46"/>
        <v>29</v>
      </c>
      <c r="I1517" s="12">
        <f t="shared" si="47"/>
        <v>27</v>
      </c>
    </row>
    <row r="1518" spans="1:35" s="5" customFormat="1" ht="27.75" customHeight="1" x14ac:dyDescent="0.4">
      <c r="A1518" s="9" t="s">
        <v>2713</v>
      </c>
      <c r="B1518" s="13" t="s">
        <v>3022</v>
      </c>
      <c r="C1518" s="9" t="s">
        <v>3023</v>
      </c>
      <c r="D1518" s="18">
        <v>1462291102</v>
      </c>
      <c r="E1518" s="11">
        <v>47756</v>
      </c>
      <c r="F1518" s="9" t="s">
        <v>40</v>
      </c>
      <c r="G1518" s="5">
        <v>1516</v>
      </c>
      <c r="H1518" s="12">
        <f t="shared" si="46"/>
        <v>23</v>
      </c>
      <c r="I1518" s="12">
        <f t="shared" si="47"/>
        <v>15</v>
      </c>
    </row>
    <row r="1519" spans="1:35" s="5" customFormat="1" ht="27.75" customHeight="1" x14ac:dyDescent="0.4">
      <c r="A1519" s="9" t="s">
        <v>2713</v>
      </c>
      <c r="B1519" s="9" t="s">
        <v>3024</v>
      </c>
      <c r="C1519" s="9" t="s">
        <v>1329</v>
      </c>
      <c r="D1519" s="18">
        <v>1462290054</v>
      </c>
      <c r="E1519" s="11">
        <v>46387</v>
      </c>
      <c r="F1519" s="9" t="s">
        <v>40</v>
      </c>
      <c r="G1519" s="12">
        <v>1517</v>
      </c>
      <c r="H1519" s="12">
        <f t="shared" si="46"/>
        <v>10</v>
      </c>
      <c r="I1519" s="12">
        <f t="shared" si="47"/>
        <v>34</v>
      </c>
    </row>
    <row r="1520" spans="1:35" s="5" customFormat="1" ht="27.75" customHeight="1" x14ac:dyDescent="0.4">
      <c r="A1520" s="9" t="s">
        <v>2713</v>
      </c>
      <c r="B1520" s="9" t="s">
        <v>3025</v>
      </c>
      <c r="C1520" s="9" t="s">
        <v>3026</v>
      </c>
      <c r="D1520" s="23">
        <v>1462390169</v>
      </c>
      <c r="E1520" s="11">
        <v>46387</v>
      </c>
      <c r="F1520" s="9" t="s">
        <v>63</v>
      </c>
      <c r="G1520" s="5">
        <v>1518</v>
      </c>
      <c r="H1520" s="12">
        <f t="shared" si="46"/>
        <v>17</v>
      </c>
      <c r="I1520" s="12">
        <f t="shared" si="47"/>
        <v>13</v>
      </c>
    </row>
    <row r="1521" spans="1:35" s="5" customFormat="1" ht="27.75" customHeight="1" x14ac:dyDescent="0.4">
      <c r="A1521" s="9" t="s">
        <v>2713</v>
      </c>
      <c r="B1521" s="9" t="s">
        <v>3027</v>
      </c>
      <c r="C1521" s="9" t="s">
        <v>3028</v>
      </c>
      <c r="D1521" s="18">
        <v>1462390359</v>
      </c>
      <c r="E1521" s="11">
        <v>46265</v>
      </c>
      <c r="F1521" s="9" t="s">
        <v>63</v>
      </c>
      <c r="G1521" s="12">
        <v>1519</v>
      </c>
      <c r="H1521" s="12">
        <f t="shared" si="46"/>
        <v>21</v>
      </c>
      <c r="I1521" s="12">
        <f t="shared" si="47"/>
        <v>20</v>
      </c>
    </row>
    <row r="1522" spans="1:35" s="5" customFormat="1" ht="27.75" customHeight="1" x14ac:dyDescent="0.4">
      <c r="A1522" s="9" t="s">
        <v>2713</v>
      </c>
      <c r="B1522" s="9" t="s">
        <v>3029</v>
      </c>
      <c r="C1522" s="9" t="s">
        <v>3030</v>
      </c>
      <c r="D1522" s="18">
        <v>1462390243</v>
      </c>
      <c r="E1522" s="11">
        <v>47422</v>
      </c>
      <c r="F1522" s="9" t="s">
        <v>63</v>
      </c>
      <c r="G1522" s="5">
        <v>1520</v>
      </c>
      <c r="H1522" s="12">
        <f t="shared" si="46"/>
        <v>22</v>
      </c>
      <c r="I1522" s="12">
        <f t="shared" si="47"/>
        <v>18</v>
      </c>
    </row>
    <row r="1523" spans="1:35" s="5" customFormat="1" ht="27.75" customHeight="1" x14ac:dyDescent="0.4">
      <c r="A1523" s="17" t="s">
        <v>2713</v>
      </c>
      <c r="B1523" s="9" t="s">
        <v>3031</v>
      </c>
      <c r="C1523" s="9" t="s">
        <v>3032</v>
      </c>
      <c r="D1523" s="18">
        <v>1462390045</v>
      </c>
      <c r="E1523" s="11">
        <v>46387</v>
      </c>
      <c r="F1523" s="9" t="s">
        <v>63</v>
      </c>
      <c r="G1523" s="12">
        <v>1521</v>
      </c>
      <c r="H1523" s="12">
        <f t="shared" si="46"/>
        <v>11</v>
      </c>
      <c r="I1523" s="12">
        <f t="shared" si="47"/>
        <v>13</v>
      </c>
    </row>
    <row r="1524" spans="1:35" s="5" customFormat="1" ht="27.75" customHeight="1" x14ac:dyDescent="0.4">
      <c r="A1524" s="13" t="s">
        <v>2713</v>
      </c>
      <c r="B1524" s="9" t="s">
        <v>3033</v>
      </c>
      <c r="C1524" s="9" t="s">
        <v>3034</v>
      </c>
      <c r="D1524" s="18">
        <v>1462390375</v>
      </c>
      <c r="E1524" s="11">
        <v>47149</v>
      </c>
      <c r="F1524" s="9" t="s">
        <v>63</v>
      </c>
      <c r="G1524" s="5">
        <v>1522</v>
      </c>
      <c r="H1524" s="12">
        <f t="shared" si="46"/>
        <v>14</v>
      </c>
      <c r="I1524" s="12">
        <f t="shared" si="47"/>
        <v>17</v>
      </c>
    </row>
    <row r="1525" spans="1:35" s="5" customFormat="1" ht="27.75" customHeight="1" x14ac:dyDescent="0.4">
      <c r="A1525" s="9" t="s">
        <v>2713</v>
      </c>
      <c r="B1525" s="9" t="s">
        <v>3035</v>
      </c>
      <c r="C1525" s="13" t="s">
        <v>3036</v>
      </c>
      <c r="D1525" s="18">
        <v>1462390219</v>
      </c>
      <c r="E1525" s="11">
        <v>46783</v>
      </c>
      <c r="F1525" s="9" t="s">
        <v>63</v>
      </c>
      <c r="G1525" s="12">
        <v>1523</v>
      </c>
      <c r="H1525" s="12">
        <f t="shared" si="46"/>
        <v>11</v>
      </c>
      <c r="I1525" s="12">
        <f t="shared" si="47"/>
        <v>17</v>
      </c>
    </row>
    <row r="1526" spans="1:35" s="5" customFormat="1" ht="27.75" customHeight="1" x14ac:dyDescent="0.4">
      <c r="A1526" s="13" t="s">
        <v>2713</v>
      </c>
      <c r="B1526" s="9" t="s">
        <v>3037</v>
      </c>
      <c r="C1526" s="9" t="s">
        <v>1383</v>
      </c>
      <c r="D1526" s="18">
        <v>1461590041</v>
      </c>
      <c r="E1526" s="11">
        <v>48334</v>
      </c>
      <c r="F1526" s="9" t="s">
        <v>63</v>
      </c>
      <c r="G1526" s="5">
        <v>1524</v>
      </c>
      <c r="H1526" s="12">
        <f t="shared" si="46"/>
        <v>10</v>
      </c>
      <c r="I1526" s="12">
        <f t="shared" si="47"/>
        <v>15</v>
      </c>
    </row>
    <row r="1527" spans="1:35" s="5" customFormat="1" ht="27.75" customHeight="1" x14ac:dyDescent="0.4">
      <c r="A1527" s="9" t="s">
        <v>2713</v>
      </c>
      <c r="B1527" s="15" t="s">
        <v>3038</v>
      </c>
      <c r="C1527" s="16" t="s">
        <v>3039</v>
      </c>
      <c r="D1527" s="10">
        <v>1460290766</v>
      </c>
      <c r="E1527" s="11">
        <v>48091</v>
      </c>
      <c r="F1527" s="9" t="s">
        <v>63</v>
      </c>
      <c r="G1527" s="12">
        <v>1525</v>
      </c>
      <c r="H1527" s="12">
        <f t="shared" si="46"/>
        <v>13</v>
      </c>
      <c r="I1527" s="12">
        <f t="shared" si="47"/>
        <v>11</v>
      </c>
      <c r="J1527" s="24"/>
      <c r="K1527" s="24"/>
      <c r="L1527" s="24"/>
      <c r="M1527" s="24"/>
      <c r="N1527" s="24"/>
      <c r="O1527" s="24"/>
      <c r="P1527" s="24"/>
      <c r="Q1527" s="24"/>
      <c r="R1527" s="24"/>
      <c r="S1527" s="24"/>
      <c r="T1527" s="24"/>
      <c r="U1527" s="24"/>
      <c r="V1527" s="24"/>
      <c r="W1527" s="24"/>
      <c r="X1527" s="24"/>
      <c r="Y1527" s="24"/>
      <c r="Z1527" s="24"/>
      <c r="AA1527" s="24"/>
      <c r="AB1527" s="24"/>
      <c r="AC1527" s="24"/>
      <c r="AD1527" s="24"/>
      <c r="AE1527" s="24"/>
      <c r="AF1527" s="24"/>
      <c r="AG1527" s="24"/>
      <c r="AH1527" s="24"/>
      <c r="AI1527" s="24"/>
    </row>
    <row r="1528" spans="1:35" s="5" customFormat="1" ht="27.75" customHeight="1" x14ac:dyDescent="0.4">
      <c r="A1528" s="9" t="s">
        <v>2713</v>
      </c>
      <c r="B1528" s="9" t="s">
        <v>3040</v>
      </c>
      <c r="C1528" s="9" t="s">
        <v>3041</v>
      </c>
      <c r="D1528" s="18">
        <v>1462390003</v>
      </c>
      <c r="E1528" s="11">
        <v>46387</v>
      </c>
      <c r="F1528" s="9" t="s">
        <v>63</v>
      </c>
      <c r="G1528" s="5">
        <v>1526</v>
      </c>
      <c r="H1528" s="12">
        <f t="shared" si="46"/>
        <v>24</v>
      </c>
      <c r="I1528" s="12">
        <f t="shared" si="47"/>
        <v>16</v>
      </c>
    </row>
    <row r="1529" spans="1:35" s="5" customFormat="1" ht="27.75" customHeight="1" x14ac:dyDescent="0.4">
      <c r="A1529" s="9" t="s">
        <v>2713</v>
      </c>
      <c r="B1529" s="9" t="s">
        <v>3042</v>
      </c>
      <c r="C1529" s="9" t="s">
        <v>3043</v>
      </c>
      <c r="D1529" s="18">
        <v>1462390300</v>
      </c>
      <c r="E1529" s="11">
        <v>46752</v>
      </c>
      <c r="F1529" s="9" t="s">
        <v>63</v>
      </c>
      <c r="G1529" s="12">
        <v>1527</v>
      </c>
      <c r="H1529" s="12">
        <f t="shared" si="46"/>
        <v>12</v>
      </c>
      <c r="I1529" s="12">
        <f t="shared" si="47"/>
        <v>19</v>
      </c>
    </row>
    <row r="1530" spans="1:35" s="5" customFormat="1" ht="27.75" customHeight="1" x14ac:dyDescent="0.4">
      <c r="A1530" s="9" t="s">
        <v>2713</v>
      </c>
      <c r="B1530" s="9" t="s">
        <v>3044</v>
      </c>
      <c r="C1530" s="9" t="s">
        <v>3045</v>
      </c>
      <c r="D1530" s="18">
        <v>1462390037</v>
      </c>
      <c r="E1530" s="11">
        <v>46387</v>
      </c>
      <c r="F1530" s="9" t="s">
        <v>63</v>
      </c>
      <c r="G1530" s="5">
        <v>1528</v>
      </c>
      <c r="H1530" s="12">
        <f t="shared" si="46"/>
        <v>13</v>
      </c>
      <c r="I1530" s="12">
        <f t="shared" si="47"/>
        <v>18</v>
      </c>
    </row>
    <row r="1531" spans="1:35" s="5" customFormat="1" ht="27.75" customHeight="1" x14ac:dyDescent="0.4">
      <c r="A1531" s="9" t="s">
        <v>2713</v>
      </c>
      <c r="B1531" s="14" t="s">
        <v>3046</v>
      </c>
      <c r="C1531" s="9" t="s">
        <v>3047</v>
      </c>
      <c r="D1531" s="18">
        <v>1462390094</v>
      </c>
      <c r="E1531" s="11">
        <v>46387</v>
      </c>
      <c r="F1531" s="9" t="s">
        <v>63</v>
      </c>
      <c r="G1531" s="12">
        <v>1529</v>
      </c>
      <c r="H1531" s="12">
        <f t="shared" si="46"/>
        <v>11</v>
      </c>
      <c r="I1531" s="12">
        <f t="shared" si="47"/>
        <v>17</v>
      </c>
    </row>
    <row r="1532" spans="1:35" s="5" customFormat="1" ht="27.75" customHeight="1" x14ac:dyDescent="0.4">
      <c r="A1532" s="9" t="s">
        <v>2713</v>
      </c>
      <c r="B1532" s="9" t="s">
        <v>3048</v>
      </c>
      <c r="C1532" s="9" t="s">
        <v>3049</v>
      </c>
      <c r="D1532" s="18">
        <v>1462390227</v>
      </c>
      <c r="E1532" s="11">
        <v>46904</v>
      </c>
      <c r="F1532" s="9" t="s">
        <v>63</v>
      </c>
      <c r="G1532" s="5">
        <v>1530</v>
      </c>
      <c r="H1532" s="12">
        <f t="shared" si="46"/>
        <v>12</v>
      </c>
      <c r="I1532" s="12">
        <f t="shared" si="47"/>
        <v>23</v>
      </c>
    </row>
    <row r="1533" spans="1:35" s="5" customFormat="1" ht="27.75" customHeight="1" x14ac:dyDescent="0.4">
      <c r="A1533" s="13" t="s">
        <v>2713</v>
      </c>
      <c r="B1533" s="9" t="s">
        <v>3050</v>
      </c>
      <c r="C1533" s="9" t="s">
        <v>3051</v>
      </c>
      <c r="D1533" s="18">
        <v>1462390367</v>
      </c>
      <c r="E1533" s="11">
        <v>46387</v>
      </c>
      <c r="F1533" s="9" t="s">
        <v>63</v>
      </c>
      <c r="G1533" s="12">
        <v>1531</v>
      </c>
      <c r="H1533" s="12">
        <f t="shared" si="46"/>
        <v>11</v>
      </c>
      <c r="I1533" s="12">
        <f t="shared" si="47"/>
        <v>18</v>
      </c>
    </row>
    <row r="1534" spans="1:35" s="5" customFormat="1" ht="27.75" customHeight="1" x14ac:dyDescent="0.4">
      <c r="A1534" s="13" t="s">
        <v>2713</v>
      </c>
      <c r="B1534" s="9" t="s">
        <v>3052</v>
      </c>
      <c r="C1534" s="9" t="s">
        <v>3053</v>
      </c>
      <c r="D1534" s="18">
        <v>1462390151</v>
      </c>
      <c r="E1534" s="11">
        <v>46387</v>
      </c>
      <c r="F1534" s="9" t="s">
        <v>63</v>
      </c>
      <c r="G1534" s="5">
        <v>1532</v>
      </c>
      <c r="H1534" s="12">
        <f t="shared" si="46"/>
        <v>12</v>
      </c>
      <c r="I1534" s="12">
        <f t="shared" si="47"/>
        <v>14</v>
      </c>
    </row>
    <row r="1535" spans="1:35" s="5" customFormat="1" ht="27.75" customHeight="1" x14ac:dyDescent="0.4">
      <c r="A1535" s="9" t="s">
        <v>2713</v>
      </c>
      <c r="B1535" s="9" t="s">
        <v>3054</v>
      </c>
      <c r="C1535" s="9" t="s">
        <v>3055</v>
      </c>
      <c r="D1535" s="18">
        <v>1462390185</v>
      </c>
      <c r="E1535" s="11">
        <v>46387</v>
      </c>
      <c r="F1535" s="9" t="s">
        <v>63</v>
      </c>
      <c r="G1535" s="12">
        <v>1533</v>
      </c>
      <c r="H1535" s="12">
        <f t="shared" si="46"/>
        <v>15</v>
      </c>
      <c r="I1535" s="12">
        <f t="shared" si="47"/>
        <v>17</v>
      </c>
    </row>
    <row r="1536" spans="1:35" s="5" customFormat="1" ht="27.75" customHeight="1" x14ac:dyDescent="0.4">
      <c r="A1536" s="9" t="s">
        <v>2713</v>
      </c>
      <c r="B1536" s="9" t="s">
        <v>3056</v>
      </c>
      <c r="C1536" s="9" t="s">
        <v>3057</v>
      </c>
      <c r="D1536" s="18">
        <v>1462390391</v>
      </c>
      <c r="E1536" s="11">
        <v>47361</v>
      </c>
      <c r="F1536" s="9" t="s">
        <v>63</v>
      </c>
      <c r="G1536" s="5">
        <v>1534</v>
      </c>
      <c r="H1536" s="12">
        <f t="shared" si="46"/>
        <v>13</v>
      </c>
      <c r="I1536" s="12">
        <f t="shared" si="47"/>
        <v>20</v>
      </c>
    </row>
    <row r="1537" spans="1:35" s="5" customFormat="1" ht="27.75" customHeight="1" x14ac:dyDescent="0.4">
      <c r="A1537" s="9" t="s">
        <v>2713</v>
      </c>
      <c r="B1537" s="9" t="s">
        <v>3058</v>
      </c>
      <c r="C1537" s="9" t="s">
        <v>3059</v>
      </c>
      <c r="D1537" s="18">
        <v>1464390019</v>
      </c>
      <c r="E1537" s="11">
        <v>46387</v>
      </c>
      <c r="F1537" s="9" t="s">
        <v>63</v>
      </c>
      <c r="G1537" s="12">
        <v>1535</v>
      </c>
      <c r="H1537" s="12">
        <f t="shared" si="46"/>
        <v>10</v>
      </c>
      <c r="I1537" s="12">
        <f t="shared" si="47"/>
        <v>13</v>
      </c>
    </row>
    <row r="1538" spans="1:35" s="5" customFormat="1" ht="27.75" customHeight="1" x14ac:dyDescent="0.4">
      <c r="A1538" s="9" t="s">
        <v>2713</v>
      </c>
      <c r="B1538" s="13" t="s">
        <v>3060</v>
      </c>
      <c r="C1538" s="13" t="s">
        <v>3061</v>
      </c>
      <c r="D1538" s="18">
        <v>1462390235</v>
      </c>
      <c r="E1538" s="11">
        <v>46691</v>
      </c>
      <c r="F1538" s="9" t="s">
        <v>63</v>
      </c>
      <c r="G1538" s="5">
        <v>1536</v>
      </c>
      <c r="H1538" s="12">
        <f t="shared" si="46"/>
        <v>11</v>
      </c>
      <c r="I1538" s="12">
        <f t="shared" si="47"/>
        <v>8</v>
      </c>
    </row>
    <row r="1539" spans="1:35" s="5" customFormat="1" ht="27.75" customHeight="1" x14ac:dyDescent="0.4">
      <c r="A1539" s="9" t="s">
        <v>2713</v>
      </c>
      <c r="B1539" s="9" t="s">
        <v>3062</v>
      </c>
      <c r="C1539" s="9" t="s">
        <v>3063</v>
      </c>
      <c r="D1539" s="18">
        <v>1462390276</v>
      </c>
      <c r="E1539" s="11">
        <v>47603</v>
      </c>
      <c r="F1539" s="9" t="s">
        <v>63</v>
      </c>
      <c r="G1539" s="12">
        <v>1537</v>
      </c>
      <c r="H1539" s="12">
        <f t="shared" si="46"/>
        <v>14</v>
      </c>
      <c r="I1539" s="12">
        <f t="shared" si="47"/>
        <v>15</v>
      </c>
      <c r="J1539" s="12"/>
      <c r="K1539" s="12"/>
      <c r="L1539" s="12"/>
      <c r="M1539" s="12"/>
      <c r="N1539" s="12"/>
      <c r="O1539" s="12"/>
      <c r="P1539" s="12"/>
      <c r="Q1539" s="12"/>
      <c r="R1539" s="12"/>
      <c r="S1539" s="12"/>
      <c r="T1539" s="12"/>
      <c r="U1539" s="12"/>
      <c r="V1539" s="12"/>
      <c r="W1539" s="12"/>
      <c r="X1539" s="12"/>
      <c r="Y1539" s="12"/>
      <c r="Z1539" s="12"/>
      <c r="AA1539" s="12"/>
      <c r="AB1539" s="12"/>
      <c r="AC1539" s="12"/>
      <c r="AD1539" s="12"/>
      <c r="AE1539" s="12"/>
      <c r="AF1539" s="12"/>
      <c r="AG1539" s="12"/>
      <c r="AH1539" s="12"/>
      <c r="AI1539" s="12"/>
    </row>
    <row r="1540" spans="1:35" s="5" customFormat="1" ht="27.75" customHeight="1" x14ac:dyDescent="0.4">
      <c r="A1540" s="9" t="s">
        <v>2713</v>
      </c>
      <c r="B1540" s="9" t="s">
        <v>3064</v>
      </c>
      <c r="C1540" s="9" t="s">
        <v>3065</v>
      </c>
      <c r="D1540" s="18">
        <v>1462390268</v>
      </c>
      <c r="E1540" s="11">
        <v>47664</v>
      </c>
      <c r="F1540" s="9" t="s">
        <v>63</v>
      </c>
      <c r="G1540" s="5">
        <v>1538</v>
      </c>
      <c r="H1540" s="12">
        <f t="shared" ref="H1540:H1603" si="48">LEN(C1540)</f>
        <v>17</v>
      </c>
      <c r="I1540" s="12">
        <f t="shared" ref="I1540:I1603" si="49">LEN(B1540)</f>
        <v>26</v>
      </c>
    </row>
    <row r="1541" spans="1:35" s="5" customFormat="1" ht="27.75" customHeight="1" x14ac:dyDescent="0.4">
      <c r="A1541" s="9" t="s">
        <v>2713</v>
      </c>
      <c r="B1541" s="9" t="s">
        <v>3066</v>
      </c>
      <c r="C1541" s="13" t="s">
        <v>3067</v>
      </c>
      <c r="D1541" s="18">
        <v>1462390144</v>
      </c>
      <c r="E1541" s="11">
        <v>46387</v>
      </c>
      <c r="F1541" s="9" t="s">
        <v>63</v>
      </c>
      <c r="G1541" s="12">
        <v>1539</v>
      </c>
      <c r="H1541" s="12">
        <f t="shared" si="48"/>
        <v>15</v>
      </c>
      <c r="I1541" s="12">
        <f t="shared" si="49"/>
        <v>15</v>
      </c>
    </row>
    <row r="1542" spans="1:35" s="5" customFormat="1" ht="27.75" customHeight="1" x14ac:dyDescent="0.4">
      <c r="A1542" s="9" t="s">
        <v>2713</v>
      </c>
      <c r="B1542" s="14" t="s">
        <v>3068</v>
      </c>
      <c r="C1542" s="9" t="s">
        <v>3069</v>
      </c>
      <c r="D1542" s="18">
        <v>1462390383</v>
      </c>
      <c r="E1542" s="11">
        <v>47238</v>
      </c>
      <c r="F1542" s="9" t="s">
        <v>63</v>
      </c>
      <c r="G1542" s="5">
        <v>1540</v>
      </c>
      <c r="H1542" s="12">
        <f t="shared" si="48"/>
        <v>14</v>
      </c>
      <c r="I1542" s="12">
        <f t="shared" si="49"/>
        <v>19</v>
      </c>
    </row>
    <row r="1543" spans="1:35" s="5" customFormat="1" ht="27.75" customHeight="1" x14ac:dyDescent="0.4">
      <c r="A1543" s="13" t="s">
        <v>2713</v>
      </c>
      <c r="B1543" s="9" t="s">
        <v>3070</v>
      </c>
      <c r="C1543" s="9" t="s">
        <v>3071</v>
      </c>
      <c r="D1543" s="18">
        <v>1462390466</v>
      </c>
      <c r="E1543" s="11">
        <v>48060</v>
      </c>
      <c r="F1543" s="9" t="s">
        <v>63</v>
      </c>
      <c r="G1543" s="12">
        <v>1541</v>
      </c>
      <c r="H1543" s="12">
        <f t="shared" si="48"/>
        <v>28</v>
      </c>
      <c r="I1543" s="12">
        <f t="shared" si="49"/>
        <v>18</v>
      </c>
    </row>
    <row r="1544" spans="1:35" s="5" customFormat="1" ht="27.75" customHeight="1" x14ac:dyDescent="0.4">
      <c r="A1544" s="13" t="s">
        <v>2713</v>
      </c>
      <c r="B1544" s="9" t="s">
        <v>3072</v>
      </c>
      <c r="C1544" s="9" t="s">
        <v>3073</v>
      </c>
      <c r="D1544" s="18">
        <v>1462390078</v>
      </c>
      <c r="E1544" s="11">
        <v>46387</v>
      </c>
      <c r="F1544" s="9" t="s">
        <v>63</v>
      </c>
      <c r="G1544" s="5">
        <v>1542</v>
      </c>
      <c r="H1544" s="12">
        <f t="shared" si="48"/>
        <v>12</v>
      </c>
      <c r="I1544" s="12">
        <f t="shared" si="49"/>
        <v>17</v>
      </c>
    </row>
    <row r="1545" spans="1:35" s="5" customFormat="1" ht="27.75" customHeight="1" x14ac:dyDescent="0.4">
      <c r="A1545" s="13" t="s">
        <v>2713</v>
      </c>
      <c r="B1545" s="16" t="s">
        <v>3074</v>
      </c>
      <c r="C1545" s="16" t="s">
        <v>3075</v>
      </c>
      <c r="D1545" s="10">
        <v>1462390250</v>
      </c>
      <c r="E1545" s="11">
        <v>47299</v>
      </c>
      <c r="F1545" s="9" t="s">
        <v>63</v>
      </c>
      <c r="G1545" s="12">
        <v>1543</v>
      </c>
      <c r="H1545" s="12">
        <f t="shared" si="48"/>
        <v>11</v>
      </c>
      <c r="I1545" s="12">
        <f t="shared" si="49"/>
        <v>24</v>
      </c>
      <c r="J1545" s="24"/>
      <c r="K1545" s="24"/>
      <c r="L1545" s="24"/>
    </row>
    <row r="1546" spans="1:35" s="5" customFormat="1" ht="27.75" customHeight="1" x14ac:dyDescent="0.4">
      <c r="A1546" s="9" t="s">
        <v>2713</v>
      </c>
      <c r="B1546" s="9" t="s">
        <v>3076</v>
      </c>
      <c r="C1546" s="9" t="s">
        <v>3077</v>
      </c>
      <c r="D1546" s="18">
        <v>1462390409</v>
      </c>
      <c r="E1546" s="11">
        <v>47452</v>
      </c>
      <c r="F1546" s="9" t="s">
        <v>63</v>
      </c>
      <c r="G1546" s="5">
        <v>1544</v>
      </c>
      <c r="H1546" s="12">
        <f t="shared" si="48"/>
        <v>18</v>
      </c>
      <c r="I1546" s="12">
        <f t="shared" si="49"/>
        <v>15</v>
      </c>
    </row>
    <row r="1547" spans="1:35" s="5" customFormat="1" ht="27.75" customHeight="1" x14ac:dyDescent="0.4">
      <c r="A1547" s="9" t="s">
        <v>2713</v>
      </c>
      <c r="B1547" s="9" t="s">
        <v>3078</v>
      </c>
      <c r="C1547" s="9" t="s">
        <v>3079</v>
      </c>
      <c r="D1547" s="18">
        <v>1462390284</v>
      </c>
      <c r="E1547" s="11">
        <v>48152</v>
      </c>
      <c r="F1547" s="9" t="s">
        <v>63</v>
      </c>
      <c r="G1547" s="12">
        <v>1545</v>
      </c>
      <c r="H1547" s="12">
        <f t="shared" si="48"/>
        <v>12</v>
      </c>
      <c r="I1547" s="12">
        <f t="shared" si="49"/>
        <v>16</v>
      </c>
    </row>
    <row r="1548" spans="1:35" s="5" customFormat="1" ht="27.75" customHeight="1" x14ac:dyDescent="0.4">
      <c r="A1548" s="9" t="s">
        <v>2713</v>
      </c>
      <c r="B1548" s="15" t="s">
        <v>3080</v>
      </c>
      <c r="C1548" s="16" t="s">
        <v>3081</v>
      </c>
      <c r="D1548" s="10">
        <v>1462390201</v>
      </c>
      <c r="E1548" s="11">
        <v>46387</v>
      </c>
      <c r="F1548" s="9" t="s">
        <v>63</v>
      </c>
      <c r="G1548" s="5">
        <v>1546</v>
      </c>
      <c r="H1548" s="12">
        <f t="shared" si="48"/>
        <v>12</v>
      </c>
      <c r="I1548" s="12">
        <f t="shared" si="49"/>
        <v>13</v>
      </c>
    </row>
    <row r="1549" spans="1:35" s="5" customFormat="1" ht="27.75" customHeight="1" x14ac:dyDescent="0.4">
      <c r="A1549" s="13" t="s">
        <v>2713</v>
      </c>
      <c r="B1549" s="9" t="s">
        <v>3082</v>
      </c>
      <c r="C1549" s="9" t="s">
        <v>3083</v>
      </c>
      <c r="D1549" s="18">
        <v>1462490001</v>
      </c>
      <c r="E1549" s="11">
        <v>46387</v>
      </c>
      <c r="F1549" s="9" t="s">
        <v>70</v>
      </c>
      <c r="G1549" s="12">
        <v>1547</v>
      </c>
      <c r="H1549" s="12">
        <f t="shared" si="48"/>
        <v>12</v>
      </c>
      <c r="I1549" s="12">
        <f t="shared" si="49"/>
        <v>17</v>
      </c>
    </row>
    <row r="1550" spans="1:35" s="5" customFormat="1" ht="27.75" customHeight="1" x14ac:dyDescent="0.4">
      <c r="A1550" s="9" t="s">
        <v>2713</v>
      </c>
      <c r="B1550" s="9" t="s">
        <v>3084</v>
      </c>
      <c r="C1550" s="9" t="s">
        <v>3085</v>
      </c>
      <c r="D1550" s="18">
        <v>1462290369</v>
      </c>
      <c r="E1550" s="11">
        <v>46387</v>
      </c>
      <c r="F1550" s="9" t="s">
        <v>70</v>
      </c>
      <c r="G1550" s="5">
        <v>1548</v>
      </c>
      <c r="H1550" s="12">
        <f t="shared" si="48"/>
        <v>12</v>
      </c>
      <c r="I1550" s="12">
        <f t="shared" si="49"/>
        <v>20</v>
      </c>
    </row>
    <row r="1551" spans="1:35" s="5" customFormat="1" ht="27.75" customHeight="1" x14ac:dyDescent="0.4">
      <c r="A1551" s="9" t="s">
        <v>2713</v>
      </c>
      <c r="B1551" s="9" t="s">
        <v>3086</v>
      </c>
      <c r="C1551" s="9" t="s">
        <v>3087</v>
      </c>
      <c r="D1551" s="18">
        <v>1462490019</v>
      </c>
      <c r="E1551" s="11">
        <v>46387</v>
      </c>
      <c r="F1551" s="9" t="s">
        <v>70</v>
      </c>
      <c r="G1551" s="12">
        <v>1549</v>
      </c>
      <c r="H1551" s="12">
        <f t="shared" si="48"/>
        <v>11</v>
      </c>
      <c r="I1551" s="12">
        <f t="shared" si="49"/>
        <v>15</v>
      </c>
    </row>
    <row r="1552" spans="1:35" s="5" customFormat="1" ht="27.75" customHeight="1" x14ac:dyDescent="0.4">
      <c r="A1552" s="13" t="s">
        <v>2713</v>
      </c>
      <c r="B1552" s="9" t="s">
        <v>3088</v>
      </c>
      <c r="C1552" s="9" t="s">
        <v>3089</v>
      </c>
      <c r="D1552" s="18">
        <v>1462490191</v>
      </c>
      <c r="E1552" s="11">
        <v>46599</v>
      </c>
      <c r="F1552" s="9" t="s">
        <v>70</v>
      </c>
      <c r="G1552" s="5">
        <v>1550</v>
      </c>
      <c r="H1552" s="12">
        <f t="shared" si="48"/>
        <v>12</v>
      </c>
      <c r="I1552" s="12">
        <f t="shared" si="49"/>
        <v>12</v>
      </c>
    </row>
    <row r="1553" spans="1:35" s="5" customFormat="1" ht="27.75" customHeight="1" x14ac:dyDescent="0.4">
      <c r="A1553" s="9" t="s">
        <v>2713</v>
      </c>
      <c r="B1553" s="9" t="s">
        <v>3090</v>
      </c>
      <c r="C1553" s="9" t="s">
        <v>3091</v>
      </c>
      <c r="D1553" s="26">
        <v>1462490092</v>
      </c>
      <c r="E1553" s="11">
        <v>46387</v>
      </c>
      <c r="F1553" s="9" t="s">
        <v>70</v>
      </c>
      <c r="G1553" s="12">
        <v>1551</v>
      </c>
      <c r="H1553" s="12">
        <f t="shared" si="48"/>
        <v>13</v>
      </c>
      <c r="I1553" s="12">
        <f t="shared" si="49"/>
        <v>17</v>
      </c>
    </row>
    <row r="1554" spans="1:35" s="5" customFormat="1" ht="27.75" customHeight="1" x14ac:dyDescent="0.4">
      <c r="A1554" s="9" t="s">
        <v>2713</v>
      </c>
      <c r="B1554" s="9" t="s">
        <v>3092</v>
      </c>
      <c r="C1554" s="9" t="s">
        <v>3093</v>
      </c>
      <c r="D1554" s="18">
        <v>1462490340</v>
      </c>
      <c r="E1554" s="11">
        <v>47968</v>
      </c>
      <c r="F1554" s="9" t="s">
        <v>70</v>
      </c>
      <c r="G1554" s="5">
        <v>1552</v>
      </c>
      <c r="H1554" s="12">
        <f t="shared" si="48"/>
        <v>26</v>
      </c>
      <c r="I1554" s="12">
        <f t="shared" si="49"/>
        <v>22</v>
      </c>
    </row>
    <row r="1555" spans="1:35" s="5" customFormat="1" ht="27.75" customHeight="1" x14ac:dyDescent="0.4">
      <c r="A1555" s="9" t="s">
        <v>2713</v>
      </c>
      <c r="B1555" s="9" t="s">
        <v>3094</v>
      </c>
      <c r="C1555" s="9" t="s">
        <v>3095</v>
      </c>
      <c r="D1555" s="18">
        <v>1462490175</v>
      </c>
      <c r="E1555" s="11">
        <v>48244</v>
      </c>
      <c r="F1555" s="9" t="s">
        <v>70</v>
      </c>
      <c r="G1555" s="12">
        <v>1553</v>
      </c>
      <c r="H1555" s="12">
        <f t="shared" si="48"/>
        <v>14</v>
      </c>
      <c r="I1555" s="12">
        <f t="shared" si="49"/>
        <v>17</v>
      </c>
    </row>
    <row r="1556" spans="1:35" s="5" customFormat="1" ht="27.75" customHeight="1" x14ac:dyDescent="0.4">
      <c r="A1556" s="9" t="s">
        <v>2713</v>
      </c>
      <c r="B1556" s="9" t="s">
        <v>3096</v>
      </c>
      <c r="C1556" s="9" t="s">
        <v>3097</v>
      </c>
      <c r="D1556" s="18">
        <v>1462490183</v>
      </c>
      <c r="E1556" s="11">
        <v>48244</v>
      </c>
      <c r="F1556" s="9" t="s">
        <v>70</v>
      </c>
      <c r="G1556" s="5">
        <v>1554</v>
      </c>
      <c r="H1556" s="12">
        <f t="shared" si="48"/>
        <v>12</v>
      </c>
      <c r="I1556" s="12">
        <f t="shared" si="49"/>
        <v>13</v>
      </c>
    </row>
    <row r="1557" spans="1:35" s="5" customFormat="1" ht="27.75" customHeight="1" x14ac:dyDescent="0.4">
      <c r="A1557" s="9" t="s">
        <v>2713</v>
      </c>
      <c r="B1557" s="9" t="s">
        <v>3098</v>
      </c>
      <c r="C1557" s="9" t="s">
        <v>3099</v>
      </c>
      <c r="D1557" s="18">
        <v>1462490159</v>
      </c>
      <c r="E1557" s="11">
        <v>47361</v>
      </c>
      <c r="F1557" s="9" t="s">
        <v>70</v>
      </c>
      <c r="G1557" s="12">
        <v>1555</v>
      </c>
      <c r="H1557" s="12">
        <f t="shared" si="48"/>
        <v>12</v>
      </c>
      <c r="I1557" s="12">
        <f t="shared" si="49"/>
        <v>17</v>
      </c>
      <c r="J1557" s="12"/>
      <c r="K1557" s="12"/>
      <c r="L1557" s="12"/>
      <c r="M1557" s="12"/>
      <c r="N1557" s="12"/>
      <c r="O1557" s="12"/>
      <c r="P1557" s="12"/>
      <c r="Q1557" s="12"/>
      <c r="R1557" s="12"/>
      <c r="S1557" s="12"/>
      <c r="T1557" s="12"/>
      <c r="U1557" s="12"/>
      <c r="V1557" s="12"/>
      <c r="W1557" s="12"/>
      <c r="X1557" s="12"/>
      <c r="Y1557" s="12"/>
      <c r="Z1557" s="12"/>
      <c r="AA1557" s="12"/>
      <c r="AB1557" s="12"/>
      <c r="AC1557" s="12"/>
      <c r="AD1557" s="12"/>
      <c r="AE1557" s="12"/>
      <c r="AF1557" s="12"/>
      <c r="AG1557" s="12"/>
      <c r="AH1557" s="12"/>
      <c r="AI1557" s="12"/>
    </row>
    <row r="1558" spans="1:35" s="5" customFormat="1" ht="27.75" customHeight="1" x14ac:dyDescent="0.4">
      <c r="A1558" s="9" t="s">
        <v>2713</v>
      </c>
      <c r="B1558" s="15" t="s">
        <v>3100</v>
      </c>
      <c r="C1558" s="16" t="s">
        <v>3101</v>
      </c>
      <c r="D1558" s="10">
        <v>1462490209</v>
      </c>
      <c r="E1558" s="11">
        <v>46538</v>
      </c>
      <c r="F1558" s="9" t="s">
        <v>70</v>
      </c>
      <c r="G1558" s="5">
        <v>1556</v>
      </c>
      <c r="H1558" s="12">
        <f t="shared" si="48"/>
        <v>22</v>
      </c>
      <c r="I1558" s="12">
        <f t="shared" si="49"/>
        <v>13</v>
      </c>
    </row>
    <row r="1559" spans="1:35" s="5" customFormat="1" ht="27.75" customHeight="1" x14ac:dyDescent="0.4">
      <c r="A1559" s="13" t="s">
        <v>2713</v>
      </c>
      <c r="B1559" s="9" t="s">
        <v>3102</v>
      </c>
      <c r="C1559" s="9" t="s">
        <v>3103</v>
      </c>
      <c r="D1559" s="18">
        <v>1462490324</v>
      </c>
      <c r="E1559" s="11">
        <v>47756</v>
      </c>
      <c r="F1559" s="9" t="s">
        <v>70</v>
      </c>
      <c r="G1559" s="12">
        <v>1557</v>
      </c>
      <c r="H1559" s="12">
        <f t="shared" si="48"/>
        <v>26</v>
      </c>
      <c r="I1559" s="12">
        <f t="shared" si="49"/>
        <v>15</v>
      </c>
    </row>
    <row r="1560" spans="1:35" s="5" customFormat="1" ht="27.75" customHeight="1" x14ac:dyDescent="0.4">
      <c r="A1560" s="13" t="s">
        <v>2713</v>
      </c>
      <c r="B1560" s="9" t="s">
        <v>3104</v>
      </c>
      <c r="C1560" s="9" t="s">
        <v>3105</v>
      </c>
      <c r="D1560" s="18">
        <v>1462490167</v>
      </c>
      <c r="E1560" s="11">
        <v>48273</v>
      </c>
      <c r="F1560" s="9" t="s">
        <v>70</v>
      </c>
      <c r="G1560" s="5">
        <v>1558</v>
      </c>
      <c r="H1560" s="12">
        <f t="shared" si="48"/>
        <v>15</v>
      </c>
      <c r="I1560" s="12">
        <f t="shared" si="49"/>
        <v>17</v>
      </c>
    </row>
    <row r="1561" spans="1:35" s="5" customFormat="1" ht="27.75" customHeight="1" x14ac:dyDescent="0.4">
      <c r="A1561" s="9" t="s">
        <v>2713</v>
      </c>
      <c r="B1561" s="9" t="s">
        <v>3106</v>
      </c>
      <c r="C1561" s="9" t="s">
        <v>3107</v>
      </c>
      <c r="D1561" s="18">
        <v>1462490332</v>
      </c>
      <c r="E1561" s="11">
        <v>47938</v>
      </c>
      <c r="F1561" s="9" t="s">
        <v>70</v>
      </c>
      <c r="G1561" s="12">
        <v>1559</v>
      </c>
      <c r="H1561" s="12">
        <f t="shared" si="48"/>
        <v>13</v>
      </c>
      <c r="I1561" s="12">
        <f t="shared" si="49"/>
        <v>20</v>
      </c>
    </row>
    <row r="1562" spans="1:35" s="5" customFormat="1" ht="27.75" customHeight="1" x14ac:dyDescent="0.4">
      <c r="A1562" s="9" t="s">
        <v>2713</v>
      </c>
      <c r="B1562" s="9" t="s">
        <v>3108</v>
      </c>
      <c r="C1562" s="9" t="s">
        <v>3109</v>
      </c>
      <c r="D1562" s="18">
        <v>1462490035</v>
      </c>
      <c r="E1562" s="11">
        <v>46387</v>
      </c>
      <c r="F1562" s="9" t="s">
        <v>70</v>
      </c>
      <c r="G1562" s="5">
        <v>1560</v>
      </c>
      <c r="H1562" s="12">
        <f t="shared" si="48"/>
        <v>21</v>
      </c>
      <c r="I1562" s="12">
        <f t="shared" si="49"/>
        <v>29</v>
      </c>
    </row>
    <row r="1563" spans="1:35" s="5" customFormat="1" ht="27.75" customHeight="1" x14ac:dyDescent="0.4">
      <c r="A1563" s="9" t="s">
        <v>2713</v>
      </c>
      <c r="B1563" s="9" t="s">
        <v>3110</v>
      </c>
      <c r="C1563" s="49" t="s">
        <v>3111</v>
      </c>
      <c r="D1563" s="18">
        <v>1462490282</v>
      </c>
      <c r="E1563" s="11">
        <v>47483</v>
      </c>
      <c r="F1563" s="9" t="s">
        <v>70</v>
      </c>
      <c r="G1563" s="12">
        <v>1561</v>
      </c>
      <c r="H1563" s="12">
        <f t="shared" si="48"/>
        <v>30</v>
      </c>
      <c r="I1563" s="12">
        <f t="shared" si="49"/>
        <v>17</v>
      </c>
    </row>
    <row r="1564" spans="1:35" s="5" customFormat="1" ht="27.75" customHeight="1" x14ac:dyDescent="0.4">
      <c r="A1564" s="9" t="s">
        <v>2713</v>
      </c>
      <c r="B1564" s="9" t="s">
        <v>3112</v>
      </c>
      <c r="C1564" s="9" t="s">
        <v>3113</v>
      </c>
      <c r="D1564" s="18">
        <v>1462490225</v>
      </c>
      <c r="E1564" s="11">
        <v>46660</v>
      </c>
      <c r="F1564" s="9" t="s">
        <v>70</v>
      </c>
      <c r="G1564" s="5">
        <v>1562</v>
      </c>
      <c r="H1564" s="12">
        <f t="shared" si="48"/>
        <v>28</v>
      </c>
      <c r="I1564" s="12">
        <f t="shared" si="49"/>
        <v>16</v>
      </c>
    </row>
    <row r="1565" spans="1:35" s="5" customFormat="1" ht="27.75" customHeight="1" x14ac:dyDescent="0.4">
      <c r="A1565" s="9" t="s">
        <v>2713</v>
      </c>
      <c r="B1565" s="9" t="s">
        <v>3114</v>
      </c>
      <c r="C1565" s="9" t="s">
        <v>3115</v>
      </c>
      <c r="D1565" s="18">
        <v>1462490316</v>
      </c>
      <c r="E1565" s="11">
        <v>47938</v>
      </c>
      <c r="F1565" s="9" t="s">
        <v>70</v>
      </c>
      <c r="G1565" s="12">
        <v>1563</v>
      </c>
      <c r="H1565" s="12">
        <f t="shared" si="48"/>
        <v>18</v>
      </c>
      <c r="I1565" s="12">
        <f t="shared" si="49"/>
        <v>13</v>
      </c>
    </row>
    <row r="1566" spans="1:35" s="5" customFormat="1" ht="27.75" customHeight="1" x14ac:dyDescent="0.4">
      <c r="A1566" s="9" t="s">
        <v>2713</v>
      </c>
      <c r="B1566" s="9" t="s">
        <v>3116</v>
      </c>
      <c r="C1566" s="9" t="s">
        <v>3117</v>
      </c>
      <c r="D1566" s="18">
        <v>1462490217</v>
      </c>
      <c r="E1566" s="11">
        <v>46599</v>
      </c>
      <c r="F1566" s="9" t="s">
        <v>70</v>
      </c>
      <c r="G1566" s="5">
        <v>1564</v>
      </c>
      <c r="H1566" s="12">
        <f t="shared" si="48"/>
        <v>27</v>
      </c>
      <c r="I1566" s="12">
        <f t="shared" si="49"/>
        <v>16</v>
      </c>
    </row>
    <row r="1567" spans="1:35" s="5" customFormat="1" ht="27.75" customHeight="1" x14ac:dyDescent="0.4">
      <c r="A1567" s="13" t="s">
        <v>2713</v>
      </c>
      <c r="B1567" s="9" t="s">
        <v>3118</v>
      </c>
      <c r="C1567" s="9" t="s">
        <v>3119</v>
      </c>
      <c r="D1567" s="18">
        <v>1462490258</v>
      </c>
      <c r="E1567" s="11">
        <v>47177</v>
      </c>
      <c r="F1567" s="9" t="s">
        <v>70</v>
      </c>
      <c r="G1567" s="12">
        <v>1565</v>
      </c>
      <c r="H1567" s="12">
        <f t="shared" si="48"/>
        <v>12</v>
      </c>
      <c r="I1567" s="12">
        <f t="shared" si="49"/>
        <v>21</v>
      </c>
    </row>
    <row r="1568" spans="1:35" s="5" customFormat="1" ht="27.75" customHeight="1" x14ac:dyDescent="0.4">
      <c r="A1568" s="9" t="s">
        <v>2713</v>
      </c>
      <c r="B1568" s="9" t="s">
        <v>3120</v>
      </c>
      <c r="C1568" s="9" t="s">
        <v>3121</v>
      </c>
      <c r="D1568" s="18">
        <v>1462490068</v>
      </c>
      <c r="E1568" s="11">
        <v>46387</v>
      </c>
      <c r="F1568" s="9" t="s">
        <v>70</v>
      </c>
      <c r="G1568" s="5">
        <v>1566</v>
      </c>
      <c r="H1568" s="12">
        <f t="shared" si="48"/>
        <v>13</v>
      </c>
      <c r="I1568" s="12">
        <f t="shared" si="49"/>
        <v>13</v>
      </c>
    </row>
    <row r="1569" spans="1:35" s="5" customFormat="1" ht="27.75" customHeight="1" x14ac:dyDescent="0.4">
      <c r="A1569" s="9" t="s">
        <v>2713</v>
      </c>
      <c r="B1569" s="9" t="s">
        <v>3122</v>
      </c>
      <c r="C1569" s="9" t="s">
        <v>3123</v>
      </c>
      <c r="D1569" s="26">
        <v>1462490142</v>
      </c>
      <c r="E1569" s="11">
        <v>47087</v>
      </c>
      <c r="F1569" s="9" t="s">
        <v>70</v>
      </c>
      <c r="G1569" s="12">
        <v>1567</v>
      </c>
      <c r="H1569" s="12">
        <f t="shared" si="48"/>
        <v>10</v>
      </c>
      <c r="I1569" s="12">
        <f t="shared" si="49"/>
        <v>15</v>
      </c>
      <c r="M1569" s="24"/>
      <c r="N1569" s="24"/>
      <c r="O1569" s="24"/>
      <c r="P1569" s="24"/>
      <c r="Q1569" s="24"/>
      <c r="R1569" s="24"/>
      <c r="S1569" s="24"/>
      <c r="T1569" s="24"/>
      <c r="U1569" s="24"/>
      <c r="V1569" s="24"/>
      <c r="W1569" s="24"/>
      <c r="X1569" s="24"/>
      <c r="Y1569" s="24"/>
      <c r="Z1569" s="24"/>
      <c r="AA1569" s="24"/>
      <c r="AB1569" s="24"/>
      <c r="AC1569" s="24"/>
      <c r="AD1569" s="24"/>
      <c r="AE1569" s="24"/>
      <c r="AF1569" s="24"/>
      <c r="AG1569" s="24"/>
      <c r="AH1569" s="24"/>
      <c r="AI1569" s="24"/>
    </row>
    <row r="1570" spans="1:35" s="5" customFormat="1" ht="27.75" customHeight="1" x14ac:dyDescent="0.4">
      <c r="A1570" s="9" t="s">
        <v>2713</v>
      </c>
      <c r="B1570" s="9" t="s">
        <v>3124</v>
      </c>
      <c r="C1570" s="9" t="s">
        <v>3125</v>
      </c>
      <c r="D1570" s="18">
        <v>1462490118</v>
      </c>
      <c r="E1570" s="11">
        <v>46387</v>
      </c>
      <c r="F1570" s="9" t="s">
        <v>70</v>
      </c>
      <c r="G1570" s="5">
        <v>1568</v>
      </c>
      <c r="H1570" s="12">
        <f t="shared" si="48"/>
        <v>11</v>
      </c>
      <c r="I1570" s="12">
        <f t="shared" si="49"/>
        <v>8</v>
      </c>
      <c r="M1570" s="24"/>
      <c r="N1570" s="24"/>
      <c r="O1570" s="24"/>
      <c r="P1570" s="24"/>
      <c r="Q1570" s="24"/>
      <c r="R1570" s="24"/>
      <c r="S1570" s="24"/>
      <c r="T1570" s="24"/>
      <c r="U1570" s="24"/>
      <c r="V1570" s="24"/>
      <c r="W1570" s="24"/>
      <c r="X1570" s="24"/>
      <c r="Y1570" s="24"/>
      <c r="Z1570" s="24"/>
      <c r="AA1570" s="24"/>
      <c r="AB1570" s="24"/>
      <c r="AC1570" s="24"/>
      <c r="AD1570" s="24"/>
      <c r="AE1570" s="24"/>
      <c r="AF1570" s="24"/>
      <c r="AG1570" s="24"/>
      <c r="AH1570" s="24"/>
      <c r="AI1570" s="24"/>
    </row>
    <row r="1571" spans="1:35" s="5" customFormat="1" ht="27.75" customHeight="1" x14ac:dyDescent="0.4">
      <c r="A1571" s="13" t="s">
        <v>2713</v>
      </c>
      <c r="B1571" s="9" t="s">
        <v>3126</v>
      </c>
      <c r="C1571" s="9" t="s">
        <v>3127</v>
      </c>
      <c r="D1571" s="18">
        <v>1462490134</v>
      </c>
      <c r="E1571" s="11">
        <v>46691</v>
      </c>
      <c r="F1571" s="9" t="s">
        <v>70</v>
      </c>
      <c r="G1571" s="12">
        <v>1569</v>
      </c>
      <c r="H1571" s="12">
        <f t="shared" si="48"/>
        <v>19</v>
      </c>
      <c r="I1571" s="12">
        <f t="shared" si="49"/>
        <v>16</v>
      </c>
    </row>
    <row r="1572" spans="1:35" s="5" customFormat="1" ht="27.75" customHeight="1" x14ac:dyDescent="0.4">
      <c r="A1572" s="9" t="s">
        <v>2713</v>
      </c>
      <c r="B1572" s="9" t="s">
        <v>3128</v>
      </c>
      <c r="C1572" s="9" t="s">
        <v>3129</v>
      </c>
      <c r="D1572" s="18">
        <v>1462490100</v>
      </c>
      <c r="E1572" s="11">
        <v>46387</v>
      </c>
      <c r="F1572" s="9" t="s">
        <v>70</v>
      </c>
      <c r="G1572" s="5">
        <v>1570</v>
      </c>
      <c r="H1572" s="12">
        <f t="shared" si="48"/>
        <v>14</v>
      </c>
      <c r="I1572" s="12">
        <f t="shared" si="49"/>
        <v>19</v>
      </c>
    </row>
    <row r="1573" spans="1:35" s="5" customFormat="1" ht="27.75" customHeight="1" x14ac:dyDescent="0.4">
      <c r="A1573" s="9" t="s">
        <v>2713</v>
      </c>
      <c r="B1573" s="9" t="s">
        <v>3130</v>
      </c>
      <c r="C1573" s="9" t="s">
        <v>3131</v>
      </c>
      <c r="D1573" s="18">
        <v>1462590099</v>
      </c>
      <c r="E1573" s="11">
        <v>47603</v>
      </c>
      <c r="F1573" s="9" t="s">
        <v>83</v>
      </c>
      <c r="G1573" s="12">
        <v>1571</v>
      </c>
      <c r="H1573" s="12">
        <f t="shared" si="48"/>
        <v>12</v>
      </c>
      <c r="I1573" s="12">
        <f t="shared" si="49"/>
        <v>5</v>
      </c>
    </row>
    <row r="1574" spans="1:35" s="28" customFormat="1" ht="27.75" customHeight="1" x14ac:dyDescent="0.4">
      <c r="A1574" s="9" t="s">
        <v>2713</v>
      </c>
      <c r="B1574" s="9" t="s">
        <v>3132</v>
      </c>
      <c r="C1574" s="9" t="s">
        <v>3133</v>
      </c>
      <c r="D1574" s="18">
        <v>1462590115</v>
      </c>
      <c r="E1574" s="11">
        <v>47726</v>
      </c>
      <c r="F1574" s="9" t="s">
        <v>83</v>
      </c>
      <c r="G1574" s="5">
        <v>1572</v>
      </c>
      <c r="H1574" s="12">
        <f t="shared" si="48"/>
        <v>21</v>
      </c>
      <c r="I1574" s="12">
        <f t="shared" si="49"/>
        <v>12</v>
      </c>
      <c r="J1574" s="5"/>
      <c r="K1574" s="5"/>
      <c r="L1574" s="5"/>
      <c r="M1574" s="5"/>
      <c r="N1574" s="5"/>
      <c r="O1574" s="5"/>
      <c r="P1574" s="5"/>
      <c r="Q1574" s="5"/>
      <c r="R1574" s="5"/>
      <c r="S1574" s="5"/>
      <c r="T1574" s="5"/>
      <c r="U1574" s="5"/>
      <c r="V1574" s="5"/>
      <c r="W1574" s="5"/>
      <c r="X1574" s="5"/>
      <c r="Y1574" s="5"/>
      <c r="Z1574" s="5"/>
      <c r="AA1574" s="5"/>
      <c r="AB1574" s="5"/>
      <c r="AC1574" s="5"/>
      <c r="AD1574" s="5"/>
      <c r="AE1574" s="5"/>
      <c r="AF1574" s="5"/>
      <c r="AG1574" s="5"/>
      <c r="AH1574" s="5"/>
      <c r="AI1574" s="5"/>
    </row>
    <row r="1575" spans="1:35" s="5" customFormat="1" ht="27.75" customHeight="1" x14ac:dyDescent="0.4">
      <c r="A1575" s="9" t="s">
        <v>2713</v>
      </c>
      <c r="B1575" s="13" t="s">
        <v>3134</v>
      </c>
      <c r="C1575" s="13" t="s">
        <v>1686</v>
      </c>
      <c r="D1575" s="18">
        <v>1462590065</v>
      </c>
      <c r="E1575" s="11">
        <v>46996</v>
      </c>
      <c r="F1575" s="9" t="s">
        <v>83</v>
      </c>
      <c r="G1575" s="12">
        <v>1573</v>
      </c>
      <c r="H1575" s="12">
        <f t="shared" si="48"/>
        <v>11</v>
      </c>
      <c r="I1575" s="12">
        <f t="shared" si="49"/>
        <v>21</v>
      </c>
    </row>
    <row r="1576" spans="1:35" s="5" customFormat="1" ht="27.75" customHeight="1" x14ac:dyDescent="0.4">
      <c r="A1576" s="9" t="s">
        <v>2713</v>
      </c>
      <c r="B1576" s="14" t="s">
        <v>3135</v>
      </c>
      <c r="C1576" s="9" t="s">
        <v>3136</v>
      </c>
      <c r="D1576" s="18">
        <v>1462590107</v>
      </c>
      <c r="E1576" s="11">
        <v>47634</v>
      </c>
      <c r="F1576" s="9" t="s">
        <v>83</v>
      </c>
      <c r="G1576" s="5">
        <v>1574</v>
      </c>
      <c r="H1576" s="12">
        <f t="shared" si="48"/>
        <v>19</v>
      </c>
      <c r="I1576" s="12">
        <f t="shared" si="49"/>
        <v>9</v>
      </c>
    </row>
    <row r="1577" spans="1:35" s="5" customFormat="1" ht="27.75" customHeight="1" x14ac:dyDescent="0.4">
      <c r="A1577" s="9" t="s">
        <v>2713</v>
      </c>
      <c r="B1577" s="9" t="s">
        <v>3137</v>
      </c>
      <c r="C1577" s="9" t="s">
        <v>3138</v>
      </c>
      <c r="D1577" s="18">
        <v>1462590081</v>
      </c>
      <c r="E1577" s="11">
        <v>47238</v>
      </c>
      <c r="F1577" s="9" t="s">
        <v>83</v>
      </c>
      <c r="G1577" s="12">
        <v>1575</v>
      </c>
      <c r="H1577" s="12">
        <f t="shared" si="48"/>
        <v>21</v>
      </c>
      <c r="I1577" s="12">
        <f t="shared" si="49"/>
        <v>14</v>
      </c>
    </row>
    <row r="1578" spans="1:35" s="5" customFormat="1" ht="27.75" customHeight="1" x14ac:dyDescent="0.4">
      <c r="A1578" s="13" t="s">
        <v>2713</v>
      </c>
      <c r="B1578" s="9" t="s">
        <v>3139</v>
      </c>
      <c r="C1578" s="9" t="s">
        <v>3140</v>
      </c>
      <c r="D1578" s="18">
        <v>1462590073</v>
      </c>
      <c r="E1578" s="11">
        <v>47817</v>
      </c>
      <c r="F1578" s="9" t="s">
        <v>83</v>
      </c>
      <c r="G1578" s="5">
        <v>1576</v>
      </c>
      <c r="H1578" s="12">
        <f t="shared" si="48"/>
        <v>23</v>
      </c>
      <c r="I1578" s="12">
        <f t="shared" si="49"/>
        <v>14</v>
      </c>
    </row>
    <row r="1579" spans="1:35" s="5" customFormat="1" ht="27.75" customHeight="1" x14ac:dyDescent="0.4">
      <c r="A1579" s="9" t="s">
        <v>2713</v>
      </c>
      <c r="B1579" s="9" t="s">
        <v>3141</v>
      </c>
      <c r="C1579" s="9" t="s">
        <v>3142</v>
      </c>
      <c r="D1579" s="18">
        <v>1462590057</v>
      </c>
      <c r="E1579" s="11">
        <v>46783</v>
      </c>
      <c r="F1579" s="9" t="s">
        <v>83</v>
      </c>
      <c r="G1579" s="12">
        <v>1577</v>
      </c>
      <c r="H1579" s="12">
        <f t="shared" si="48"/>
        <v>21</v>
      </c>
      <c r="I1579" s="12">
        <f t="shared" si="49"/>
        <v>18</v>
      </c>
    </row>
    <row r="1580" spans="1:35" s="5" customFormat="1" ht="27.75" customHeight="1" x14ac:dyDescent="0.4">
      <c r="A1580" s="9" t="s">
        <v>2713</v>
      </c>
      <c r="B1580" s="9" t="s">
        <v>3143</v>
      </c>
      <c r="C1580" s="9" t="s">
        <v>3144</v>
      </c>
      <c r="D1580" s="18">
        <v>1462590040</v>
      </c>
      <c r="E1580" s="11">
        <v>46387</v>
      </c>
      <c r="F1580" s="9" t="s">
        <v>83</v>
      </c>
      <c r="G1580" s="5">
        <v>1578</v>
      </c>
      <c r="H1580" s="12">
        <f t="shared" si="48"/>
        <v>14</v>
      </c>
      <c r="I1580" s="12">
        <f t="shared" si="49"/>
        <v>16</v>
      </c>
    </row>
    <row r="1581" spans="1:35" s="5" customFormat="1" ht="27.75" customHeight="1" x14ac:dyDescent="0.4">
      <c r="A1581" s="13" t="s">
        <v>2713</v>
      </c>
      <c r="B1581" s="9" t="s">
        <v>3145</v>
      </c>
      <c r="C1581" s="9" t="s">
        <v>3146</v>
      </c>
      <c r="D1581" s="18">
        <v>1462590008</v>
      </c>
      <c r="E1581" s="11">
        <v>46387</v>
      </c>
      <c r="F1581" s="9" t="s">
        <v>83</v>
      </c>
      <c r="G1581" s="12">
        <v>1579</v>
      </c>
      <c r="H1581" s="12">
        <f t="shared" si="48"/>
        <v>15</v>
      </c>
      <c r="I1581" s="12">
        <f t="shared" si="49"/>
        <v>20</v>
      </c>
    </row>
    <row r="1582" spans="1:35" s="5" customFormat="1" ht="27.75" customHeight="1" x14ac:dyDescent="0.4">
      <c r="A1582" s="9" t="s">
        <v>2713</v>
      </c>
      <c r="B1582" s="13" t="s">
        <v>3147</v>
      </c>
      <c r="C1582" s="9" t="s">
        <v>3148</v>
      </c>
      <c r="D1582" s="18">
        <v>1462790087</v>
      </c>
      <c r="E1582" s="11">
        <v>47299</v>
      </c>
      <c r="F1582" s="9" t="s">
        <v>1760</v>
      </c>
      <c r="G1582" s="5">
        <v>1580</v>
      </c>
      <c r="H1582" s="12">
        <f t="shared" si="48"/>
        <v>17</v>
      </c>
      <c r="I1582" s="12">
        <f t="shared" si="49"/>
        <v>12</v>
      </c>
      <c r="J1582" s="24"/>
      <c r="K1582" s="24"/>
      <c r="L1582" s="24"/>
    </row>
    <row r="1583" spans="1:35" s="5" customFormat="1" ht="27.75" customHeight="1" x14ac:dyDescent="0.4">
      <c r="A1583" s="9" t="s">
        <v>2713</v>
      </c>
      <c r="B1583" s="15" t="s">
        <v>3149</v>
      </c>
      <c r="C1583" s="16" t="s">
        <v>3150</v>
      </c>
      <c r="D1583" s="10">
        <v>1462790053</v>
      </c>
      <c r="E1583" s="11">
        <v>46934</v>
      </c>
      <c r="F1583" s="9" t="s">
        <v>1760</v>
      </c>
      <c r="G1583" s="12">
        <v>1581</v>
      </c>
      <c r="H1583" s="12">
        <f t="shared" si="48"/>
        <v>14</v>
      </c>
      <c r="I1583" s="12">
        <f t="shared" si="49"/>
        <v>19</v>
      </c>
    </row>
    <row r="1584" spans="1:35" s="5" customFormat="1" ht="27.75" customHeight="1" x14ac:dyDescent="0.4">
      <c r="A1584" s="9" t="s">
        <v>2713</v>
      </c>
      <c r="B1584" s="9" t="s">
        <v>3151</v>
      </c>
      <c r="C1584" s="9" t="s">
        <v>3152</v>
      </c>
      <c r="D1584" s="18">
        <v>1462790061</v>
      </c>
      <c r="E1584" s="11">
        <v>46418</v>
      </c>
      <c r="F1584" s="9" t="s">
        <v>1760</v>
      </c>
      <c r="G1584" s="5">
        <v>1582</v>
      </c>
      <c r="H1584" s="12">
        <f t="shared" si="48"/>
        <v>18</v>
      </c>
      <c r="I1584" s="12">
        <f t="shared" si="49"/>
        <v>12</v>
      </c>
    </row>
    <row r="1585" spans="1:35" s="5" customFormat="1" ht="27.75" customHeight="1" x14ac:dyDescent="0.4">
      <c r="A1585" s="13" t="s">
        <v>2713</v>
      </c>
      <c r="B1585" s="9" t="s">
        <v>3153</v>
      </c>
      <c r="C1585" s="9" t="s">
        <v>3154</v>
      </c>
      <c r="D1585" s="18">
        <v>1462790095</v>
      </c>
      <c r="E1585" s="11">
        <v>47664</v>
      </c>
      <c r="F1585" s="9" t="s">
        <v>1760</v>
      </c>
      <c r="G1585" s="12">
        <v>1583</v>
      </c>
      <c r="H1585" s="12">
        <f t="shared" si="48"/>
        <v>25</v>
      </c>
      <c r="I1585" s="12">
        <f t="shared" si="49"/>
        <v>13</v>
      </c>
    </row>
    <row r="1586" spans="1:35" s="5" customFormat="1" ht="27.75" customHeight="1" x14ac:dyDescent="0.4">
      <c r="A1586" s="9" t="s">
        <v>2713</v>
      </c>
      <c r="B1586" s="13" t="s">
        <v>3155</v>
      </c>
      <c r="C1586" s="13" t="s">
        <v>1780</v>
      </c>
      <c r="D1586" s="18">
        <v>1462790004</v>
      </c>
      <c r="E1586" s="11">
        <v>46387</v>
      </c>
      <c r="F1586" s="9" t="s">
        <v>1760</v>
      </c>
      <c r="G1586" s="5">
        <v>1584</v>
      </c>
      <c r="H1586" s="12">
        <f t="shared" si="48"/>
        <v>16</v>
      </c>
      <c r="I1586" s="12">
        <f t="shared" si="49"/>
        <v>13</v>
      </c>
    </row>
    <row r="1587" spans="1:35" s="5" customFormat="1" ht="27.75" customHeight="1" x14ac:dyDescent="0.4">
      <c r="A1587" s="9" t="s">
        <v>2713</v>
      </c>
      <c r="B1587" s="9" t="s">
        <v>3156</v>
      </c>
      <c r="C1587" s="9" t="s">
        <v>3157</v>
      </c>
      <c r="D1587" s="23">
        <v>1462890150</v>
      </c>
      <c r="E1587" s="11">
        <v>48426</v>
      </c>
      <c r="F1587" s="9" t="s">
        <v>86</v>
      </c>
      <c r="G1587" s="12">
        <v>1585</v>
      </c>
      <c r="H1587" s="12">
        <f t="shared" si="48"/>
        <v>17</v>
      </c>
      <c r="I1587" s="12">
        <f t="shared" si="49"/>
        <v>15</v>
      </c>
    </row>
    <row r="1588" spans="1:35" s="5" customFormat="1" ht="27.75" customHeight="1" x14ac:dyDescent="0.4">
      <c r="A1588" s="9" t="s">
        <v>2713</v>
      </c>
      <c r="B1588" s="9" t="s">
        <v>3158</v>
      </c>
      <c r="C1588" s="9" t="s">
        <v>3159</v>
      </c>
      <c r="D1588" s="18">
        <v>1462890077</v>
      </c>
      <c r="E1588" s="11">
        <v>46387</v>
      </c>
      <c r="F1588" s="9" t="s">
        <v>86</v>
      </c>
      <c r="G1588" s="5">
        <v>1586</v>
      </c>
      <c r="H1588" s="12">
        <f t="shared" si="48"/>
        <v>11</v>
      </c>
      <c r="I1588" s="12">
        <f t="shared" si="49"/>
        <v>17</v>
      </c>
    </row>
    <row r="1589" spans="1:35" s="5" customFormat="1" ht="27.75" customHeight="1" x14ac:dyDescent="0.4">
      <c r="A1589" s="9" t="s">
        <v>2713</v>
      </c>
      <c r="B1589" s="13" t="s">
        <v>3160</v>
      </c>
      <c r="C1589" s="13" t="s">
        <v>3161</v>
      </c>
      <c r="D1589" s="26">
        <v>1462890168</v>
      </c>
      <c r="E1589" s="11">
        <v>46326</v>
      </c>
      <c r="F1589" s="9" t="s">
        <v>86</v>
      </c>
      <c r="G1589" s="12">
        <v>1587</v>
      </c>
      <c r="H1589" s="12">
        <f t="shared" si="48"/>
        <v>13</v>
      </c>
      <c r="I1589" s="12">
        <f t="shared" si="49"/>
        <v>15</v>
      </c>
    </row>
    <row r="1590" spans="1:35" s="5" customFormat="1" ht="27.75" customHeight="1" x14ac:dyDescent="0.4">
      <c r="A1590" s="13" t="s">
        <v>2713</v>
      </c>
      <c r="B1590" s="9" t="s">
        <v>3162</v>
      </c>
      <c r="C1590" s="9" t="s">
        <v>3163</v>
      </c>
      <c r="D1590" s="18">
        <v>1462890127</v>
      </c>
      <c r="E1590" s="11">
        <v>47634</v>
      </c>
      <c r="F1590" s="9" t="s">
        <v>86</v>
      </c>
      <c r="G1590" s="5">
        <v>1588</v>
      </c>
      <c r="H1590" s="12">
        <f t="shared" si="48"/>
        <v>10</v>
      </c>
      <c r="I1590" s="12">
        <f t="shared" si="49"/>
        <v>17</v>
      </c>
    </row>
    <row r="1591" spans="1:35" s="5" customFormat="1" ht="27.75" customHeight="1" x14ac:dyDescent="0.4">
      <c r="A1591" s="9" t="s">
        <v>2713</v>
      </c>
      <c r="B1591" s="13" t="s">
        <v>3164</v>
      </c>
      <c r="C1591" s="13" t="s">
        <v>3165</v>
      </c>
      <c r="D1591" s="18">
        <v>1462890218</v>
      </c>
      <c r="E1591" s="11">
        <v>47391</v>
      </c>
      <c r="F1591" s="9" t="s">
        <v>86</v>
      </c>
      <c r="G1591" s="12">
        <v>1589</v>
      </c>
      <c r="H1591" s="12">
        <f t="shared" si="48"/>
        <v>19</v>
      </c>
      <c r="I1591" s="12">
        <f t="shared" si="49"/>
        <v>11</v>
      </c>
    </row>
    <row r="1592" spans="1:35" s="5" customFormat="1" ht="27.75" customHeight="1" x14ac:dyDescent="0.4">
      <c r="A1592" s="13" t="s">
        <v>2713</v>
      </c>
      <c r="B1592" s="9" t="s">
        <v>3166</v>
      </c>
      <c r="C1592" s="9" t="s">
        <v>3167</v>
      </c>
      <c r="D1592" s="18">
        <v>1462890101</v>
      </c>
      <c r="E1592" s="11">
        <v>46446</v>
      </c>
      <c r="F1592" s="9" t="s">
        <v>86</v>
      </c>
      <c r="G1592" s="5">
        <v>1590</v>
      </c>
      <c r="H1592" s="12">
        <f t="shared" si="48"/>
        <v>9</v>
      </c>
      <c r="I1592" s="12">
        <f t="shared" si="49"/>
        <v>12</v>
      </c>
    </row>
    <row r="1593" spans="1:35" s="5" customFormat="1" ht="27.75" customHeight="1" x14ac:dyDescent="0.4">
      <c r="A1593" s="9" t="s">
        <v>2713</v>
      </c>
      <c r="B1593" s="15" t="s">
        <v>3168</v>
      </c>
      <c r="C1593" s="16" t="s">
        <v>3169</v>
      </c>
      <c r="D1593" s="10">
        <v>1462890200</v>
      </c>
      <c r="E1593" s="27">
        <v>47208</v>
      </c>
      <c r="F1593" s="9" t="s">
        <v>86</v>
      </c>
      <c r="G1593" s="12">
        <v>1591</v>
      </c>
      <c r="H1593" s="12">
        <f t="shared" si="48"/>
        <v>12</v>
      </c>
      <c r="I1593" s="12">
        <f t="shared" si="49"/>
        <v>14</v>
      </c>
    </row>
    <row r="1594" spans="1:35" s="5" customFormat="1" ht="27.75" customHeight="1" x14ac:dyDescent="0.4">
      <c r="A1594" s="9" t="s">
        <v>2713</v>
      </c>
      <c r="B1594" s="13" t="s">
        <v>3170</v>
      </c>
      <c r="C1594" s="13" t="s">
        <v>88</v>
      </c>
      <c r="D1594" s="18">
        <v>1462890234</v>
      </c>
      <c r="E1594" s="11">
        <v>48121</v>
      </c>
      <c r="F1594" s="9" t="s">
        <v>86</v>
      </c>
      <c r="G1594" s="5">
        <v>1592</v>
      </c>
      <c r="H1594" s="12">
        <f t="shared" si="48"/>
        <v>13</v>
      </c>
      <c r="I1594" s="12">
        <f t="shared" si="49"/>
        <v>12</v>
      </c>
    </row>
    <row r="1595" spans="1:35" s="5" customFormat="1" ht="27.75" customHeight="1" x14ac:dyDescent="0.4">
      <c r="A1595" s="9" t="s">
        <v>2713</v>
      </c>
      <c r="B1595" s="15" t="s">
        <v>3171</v>
      </c>
      <c r="C1595" s="16" t="s">
        <v>1833</v>
      </c>
      <c r="D1595" s="10">
        <v>1462890002</v>
      </c>
      <c r="E1595" s="11">
        <v>46387</v>
      </c>
      <c r="F1595" s="9" t="s">
        <v>86</v>
      </c>
      <c r="G1595" s="12">
        <v>1593</v>
      </c>
      <c r="H1595" s="12">
        <f t="shared" si="48"/>
        <v>14</v>
      </c>
      <c r="I1595" s="12">
        <f t="shared" si="49"/>
        <v>22</v>
      </c>
    </row>
    <row r="1596" spans="1:35" s="5" customFormat="1" ht="27.75" customHeight="1" x14ac:dyDescent="0.4">
      <c r="A1596" s="13" t="s">
        <v>2713</v>
      </c>
      <c r="B1596" s="9" t="s">
        <v>3172</v>
      </c>
      <c r="C1596" s="9" t="s">
        <v>3173</v>
      </c>
      <c r="D1596" s="18">
        <v>1462890184</v>
      </c>
      <c r="E1596" s="11">
        <v>46630</v>
      </c>
      <c r="F1596" s="9" t="s">
        <v>86</v>
      </c>
      <c r="G1596" s="5">
        <v>1594</v>
      </c>
      <c r="H1596" s="12">
        <f t="shared" si="48"/>
        <v>11</v>
      </c>
      <c r="I1596" s="12">
        <f t="shared" si="49"/>
        <v>8</v>
      </c>
    </row>
    <row r="1597" spans="1:35" s="5" customFormat="1" ht="27.75" customHeight="1" x14ac:dyDescent="0.4">
      <c r="A1597" s="9" t="s">
        <v>2713</v>
      </c>
      <c r="B1597" s="9" t="s">
        <v>3174</v>
      </c>
      <c r="C1597" s="9" t="s">
        <v>3175</v>
      </c>
      <c r="D1597" s="18">
        <v>1462090207</v>
      </c>
      <c r="E1597" s="11">
        <v>46446</v>
      </c>
      <c r="F1597" s="9" t="s">
        <v>86</v>
      </c>
      <c r="G1597" s="12">
        <v>1595</v>
      </c>
      <c r="H1597" s="12">
        <f t="shared" si="48"/>
        <v>11</v>
      </c>
      <c r="I1597" s="12">
        <f t="shared" si="49"/>
        <v>16</v>
      </c>
    </row>
    <row r="1598" spans="1:35" s="5" customFormat="1" ht="27.75" customHeight="1" x14ac:dyDescent="0.4">
      <c r="A1598" s="9" t="s">
        <v>2713</v>
      </c>
      <c r="B1598" s="9" t="s">
        <v>3176</v>
      </c>
      <c r="C1598" s="9" t="s">
        <v>3177</v>
      </c>
      <c r="D1598" s="18">
        <v>1462890242</v>
      </c>
      <c r="E1598" s="11">
        <v>48273</v>
      </c>
      <c r="F1598" s="9" t="s">
        <v>86</v>
      </c>
      <c r="G1598" s="5">
        <v>1596</v>
      </c>
      <c r="H1598" s="12">
        <f t="shared" si="48"/>
        <v>16</v>
      </c>
      <c r="I1598" s="12">
        <f t="shared" si="49"/>
        <v>8</v>
      </c>
    </row>
    <row r="1599" spans="1:35" s="5" customFormat="1" ht="27.75" customHeight="1" x14ac:dyDescent="0.4">
      <c r="A1599" s="9" t="s">
        <v>2713</v>
      </c>
      <c r="B1599" s="9" t="s">
        <v>3178</v>
      </c>
      <c r="C1599" s="9" t="s">
        <v>3179</v>
      </c>
      <c r="D1599" s="18">
        <v>1462890036</v>
      </c>
      <c r="E1599" s="11">
        <v>46387</v>
      </c>
      <c r="F1599" s="9" t="s">
        <v>86</v>
      </c>
      <c r="G1599" s="12">
        <v>1597</v>
      </c>
      <c r="H1599" s="12">
        <f t="shared" si="48"/>
        <v>13</v>
      </c>
      <c r="I1599" s="12">
        <f t="shared" si="49"/>
        <v>15</v>
      </c>
      <c r="M1599" s="24"/>
      <c r="N1599" s="24"/>
      <c r="O1599" s="24"/>
      <c r="P1599" s="24"/>
      <c r="Q1599" s="24"/>
      <c r="R1599" s="24"/>
      <c r="S1599" s="24"/>
      <c r="T1599" s="24"/>
      <c r="U1599" s="24"/>
      <c r="V1599" s="24"/>
      <c r="W1599" s="24"/>
      <c r="X1599" s="24"/>
      <c r="Y1599" s="24"/>
      <c r="Z1599" s="24"/>
      <c r="AA1599" s="24"/>
      <c r="AB1599" s="24"/>
      <c r="AC1599" s="24"/>
      <c r="AD1599" s="24"/>
      <c r="AE1599" s="24"/>
      <c r="AF1599" s="24"/>
      <c r="AG1599" s="24"/>
      <c r="AH1599" s="24"/>
      <c r="AI1599" s="24"/>
    </row>
    <row r="1600" spans="1:35" s="5" customFormat="1" ht="27.75" customHeight="1" x14ac:dyDescent="0.4">
      <c r="A1600" s="9" t="s">
        <v>2713</v>
      </c>
      <c r="B1600" s="9" t="s">
        <v>3180</v>
      </c>
      <c r="C1600" s="9" t="s">
        <v>3181</v>
      </c>
      <c r="D1600" s="18">
        <v>1462890176</v>
      </c>
      <c r="E1600" s="11">
        <v>46418</v>
      </c>
      <c r="F1600" s="9" t="s">
        <v>86</v>
      </c>
      <c r="G1600" s="5">
        <v>1598</v>
      </c>
      <c r="H1600" s="12">
        <f t="shared" si="48"/>
        <v>18</v>
      </c>
      <c r="I1600" s="12">
        <f t="shared" si="49"/>
        <v>19</v>
      </c>
    </row>
    <row r="1601" spans="1:35" s="5" customFormat="1" ht="27.75" customHeight="1" x14ac:dyDescent="0.4">
      <c r="A1601" s="17" t="s">
        <v>2713</v>
      </c>
      <c r="B1601" s="9" t="s">
        <v>3182</v>
      </c>
      <c r="C1601" s="9" t="s">
        <v>1889</v>
      </c>
      <c r="D1601" s="18">
        <v>1462890028</v>
      </c>
      <c r="E1601" s="11">
        <v>46387</v>
      </c>
      <c r="F1601" s="9" t="s">
        <v>86</v>
      </c>
      <c r="G1601" s="12">
        <v>1599</v>
      </c>
      <c r="H1601" s="12">
        <f t="shared" si="48"/>
        <v>11</v>
      </c>
      <c r="I1601" s="12">
        <f t="shared" si="49"/>
        <v>15</v>
      </c>
    </row>
    <row r="1602" spans="1:35" s="5" customFormat="1" ht="27.75" customHeight="1" x14ac:dyDescent="0.4">
      <c r="A1602" s="9" t="s">
        <v>2713</v>
      </c>
      <c r="B1602" s="9" t="s">
        <v>3183</v>
      </c>
      <c r="C1602" s="9" t="s">
        <v>3184</v>
      </c>
      <c r="D1602" s="18">
        <v>1462890085</v>
      </c>
      <c r="E1602" s="11">
        <v>46387</v>
      </c>
      <c r="F1602" s="9" t="s">
        <v>86</v>
      </c>
      <c r="G1602" s="5">
        <v>1600</v>
      </c>
      <c r="H1602" s="12">
        <f t="shared" si="48"/>
        <v>10</v>
      </c>
      <c r="I1602" s="12">
        <f t="shared" si="49"/>
        <v>13</v>
      </c>
    </row>
    <row r="1603" spans="1:35" s="5" customFormat="1" ht="27.75" customHeight="1" x14ac:dyDescent="0.4">
      <c r="A1603" s="9" t="s">
        <v>2713</v>
      </c>
      <c r="B1603" s="9" t="s">
        <v>3185</v>
      </c>
      <c r="C1603" s="9" t="s">
        <v>3186</v>
      </c>
      <c r="D1603" s="18">
        <v>1462990505</v>
      </c>
      <c r="E1603" s="11">
        <v>47879</v>
      </c>
      <c r="F1603" s="9" t="s">
        <v>93</v>
      </c>
      <c r="G1603" s="12">
        <v>1601</v>
      </c>
      <c r="H1603" s="12">
        <f t="shared" si="48"/>
        <v>27</v>
      </c>
      <c r="I1603" s="12">
        <f t="shared" si="49"/>
        <v>15</v>
      </c>
      <c r="J1603" s="24"/>
      <c r="K1603" s="24"/>
      <c r="L1603" s="24"/>
    </row>
    <row r="1604" spans="1:35" s="5" customFormat="1" ht="27.75" customHeight="1" x14ac:dyDescent="0.4">
      <c r="A1604" s="9" t="s">
        <v>2713</v>
      </c>
      <c r="B1604" s="15" t="s">
        <v>3187</v>
      </c>
      <c r="C1604" s="16" t="s">
        <v>3188</v>
      </c>
      <c r="D1604" s="10">
        <v>1462990455</v>
      </c>
      <c r="E1604" s="27">
        <v>47634</v>
      </c>
      <c r="F1604" s="9" t="s">
        <v>93</v>
      </c>
      <c r="G1604" s="5">
        <v>1602</v>
      </c>
      <c r="H1604" s="12">
        <f t="shared" ref="H1604:H1667" si="50">LEN(C1604)</f>
        <v>27</v>
      </c>
      <c r="I1604" s="12">
        <f t="shared" ref="I1604:I1667" si="51">LEN(B1604)</f>
        <v>17</v>
      </c>
    </row>
    <row r="1605" spans="1:35" s="5" customFormat="1" ht="27.75" customHeight="1" x14ac:dyDescent="0.4">
      <c r="A1605" s="9" t="s">
        <v>2713</v>
      </c>
      <c r="B1605" s="13" t="s">
        <v>3189</v>
      </c>
      <c r="C1605" s="13" t="s">
        <v>3190</v>
      </c>
      <c r="D1605" s="26">
        <v>1462990141</v>
      </c>
      <c r="E1605" s="11">
        <v>46387</v>
      </c>
      <c r="F1605" s="9" t="s">
        <v>93</v>
      </c>
      <c r="G1605" s="12">
        <v>1603</v>
      </c>
      <c r="H1605" s="12">
        <f t="shared" si="50"/>
        <v>20</v>
      </c>
      <c r="I1605" s="12">
        <f t="shared" si="51"/>
        <v>20</v>
      </c>
    </row>
    <row r="1606" spans="1:35" s="5" customFormat="1" ht="27.75" customHeight="1" x14ac:dyDescent="0.4">
      <c r="A1606" s="22" t="s">
        <v>2713</v>
      </c>
      <c r="B1606" s="15" t="s">
        <v>3191</v>
      </c>
      <c r="C1606" s="16" t="s">
        <v>3192</v>
      </c>
      <c r="D1606" s="10">
        <v>1462990331</v>
      </c>
      <c r="E1606" s="11">
        <v>46507</v>
      </c>
      <c r="F1606" s="9" t="s">
        <v>93</v>
      </c>
      <c r="G1606" s="5">
        <v>1604</v>
      </c>
      <c r="H1606" s="12">
        <f t="shared" si="50"/>
        <v>13</v>
      </c>
      <c r="I1606" s="12">
        <f t="shared" si="51"/>
        <v>18</v>
      </c>
      <c r="J1606" s="24"/>
      <c r="K1606" s="24"/>
      <c r="L1606" s="24"/>
      <c r="M1606" s="24"/>
      <c r="N1606" s="24"/>
      <c r="O1606" s="24"/>
      <c r="P1606" s="24"/>
      <c r="Q1606" s="24"/>
      <c r="R1606" s="24"/>
      <c r="S1606" s="24"/>
      <c r="T1606" s="24"/>
      <c r="U1606" s="24"/>
      <c r="V1606" s="24"/>
      <c r="W1606" s="24"/>
      <c r="X1606" s="24"/>
      <c r="Y1606" s="24"/>
      <c r="Z1606" s="24"/>
      <c r="AA1606" s="24"/>
      <c r="AB1606" s="24"/>
      <c r="AC1606" s="24"/>
      <c r="AD1606" s="24"/>
      <c r="AE1606" s="24"/>
      <c r="AF1606" s="24"/>
      <c r="AG1606" s="24"/>
      <c r="AH1606" s="24"/>
      <c r="AI1606" s="24"/>
    </row>
    <row r="1607" spans="1:35" s="5" customFormat="1" ht="27.75" customHeight="1" x14ac:dyDescent="0.4">
      <c r="A1607" s="9" t="s">
        <v>2713</v>
      </c>
      <c r="B1607" s="16" t="s">
        <v>3193</v>
      </c>
      <c r="C1607" s="16" t="s">
        <v>3194</v>
      </c>
      <c r="D1607" s="10">
        <v>1462990406</v>
      </c>
      <c r="E1607" s="11">
        <v>47330</v>
      </c>
      <c r="F1607" s="9" t="s">
        <v>93</v>
      </c>
      <c r="G1607" s="12">
        <v>1605</v>
      </c>
      <c r="H1607" s="12">
        <f t="shared" si="50"/>
        <v>27</v>
      </c>
      <c r="I1607" s="12">
        <f t="shared" si="51"/>
        <v>19</v>
      </c>
    </row>
    <row r="1608" spans="1:35" s="5" customFormat="1" ht="27.75" customHeight="1" x14ac:dyDescent="0.4">
      <c r="A1608" s="9" t="s">
        <v>2713</v>
      </c>
      <c r="B1608" s="13" t="s">
        <v>3195</v>
      </c>
      <c r="C1608" s="13" t="s">
        <v>3196</v>
      </c>
      <c r="D1608" s="18">
        <v>1462990562</v>
      </c>
      <c r="E1608" s="11">
        <v>48091</v>
      </c>
      <c r="F1608" s="9" t="s">
        <v>93</v>
      </c>
      <c r="G1608" s="5">
        <v>1606</v>
      </c>
      <c r="H1608" s="12">
        <f t="shared" si="50"/>
        <v>11</v>
      </c>
      <c r="I1608" s="12">
        <f t="shared" si="51"/>
        <v>13</v>
      </c>
    </row>
    <row r="1609" spans="1:35" s="5" customFormat="1" ht="27.75" customHeight="1" x14ac:dyDescent="0.4">
      <c r="A1609" s="9" t="s">
        <v>2713</v>
      </c>
      <c r="B1609" s="9" t="s">
        <v>3197</v>
      </c>
      <c r="C1609" s="9" t="s">
        <v>3198</v>
      </c>
      <c r="D1609" s="18">
        <v>1462990539</v>
      </c>
      <c r="E1609" s="11">
        <v>48091</v>
      </c>
      <c r="F1609" s="9" t="s">
        <v>93</v>
      </c>
      <c r="G1609" s="12">
        <v>1607</v>
      </c>
      <c r="H1609" s="12">
        <f t="shared" si="50"/>
        <v>13</v>
      </c>
      <c r="I1609" s="12">
        <f t="shared" si="51"/>
        <v>10</v>
      </c>
    </row>
    <row r="1610" spans="1:35" s="5" customFormat="1" ht="27.75" customHeight="1" x14ac:dyDescent="0.4">
      <c r="A1610" s="9" t="s">
        <v>2713</v>
      </c>
      <c r="B1610" s="9" t="s">
        <v>3199</v>
      </c>
      <c r="C1610" s="9" t="s">
        <v>3200</v>
      </c>
      <c r="D1610" s="18">
        <v>1462990349</v>
      </c>
      <c r="E1610" s="11">
        <v>46783</v>
      </c>
      <c r="F1610" s="9" t="s">
        <v>93</v>
      </c>
      <c r="G1610" s="5">
        <v>1608</v>
      </c>
      <c r="H1610" s="12">
        <f t="shared" si="50"/>
        <v>10</v>
      </c>
      <c r="I1610" s="12">
        <f t="shared" si="51"/>
        <v>17</v>
      </c>
    </row>
    <row r="1611" spans="1:35" s="5" customFormat="1" ht="27.75" customHeight="1" x14ac:dyDescent="0.4">
      <c r="A1611" s="13" t="s">
        <v>2713</v>
      </c>
      <c r="B1611" s="9" t="s">
        <v>3201</v>
      </c>
      <c r="C1611" s="9" t="s">
        <v>3202</v>
      </c>
      <c r="D1611" s="18">
        <v>1462990372</v>
      </c>
      <c r="E1611" s="11">
        <v>47149</v>
      </c>
      <c r="F1611" s="9" t="s">
        <v>93</v>
      </c>
      <c r="G1611" s="12">
        <v>1609</v>
      </c>
      <c r="H1611" s="12">
        <f t="shared" si="50"/>
        <v>14</v>
      </c>
      <c r="I1611" s="12">
        <f t="shared" si="51"/>
        <v>18</v>
      </c>
      <c r="J1611" s="24"/>
      <c r="K1611" s="24"/>
      <c r="L1611" s="24"/>
      <c r="M1611" s="24"/>
      <c r="N1611" s="24"/>
      <c r="O1611" s="24"/>
      <c r="P1611" s="24"/>
      <c r="Q1611" s="24"/>
      <c r="R1611" s="24"/>
      <c r="S1611" s="24"/>
      <c r="T1611" s="24"/>
      <c r="U1611" s="24"/>
      <c r="V1611" s="24"/>
      <c r="W1611" s="24"/>
      <c r="X1611" s="24"/>
      <c r="Y1611" s="24"/>
      <c r="Z1611" s="24"/>
      <c r="AA1611" s="24"/>
      <c r="AB1611" s="24"/>
      <c r="AC1611" s="24"/>
      <c r="AD1611" s="24"/>
      <c r="AE1611" s="24"/>
      <c r="AF1611" s="24"/>
      <c r="AG1611" s="24"/>
      <c r="AH1611" s="24"/>
      <c r="AI1611" s="24"/>
    </row>
    <row r="1612" spans="1:35" s="5" customFormat="1" ht="27.75" customHeight="1" x14ac:dyDescent="0.4">
      <c r="A1612" s="9" t="s">
        <v>2713</v>
      </c>
      <c r="B1612" s="9" t="s">
        <v>3203</v>
      </c>
      <c r="C1612" s="9" t="s">
        <v>3204</v>
      </c>
      <c r="D1612" s="18">
        <v>1462990596</v>
      </c>
      <c r="E1612" s="11">
        <v>48304</v>
      </c>
      <c r="F1612" s="9" t="s">
        <v>93</v>
      </c>
      <c r="G1612" s="5">
        <v>1610</v>
      </c>
      <c r="H1612" s="12">
        <f t="shared" si="50"/>
        <v>11</v>
      </c>
      <c r="I1612" s="12">
        <f t="shared" si="51"/>
        <v>19</v>
      </c>
      <c r="M1612" s="24"/>
      <c r="N1612" s="24"/>
      <c r="O1612" s="24"/>
      <c r="P1612" s="24"/>
      <c r="Q1612" s="24"/>
      <c r="R1612" s="24"/>
      <c r="S1612" s="24"/>
      <c r="T1612" s="24"/>
      <c r="U1612" s="24"/>
      <c r="V1612" s="24"/>
      <c r="W1612" s="24"/>
      <c r="X1612" s="24"/>
      <c r="Y1612" s="24"/>
      <c r="Z1612" s="24"/>
      <c r="AA1612" s="24"/>
      <c r="AB1612" s="24"/>
      <c r="AC1612" s="24"/>
      <c r="AD1612" s="24"/>
      <c r="AE1612" s="24"/>
      <c r="AF1612" s="24"/>
      <c r="AG1612" s="24"/>
      <c r="AH1612" s="24"/>
      <c r="AI1612" s="24"/>
    </row>
    <row r="1613" spans="1:35" s="5" customFormat="1" ht="27.75" customHeight="1" x14ac:dyDescent="0.4">
      <c r="A1613" s="9" t="s">
        <v>2713</v>
      </c>
      <c r="B1613" s="9" t="s">
        <v>3205</v>
      </c>
      <c r="C1613" s="9" t="s">
        <v>3206</v>
      </c>
      <c r="D1613" s="18">
        <v>1462990026</v>
      </c>
      <c r="E1613" s="11">
        <v>46387</v>
      </c>
      <c r="F1613" s="9" t="s">
        <v>93</v>
      </c>
      <c r="G1613" s="12">
        <v>1611</v>
      </c>
      <c r="H1613" s="12">
        <f t="shared" si="50"/>
        <v>11</v>
      </c>
      <c r="I1613" s="12">
        <f t="shared" si="51"/>
        <v>13</v>
      </c>
      <c r="J1613" s="24"/>
      <c r="K1613" s="24"/>
      <c r="L1613" s="24"/>
      <c r="M1613" s="24"/>
      <c r="N1613" s="24"/>
      <c r="O1613" s="24"/>
      <c r="P1613" s="24"/>
      <c r="Q1613" s="24"/>
      <c r="R1613" s="24"/>
      <c r="S1613" s="24"/>
      <c r="T1613" s="24"/>
      <c r="U1613" s="24"/>
      <c r="V1613" s="24"/>
      <c r="W1613" s="24"/>
      <c r="X1613" s="24"/>
      <c r="Y1613" s="24"/>
      <c r="Z1613" s="24"/>
      <c r="AA1613" s="24"/>
      <c r="AB1613" s="24"/>
      <c r="AC1613" s="24"/>
      <c r="AD1613" s="24"/>
      <c r="AE1613" s="24"/>
      <c r="AF1613" s="24"/>
      <c r="AG1613" s="24"/>
      <c r="AH1613" s="24"/>
      <c r="AI1613" s="24"/>
    </row>
    <row r="1614" spans="1:35" s="5" customFormat="1" ht="27.75" customHeight="1" x14ac:dyDescent="0.4">
      <c r="A1614" s="9" t="s">
        <v>2713</v>
      </c>
      <c r="B1614" s="9" t="s">
        <v>3207</v>
      </c>
      <c r="C1614" s="9" t="s">
        <v>3208</v>
      </c>
      <c r="D1614" s="18">
        <v>1462990414</v>
      </c>
      <c r="E1614" s="11">
        <v>47391</v>
      </c>
      <c r="F1614" s="9" t="s">
        <v>93</v>
      </c>
      <c r="G1614" s="5">
        <v>1612</v>
      </c>
      <c r="H1614" s="12">
        <f t="shared" si="50"/>
        <v>13</v>
      </c>
      <c r="I1614" s="12">
        <f t="shared" si="51"/>
        <v>13</v>
      </c>
    </row>
    <row r="1615" spans="1:35" s="5" customFormat="1" ht="27.75" customHeight="1" x14ac:dyDescent="0.4">
      <c r="A1615" s="9" t="s">
        <v>2713</v>
      </c>
      <c r="B1615" s="9" t="s">
        <v>3209</v>
      </c>
      <c r="C1615" s="9" t="s">
        <v>3210</v>
      </c>
      <c r="D1615" s="18">
        <v>1462990323</v>
      </c>
      <c r="E1615" s="11">
        <v>46507</v>
      </c>
      <c r="F1615" s="9" t="s">
        <v>93</v>
      </c>
      <c r="G1615" s="12">
        <v>1613</v>
      </c>
      <c r="H1615" s="12">
        <f t="shared" si="50"/>
        <v>24</v>
      </c>
      <c r="I1615" s="12">
        <f t="shared" si="51"/>
        <v>18</v>
      </c>
    </row>
    <row r="1616" spans="1:35" s="5" customFormat="1" ht="27.75" customHeight="1" x14ac:dyDescent="0.4">
      <c r="A1616" s="17" t="s">
        <v>2713</v>
      </c>
      <c r="B1616" s="15" t="s">
        <v>3211</v>
      </c>
      <c r="C1616" s="15" t="s">
        <v>3212</v>
      </c>
      <c r="D1616" s="21">
        <v>1462990067</v>
      </c>
      <c r="E1616" s="11">
        <v>46387</v>
      </c>
      <c r="F1616" s="9" t="s">
        <v>93</v>
      </c>
      <c r="G1616" s="5">
        <v>1614</v>
      </c>
      <c r="H1616" s="12">
        <f t="shared" si="50"/>
        <v>10</v>
      </c>
      <c r="I1616" s="12">
        <f t="shared" si="51"/>
        <v>13</v>
      </c>
    </row>
    <row r="1617" spans="1:35" s="5" customFormat="1" ht="27.75" customHeight="1" x14ac:dyDescent="0.4">
      <c r="A1617" s="9" t="s">
        <v>2713</v>
      </c>
      <c r="B1617" s="9" t="s">
        <v>3213</v>
      </c>
      <c r="C1617" s="9" t="s">
        <v>3214</v>
      </c>
      <c r="D1617" s="18">
        <v>1462990588</v>
      </c>
      <c r="E1617" s="11">
        <v>48304</v>
      </c>
      <c r="F1617" s="9" t="s">
        <v>93</v>
      </c>
      <c r="G1617" s="12">
        <v>1615</v>
      </c>
      <c r="H1617" s="12">
        <f t="shared" si="50"/>
        <v>12</v>
      </c>
      <c r="I1617" s="12">
        <f t="shared" si="51"/>
        <v>13</v>
      </c>
      <c r="J1617" s="24"/>
      <c r="K1617" s="24"/>
      <c r="L1617" s="24"/>
    </row>
    <row r="1618" spans="1:35" s="5" customFormat="1" ht="27.75" customHeight="1" x14ac:dyDescent="0.4">
      <c r="A1618" s="13" t="s">
        <v>2713</v>
      </c>
      <c r="B1618" s="9" t="s">
        <v>3215</v>
      </c>
      <c r="C1618" s="9" t="s">
        <v>1974</v>
      </c>
      <c r="D1618" s="18">
        <v>1462990273</v>
      </c>
      <c r="E1618" s="11">
        <v>46387</v>
      </c>
      <c r="F1618" s="9" t="s">
        <v>93</v>
      </c>
      <c r="G1618" s="5">
        <v>1616</v>
      </c>
      <c r="H1618" s="12">
        <f t="shared" si="50"/>
        <v>11</v>
      </c>
      <c r="I1618" s="12">
        <f t="shared" si="51"/>
        <v>24</v>
      </c>
    </row>
    <row r="1619" spans="1:35" s="5" customFormat="1" ht="27.75" customHeight="1" x14ac:dyDescent="0.4">
      <c r="A1619" s="9" t="s">
        <v>2713</v>
      </c>
      <c r="B1619" s="9" t="s">
        <v>3216</v>
      </c>
      <c r="C1619" s="9" t="s">
        <v>3217</v>
      </c>
      <c r="D1619" s="18">
        <v>1462990000</v>
      </c>
      <c r="E1619" s="11">
        <v>46387</v>
      </c>
      <c r="F1619" s="9" t="s">
        <v>93</v>
      </c>
      <c r="G1619" s="12">
        <v>1617</v>
      </c>
      <c r="H1619" s="12">
        <f t="shared" si="50"/>
        <v>10</v>
      </c>
      <c r="I1619" s="12">
        <f t="shared" si="51"/>
        <v>13</v>
      </c>
    </row>
    <row r="1620" spans="1:35" s="5" customFormat="1" ht="27.75" customHeight="1" x14ac:dyDescent="0.4">
      <c r="A1620" s="9" t="s">
        <v>2713</v>
      </c>
      <c r="B1620" s="9" t="s">
        <v>3218</v>
      </c>
      <c r="C1620" s="9" t="s">
        <v>3219</v>
      </c>
      <c r="D1620" s="18">
        <v>1462990463</v>
      </c>
      <c r="E1620" s="11">
        <v>47634</v>
      </c>
      <c r="F1620" s="9" t="s">
        <v>93</v>
      </c>
      <c r="G1620" s="5">
        <v>1618</v>
      </c>
      <c r="H1620" s="12">
        <f t="shared" si="50"/>
        <v>17</v>
      </c>
      <c r="I1620" s="12">
        <f t="shared" si="51"/>
        <v>19</v>
      </c>
    </row>
    <row r="1621" spans="1:35" s="5" customFormat="1" ht="27.75" customHeight="1" x14ac:dyDescent="0.4">
      <c r="A1621" s="9" t="s">
        <v>2713</v>
      </c>
      <c r="B1621" s="22" t="s">
        <v>3220</v>
      </c>
      <c r="C1621" s="22" t="s">
        <v>3221</v>
      </c>
      <c r="D1621" s="10">
        <v>1462990109</v>
      </c>
      <c r="E1621" s="11">
        <v>46387</v>
      </c>
      <c r="F1621" s="9" t="s">
        <v>93</v>
      </c>
      <c r="G1621" s="12">
        <v>1619</v>
      </c>
      <c r="H1621" s="12">
        <f t="shared" si="50"/>
        <v>9</v>
      </c>
      <c r="I1621" s="12">
        <f t="shared" si="51"/>
        <v>16</v>
      </c>
    </row>
    <row r="1622" spans="1:35" s="5" customFormat="1" ht="27.75" customHeight="1" x14ac:dyDescent="0.4">
      <c r="A1622" s="22" t="s">
        <v>2713</v>
      </c>
      <c r="B1622" s="15" t="s">
        <v>3222</v>
      </c>
      <c r="C1622" s="16" t="s">
        <v>3223</v>
      </c>
      <c r="D1622" s="10">
        <v>1462990281</v>
      </c>
      <c r="E1622" s="11">
        <v>48365</v>
      </c>
      <c r="F1622" s="9" t="s">
        <v>93</v>
      </c>
      <c r="G1622" s="5">
        <v>1620</v>
      </c>
      <c r="H1622" s="12">
        <f t="shared" si="50"/>
        <v>21</v>
      </c>
      <c r="I1622" s="12">
        <f t="shared" si="51"/>
        <v>20</v>
      </c>
    </row>
    <row r="1623" spans="1:35" s="5" customFormat="1" ht="27.75" customHeight="1" x14ac:dyDescent="0.4">
      <c r="A1623" s="9" t="s">
        <v>2713</v>
      </c>
      <c r="B1623" s="9" t="s">
        <v>3224</v>
      </c>
      <c r="C1623" s="9" t="s">
        <v>3225</v>
      </c>
      <c r="D1623" s="18">
        <v>1462990299</v>
      </c>
      <c r="E1623" s="11">
        <v>46387</v>
      </c>
      <c r="F1623" s="9" t="s">
        <v>93</v>
      </c>
      <c r="G1623" s="12">
        <v>1621</v>
      </c>
      <c r="H1623" s="12">
        <f t="shared" si="50"/>
        <v>18</v>
      </c>
      <c r="I1623" s="12">
        <f t="shared" si="51"/>
        <v>15</v>
      </c>
    </row>
    <row r="1624" spans="1:35" s="5" customFormat="1" ht="27.75" customHeight="1" x14ac:dyDescent="0.4">
      <c r="A1624" s="13" t="s">
        <v>2713</v>
      </c>
      <c r="B1624" s="9" t="s">
        <v>3226</v>
      </c>
      <c r="C1624" s="9" t="s">
        <v>3227</v>
      </c>
      <c r="D1624" s="18">
        <v>1462990398</v>
      </c>
      <c r="E1624" s="11">
        <v>47299</v>
      </c>
      <c r="F1624" s="9" t="s">
        <v>93</v>
      </c>
      <c r="G1624" s="5">
        <v>1622</v>
      </c>
      <c r="H1624" s="12">
        <f t="shared" si="50"/>
        <v>23</v>
      </c>
      <c r="I1624" s="12">
        <f t="shared" si="51"/>
        <v>15</v>
      </c>
    </row>
    <row r="1625" spans="1:35" s="5" customFormat="1" ht="27.75" customHeight="1" x14ac:dyDescent="0.4">
      <c r="A1625" s="9" t="s">
        <v>2713</v>
      </c>
      <c r="B1625" s="9" t="s">
        <v>3228</v>
      </c>
      <c r="C1625" s="9" t="s">
        <v>3229</v>
      </c>
      <c r="D1625" s="18">
        <v>1462990075</v>
      </c>
      <c r="E1625" s="11">
        <v>46387</v>
      </c>
      <c r="F1625" s="9" t="s">
        <v>93</v>
      </c>
      <c r="G1625" s="12">
        <v>1623</v>
      </c>
      <c r="H1625" s="12">
        <f t="shared" si="50"/>
        <v>24</v>
      </c>
      <c r="I1625" s="12">
        <f t="shared" si="51"/>
        <v>13</v>
      </c>
    </row>
    <row r="1626" spans="1:35" s="5" customFormat="1" ht="27.75" customHeight="1" x14ac:dyDescent="0.4">
      <c r="A1626" s="9" t="s">
        <v>2713</v>
      </c>
      <c r="B1626" s="13" t="s">
        <v>3230</v>
      </c>
      <c r="C1626" s="9" t="s">
        <v>3231</v>
      </c>
      <c r="D1626" s="18">
        <v>1462990133</v>
      </c>
      <c r="E1626" s="11">
        <v>46387</v>
      </c>
      <c r="F1626" s="9" t="s">
        <v>93</v>
      </c>
      <c r="G1626" s="5">
        <v>1624</v>
      </c>
      <c r="H1626" s="12">
        <f t="shared" si="50"/>
        <v>12</v>
      </c>
      <c r="I1626" s="12">
        <f t="shared" si="51"/>
        <v>18</v>
      </c>
    </row>
    <row r="1627" spans="1:35" s="5" customFormat="1" ht="27.75" customHeight="1" x14ac:dyDescent="0.4">
      <c r="A1627" s="9" t="s">
        <v>2713</v>
      </c>
      <c r="B1627" s="9" t="s">
        <v>3232</v>
      </c>
      <c r="C1627" s="9" t="s">
        <v>3233</v>
      </c>
      <c r="D1627" s="18">
        <v>1462990570</v>
      </c>
      <c r="E1627" s="11">
        <v>48244</v>
      </c>
      <c r="F1627" s="9" t="s">
        <v>93</v>
      </c>
      <c r="G1627" s="12">
        <v>1625</v>
      </c>
      <c r="H1627" s="12">
        <f t="shared" si="50"/>
        <v>11</v>
      </c>
      <c r="I1627" s="12">
        <f t="shared" si="51"/>
        <v>19</v>
      </c>
      <c r="J1627" s="12"/>
      <c r="K1627" s="12"/>
      <c r="L1627" s="12"/>
      <c r="M1627" s="12"/>
      <c r="N1627" s="12"/>
      <c r="O1627" s="12"/>
      <c r="P1627" s="12"/>
      <c r="Q1627" s="12"/>
      <c r="R1627" s="12"/>
      <c r="S1627" s="12"/>
      <c r="T1627" s="12"/>
      <c r="U1627" s="12"/>
      <c r="V1627" s="12"/>
      <c r="W1627" s="12"/>
      <c r="X1627" s="12"/>
      <c r="Y1627" s="12"/>
      <c r="Z1627" s="12"/>
      <c r="AA1627" s="12"/>
      <c r="AB1627" s="12"/>
      <c r="AC1627" s="12"/>
      <c r="AD1627" s="12"/>
      <c r="AE1627" s="12"/>
      <c r="AF1627" s="12"/>
      <c r="AG1627" s="12"/>
      <c r="AH1627" s="12"/>
      <c r="AI1627" s="12"/>
    </row>
    <row r="1628" spans="1:35" s="5" customFormat="1" ht="27.75" customHeight="1" x14ac:dyDescent="0.4">
      <c r="A1628" s="22" t="s">
        <v>2713</v>
      </c>
      <c r="B1628" s="15" t="s">
        <v>3234</v>
      </c>
      <c r="C1628" s="16" t="s">
        <v>3235</v>
      </c>
      <c r="D1628" s="10">
        <v>1462990356</v>
      </c>
      <c r="E1628" s="11">
        <v>46752</v>
      </c>
      <c r="F1628" s="9" t="s">
        <v>93</v>
      </c>
      <c r="G1628" s="5">
        <v>1626</v>
      </c>
      <c r="H1628" s="12">
        <f t="shared" si="50"/>
        <v>11</v>
      </c>
      <c r="I1628" s="12">
        <f t="shared" si="51"/>
        <v>18</v>
      </c>
    </row>
    <row r="1629" spans="1:35" s="5" customFormat="1" ht="27.75" customHeight="1" x14ac:dyDescent="0.4">
      <c r="A1629" s="9" t="s">
        <v>2713</v>
      </c>
      <c r="B1629" s="9" t="s">
        <v>3236</v>
      </c>
      <c r="C1629" s="9" t="s">
        <v>2043</v>
      </c>
      <c r="D1629" s="18">
        <v>1462990430</v>
      </c>
      <c r="E1629" s="11">
        <v>47573</v>
      </c>
      <c r="F1629" s="9" t="s">
        <v>93</v>
      </c>
      <c r="G1629" s="12">
        <v>1627</v>
      </c>
      <c r="H1629" s="12">
        <f t="shared" si="50"/>
        <v>11</v>
      </c>
      <c r="I1629" s="12">
        <f t="shared" si="51"/>
        <v>16</v>
      </c>
    </row>
    <row r="1630" spans="1:35" s="5" customFormat="1" ht="27.75" customHeight="1" x14ac:dyDescent="0.4">
      <c r="A1630" s="9" t="s">
        <v>2713</v>
      </c>
      <c r="B1630" s="9" t="s">
        <v>3237</v>
      </c>
      <c r="C1630" s="9" t="s">
        <v>3238</v>
      </c>
      <c r="D1630" s="18">
        <v>1462990307</v>
      </c>
      <c r="E1630" s="11">
        <v>46326</v>
      </c>
      <c r="F1630" s="9" t="s">
        <v>93</v>
      </c>
      <c r="G1630" s="5">
        <v>1628</v>
      </c>
      <c r="H1630" s="12">
        <f t="shared" si="50"/>
        <v>26</v>
      </c>
      <c r="I1630" s="12">
        <f t="shared" si="51"/>
        <v>16</v>
      </c>
    </row>
    <row r="1631" spans="1:35" s="5" customFormat="1" ht="27.75" customHeight="1" x14ac:dyDescent="0.4">
      <c r="A1631" s="9" t="s">
        <v>2713</v>
      </c>
      <c r="B1631" s="9" t="s">
        <v>3239</v>
      </c>
      <c r="C1631" s="9" t="s">
        <v>3240</v>
      </c>
      <c r="D1631" s="18">
        <v>1463090081</v>
      </c>
      <c r="E1631" s="11">
        <v>46387</v>
      </c>
      <c r="F1631" s="9" t="s">
        <v>98</v>
      </c>
      <c r="G1631" s="12">
        <v>1629</v>
      </c>
      <c r="H1631" s="12">
        <f t="shared" si="50"/>
        <v>13</v>
      </c>
      <c r="I1631" s="12">
        <f t="shared" si="51"/>
        <v>17</v>
      </c>
      <c r="J1631" s="12"/>
      <c r="K1631" s="12"/>
      <c r="L1631" s="12"/>
      <c r="M1631" s="12"/>
      <c r="N1631" s="12"/>
      <c r="O1631" s="12"/>
      <c r="P1631" s="12"/>
      <c r="Q1631" s="12"/>
      <c r="R1631" s="12"/>
      <c r="S1631" s="12"/>
      <c r="T1631" s="12"/>
      <c r="U1631" s="12"/>
      <c r="V1631" s="12"/>
      <c r="W1631" s="12"/>
      <c r="X1631" s="12"/>
      <c r="Y1631" s="12"/>
      <c r="Z1631" s="12"/>
      <c r="AA1631" s="12"/>
      <c r="AB1631" s="12"/>
      <c r="AC1631" s="12"/>
      <c r="AD1631" s="12"/>
      <c r="AE1631" s="12"/>
      <c r="AF1631" s="12"/>
      <c r="AG1631" s="12"/>
      <c r="AH1631" s="12"/>
      <c r="AI1631" s="12"/>
    </row>
    <row r="1632" spans="1:35" s="5" customFormat="1" ht="27.75" customHeight="1" x14ac:dyDescent="0.4">
      <c r="A1632" s="9" t="s">
        <v>2713</v>
      </c>
      <c r="B1632" s="9" t="s">
        <v>3241</v>
      </c>
      <c r="C1632" s="9" t="s">
        <v>3240</v>
      </c>
      <c r="D1632" s="18">
        <v>1463090362</v>
      </c>
      <c r="E1632" s="11">
        <v>46783</v>
      </c>
      <c r="F1632" s="9" t="s">
        <v>98</v>
      </c>
      <c r="G1632" s="5">
        <v>1630</v>
      </c>
      <c r="H1632" s="12">
        <f t="shared" si="50"/>
        <v>13</v>
      </c>
      <c r="I1632" s="12">
        <f t="shared" si="51"/>
        <v>14</v>
      </c>
    </row>
    <row r="1633" spans="1:35" s="5" customFormat="1" ht="27.75" customHeight="1" x14ac:dyDescent="0.4">
      <c r="A1633" s="9" t="s">
        <v>2713</v>
      </c>
      <c r="B1633" s="13" t="s">
        <v>3242</v>
      </c>
      <c r="C1633" s="13" t="s">
        <v>3243</v>
      </c>
      <c r="D1633" s="18">
        <v>1463090552</v>
      </c>
      <c r="E1633" s="11">
        <v>48365</v>
      </c>
      <c r="F1633" s="9" t="s">
        <v>98</v>
      </c>
      <c r="G1633" s="12">
        <v>1631</v>
      </c>
      <c r="H1633" s="12">
        <f t="shared" si="50"/>
        <v>13</v>
      </c>
      <c r="I1633" s="12">
        <f t="shared" si="51"/>
        <v>15</v>
      </c>
      <c r="J1633" s="12"/>
      <c r="K1633" s="12"/>
      <c r="L1633" s="12"/>
      <c r="M1633" s="12"/>
      <c r="N1633" s="12"/>
      <c r="O1633" s="12"/>
      <c r="P1633" s="12"/>
      <c r="Q1633" s="12"/>
      <c r="R1633" s="12"/>
      <c r="S1633" s="12"/>
      <c r="T1633" s="12"/>
      <c r="U1633" s="12"/>
      <c r="V1633" s="12"/>
      <c r="W1633" s="12"/>
      <c r="X1633" s="12"/>
      <c r="Y1633" s="12"/>
      <c r="Z1633" s="12"/>
      <c r="AA1633" s="12"/>
      <c r="AB1633" s="12"/>
      <c r="AC1633" s="12"/>
      <c r="AD1633" s="12"/>
      <c r="AE1633" s="12"/>
      <c r="AF1633" s="12"/>
      <c r="AG1633" s="12"/>
      <c r="AH1633" s="12"/>
      <c r="AI1633" s="12"/>
    </row>
    <row r="1634" spans="1:35" s="5" customFormat="1" ht="27.75" customHeight="1" x14ac:dyDescent="0.4">
      <c r="A1634" s="15" t="s">
        <v>2713</v>
      </c>
      <c r="B1634" s="16" t="s">
        <v>3244</v>
      </c>
      <c r="C1634" s="16" t="s">
        <v>3245</v>
      </c>
      <c r="D1634" s="10">
        <v>1463090198</v>
      </c>
      <c r="E1634" s="11">
        <v>47149</v>
      </c>
      <c r="F1634" s="9" t="s">
        <v>98</v>
      </c>
      <c r="G1634" s="5">
        <v>1632</v>
      </c>
      <c r="H1634" s="12">
        <f t="shared" si="50"/>
        <v>27</v>
      </c>
      <c r="I1634" s="12">
        <f t="shared" si="51"/>
        <v>16</v>
      </c>
    </row>
    <row r="1635" spans="1:35" s="5" customFormat="1" ht="27.75" customHeight="1" x14ac:dyDescent="0.4">
      <c r="A1635" s="9" t="s">
        <v>2713</v>
      </c>
      <c r="B1635" s="9" t="s">
        <v>3246</v>
      </c>
      <c r="C1635" s="9" t="s">
        <v>3247</v>
      </c>
      <c r="D1635" s="18">
        <v>1463090255</v>
      </c>
      <c r="E1635" s="11">
        <v>47269</v>
      </c>
      <c r="F1635" s="9" t="s">
        <v>98</v>
      </c>
      <c r="G1635" s="12">
        <v>1633</v>
      </c>
      <c r="H1635" s="12">
        <f t="shared" si="50"/>
        <v>20</v>
      </c>
      <c r="I1635" s="12">
        <f t="shared" si="51"/>
        <v>14</v>
      </c>
    </row>
    <row r="1636" spans="1:35" s="5" customFormat="1" ht="27.75" customHeight="1" x14ac:dyDescent="0.4">
      <c r="A1636" s="9" t="s">
        <v>2713</v>
      </c>
      <c r="B1636" s="9" t="s">
        <v>3248</v>
      </c>
      <c r="C1636" s="9" t="s">
        <v>2064</v>
      </c>
      <c r="D1636" s="18">
        <v>1463090008</v>
      </c>
      <c r="E1636" s="11">
        <v>46387</v>
      </c>
      <c r="F1636" s="9" t="s">
        <v>98</v>
      </c>
      <c r="G1636" s="5">
        <v>1634</v>
      </c>
      <c r="H1636" s="12">
        <f t="shared" si="50"/>
        <v>11</v>
      </c>
      <c r="I1636" s="12">
        <f t="shared" si="51"/>
        <v>13</v>
      </c>
    </row>
    <row r="1637" spans="1:35" s="5" customFormat="1" ht="27.75" customHeight="1" x14ac:dyDescent="0.4">
      <c r="A1637" s="9" t="s">
        <v>2713</v>
      </c>
      <c r="B1637" s="13" t="s">
        <v>3249</v>
      </c>
      <c r="C1637" s="13" t="s">
        <v>3250</v>
      </c>
      <c r="D1637" s="18">
        <v>1463090107</v>
      </c>
      <c r="E1637" s="11">
        <v>46387</v>
      </c>
      <c r="F1637" s="9" t="s">
        <v>98</v>
      </c>
      <c r="G1637" s="12">
        <v>1635</v>
      </c>
      <c r="H1637" s="12">
        <f t="shared" si="50"/>
        <v>13</v>
      </c>
      <c r="I1637" s="12">
        <f t="shared" si="51"/>
        <v>13</v>
      </c>
    </row>
    <row r="1638" spans="1:35" s="5" customFormat="1" ht="27.75" customHeight="1" x14ac:dyDescent="0.4">
      <c r="A1638" s="13" t="s">
        <v>2713</v>
      </c>
      <c r="B1638" s="13" t="s">
        <v>3251</v>
      </c>
      <c r="C1638" s="13" t="s">
        <v>3252</v>
      </c>
      <c r="D1638" s="26">
        <v>1463090404</v>
      </c>
      <c r="E1638" s="11">
        <v>47603</v>
      </c>
      <c r="F1638" s="9" t="s">
        <v>98</v>
      </c>
      <c r="G1638" s="5">
        <v>1636</v>
      </c>
      <c r="H1638" s="12">
        <f t="shared" si="50"/>
        <v>10</v>
      </c>
      <c r="I1638" s="12">
        <f t="shared" si="51"/>
        <v>20</v>
      </c>
    </row>
    <row r="1639" spans="1:35" s="5" customFormat="1" ht="27.75" customHeight="1" x14ac:dyDescent="0.4">
      <c r="A1639" s="9" t="s">
        <v>2713</v>
      </c>
      <c r="B1639" s="14" t="s">
        <v>3253</v>
      </c>
      <c r="C1639" s="9" t="s">
        <v>3254</v>
      </c>
      <c r="D1639" s="18">
        <v>1464390545</v>
      </c>
      <c r="E1639" s="11">
        <v>48304</v>
      </c>
      <c r="F1639" s="9" t="s">
        <v>98</v>
      </c>
      <c r="G1639" s="12">
        <v>1637</v>
      </c>
      <c r="H1639" s="12">
        <f t="shared" si="50"/>
        <v>24</v>
      </c>
      <c r="I1639" s="12">
        <f t="shared" si="51"/>
        <v>13</v>
      </c>
    </row>
    <row r="1640" spans="1:35" s="5" customFormat="1" ht="27.75" customHeight="1" x14ac:dyDescent="0.4">
      <c r="A1640" s="9" t="s">
        <v>2713</v>
      </c>
      <c r="B1640" s="9" t="s">
        <v>3255</v>
      </c>
      <c r="C1640" s="9" t="s">
        <v>3256</v>
      </c>
      <c r="D1640" s="18">
        <v>1463090206</v>
      </c>
      <c r="E1640" s="11">
        <v>46965</v>
      </c>
      <c r="F1640" s="9" t="s">
        <v>98</v>
      </c>
      <c r="G1640" s="5">
        <v>1638</v>
      </c>
      <c r="H1640" s="12">
        <f t="shared" si="50"/>
        <v>11</v>
      </c>
      <c r="I1640" s="12">
        <f t="shared" si="51"/>
        <v>22</v>
      </c>
    </row>
    <row r="1641" spans="1:35" s="5" customFormat="1" ht="27.75" customHeight="1" x14ac:dyDescent="0.4">
      <c r="A1641" s="9" t="s">
        <v>2713</v>
      </c>
      <c r="B1641" s="9" t="s">
        <v>3257</v>
      </c>
      <c r="C1641" s="9" t="s">
        <v>3258</v>
      </c>
      <c r="D1641" s="18">
        <v>1463090339</v>
      </c>
      <c r="E1641" s="11">
        <v>48152</v>
      </c>
      <c r="F1641" s="9" t="s">
        <v>98</v>
      </c>
      <c r="G1641" s="12">
        <v>1639</v>
      </c>
      <c r="H1641" s="12">
        <f t="shared" si="50"/>
        <v>13</v>
      </c>
      <c r="I1641" s="12">
        <f t="shared" si="51"/>
        <v>13</v>
      </c>
    </row>
    <row r="1642" spans="1:35" s="28" customFormat="1" ht="27.75" customHeight="1" x14ac:dyDescent="0.4">
      <c r="A1642" s="16" t="s">
        <v>2713</v>
      </c>
      <c r="B1642" s="15" t="s">
        <v>3259</v>
      </c>
      <c r="C1642" s="16" t="s">
        <v>3260</v>
      </c>
      <c r="D1642" s="10">
        <v>1463090537</v>
      </c>
      <c r="E1642" s="11">
        <v>48182</v>
      </c>
      <c r="F1642" s="9" t="s">
        <v>98</v>
      </c>
      <c r="G1642" s="5">
        <v>1640</v>
      </c>
      <c r="H1642" s="12">
        <f t="shared" si="50"/>
        <v>15</v>
      </c>
      <c r="I1642" s="12">
        <f t="shared" si="51"/>
        <v>13</v>
      </c>
      <c r="J1642" s="5"/>
      <c r="K1642" s="5"/>
      <c r="L1642" s="5"/>
      <c r="M1642" s="5"/>
      <c r="N1642" s="5"/>
      <c r="O1642" s="5"/>
      <c r="P1642" s="5"/>
      <c r="Q1642" s="5"/>
      <c r="R1642" s="5"/>
      <c r="S1642" s="5"/>
      <c r="T1642" s="5"/>
      <c r="U1642" s="5"/>
      <c r="V1642" s="5"/>
      <c r="W1642" s="5"/>
      <c r="X1642" s="5"/>
      <c r="Y1642" s="5"/>
      <c r="Z1642" s="5"/>
      <c r="AA1642" s="5"/>
      <c r="AB1642" s="5"/>
      <c r="AC1642" s="5"/>
      <c r="AD1642" s="5"/>
      <c r="AE1642" s="5"/>
      <c r="AF1642" s="5"/>
      <c r="AG1642" s="5"/>
      <c r="AH1642" s="5"/>
      <c r="AI1642" s="5"/>
    </row>
    <row r="1643" spans="1:35" s="5" customFormat="1" ht="27.75" customHeight="1" x14ac:dyDescent="0.4">
      <c r="A1643" s="9" t="s">
        <v>2713</v>
      </c>
      <c r="B1643" s="13" t="s">
        <v>3261</v>
      </c>
      <c r="C1643" s="13" t="s">
        <v>3262</v>
      </c>
      <c r="D1643" s="18">
        <v>1463090412</v>
      </c>
      <c r="E1643" s="11">
        <v>47330</v>
      </c>
      <c r="F1643" s="9" t="s">
        <v>98</v>
      </c>
      <c r="G1643" s="12">
        <v>1641</v>
      </c>
      <c r="H1643" s="12">
        <f t="shared" si="50"/>
        <v>27</v>
      </c>
      <c r="I1643" s="12">
        <f t="shared" si="51"/>
        <v>14</v>
      </c>
    </row>
    <row r="1644" spans="1:35" s="5" customFormat="1" ht="27.75" customHeight="1" x14ac:dyDescent="0.4">
      <c r="A1644" s="13" t="s">
        <v>2713</v>
      </c>
      <c r="B1644" s="9" t="s">
        <v>3263</v>
      </c>
      <c r="C1644" s="9" t="s">
        <v>3264</v>
      </c>
      <c r="D1644" s="18">
        <v>1463090438</v>
      </c>
      <c r="E1644" s="11">
        <v>47330</v>
      </c>
      <c r="F1644" s="9" t="s">
        <v>98</v>
      </c>
      <c r="G1644" s="5">
        <v>1642</v>
      </c>
      <c r="H1644" s="12">
        <f t="shared" si="50"/>
        <v>22</v>
      </c>
      <c r="I1644" s="12">
        <f t="shared" si="51"/>
        <v>19</v>
      </c>
    </row>
    <row r="1645" spans="1:35" s="5" customFormat="1" ht="27.75" customHeight="1" x14ac:dyDescent="0.4">
      <c r="A1645" s="13" t="s">
        <v>2713</v>
      </c>
      <c r="B1645" s="9" t="s">
        <v>3265</v>
      </c>
      <c r="C1645" s="9" t="s">
        <v>3266</v>
      </c>
      <c r="D1645" s="18">
        <v>1463090370</v>
      </c>
      <c r="E1645" s="11">
        <v>46812</v>
      </c>
      <c r="F1645" s="9" t="s">
        <v>98</v>
      </c>
      <c r="G1645" s="12">
        <v>1643</v>
      </c>
      <c r="H1645" s="12">
        <f t="shared" si="50"/>
        <v>13</v>
      </c>
      <c r="I1645" s="12">
        <f t="shared" si="51"/>
        <v>17</v>
      </c>
    </row>
    <row r="1646" spans="1:35" s="5" customFormat="1" ht="27.75" customHeight="1" x14ac:dyDescent="0.4">
      <c r="A1646" s="9" t="s">
        <v>2713</v>
      </c>
      <c r="B1646" s="9" t="s">
        <v>3267</v>
      </c>
      <c r="C1646" s="9" t="s">
        <v>3268</v>
      </c>
      <c r="D1646" s="18">
        <v>1463090420</v>
      </c>
      <c r="E1646" s="11">
        <v>47299</v>
      </c>
      <c r="F1646" s="9" t="s">
        <v>98</v>
      </c>
      <c r="G1646" s="5">
        <v>1644</v>
      </c>
      <c r="H1646" s="12">
        <f t="shared" si="50"/>
        <v>20</v>
      </c>
      <c r="I1646" s="12">
        <f t="shared" si="51"/>
        <v>15</v>
      </c>
    </row>
    <row r="1647" spans="1:35" s="5" customFormat="1" ht="27.75" customHeight="1" x14ac:dyDescent="0.4">
      <c r="A1647" s="9" t="s">
        <v>2713</v>
      </c>
      <c r="B1647" s="9" t="s">
        <v>3269</v>
      </c>
      <c r="C1647" s="9" t="s">
        <v>3270</v>
      </c>
      <c r="D1647" s="18">
        <v>1463090396</v>
      </c>
      <c r="E1647" s="11">
        <v>47057</v>
      </c>
      <c r="F1647" s="9" t="s">
        <v>98</v>
      </c>
      <c r="G1647" s="12">
        <v>1645</v>
      </c>
      <c r="H1647" s="12">
        <f t="shared" si="50"/>
        <v>10</v>
      </c>
      <c r="I1647" s="12">
        <f t="shared" si="51"/>
        <v>7</v>
      </c>
    </row>
    <row r="1648" spans="1:35" s="5" customFormat="1" ht="27.75" customHeight="1" x14ac:dyDescent="0.4">
      <c r="A1648" s="13" t="s">
        <v>2713</v>
      </c>
      <c r="B1648" s="9" t="s">
        <v>3271</v>
      </c>
      <c r="C1648" s="9" t="s">
        <v>3272</v>
      </c>
      <c r="D1648" s="18">
        <v>1463090354</v>
      </c>
      <c r="E1648" s="11">
        <v>46783</v>
      </c>
      <c r="F1648" s="9" t="s">
        <v>98</v>
      </c>
      <c r="G1648" s="5">
        <v>1646</v>
      </c>
      <c r="H1648" s="12">
        <f t="shared" si="50"/>
        <v>26</v>
      </c>
      <c r="I1648" s="12">
        <f t="shared" si="51"/>
        <v>15</v>
      </c>
    </row>
    <row r="1649" spans="1:35" s="5" customFormat="1" ht="27.75" customHeight="1" x14ac:dyDescent="0.4">
      <c r="A1649" s="9" t="s">
        <v>2713</v>
      </c>
      <c r="B1649" s="9" t="s">
        <v>3273</v>
      </c>
      <c r="C1649" s="9" t="s">
        <v>3274</v>
      </c>
      <c r="D1649" s="18">
        <v>1463090388</v>
      </c>
      <c r="E1649" s="11">
        <v>47057</v>
      </c>
      <c r="F1649" s="9" t="s">
        <v>98</v>
      </c>
      <c r="G1649" s="12">
        <v>1647</v>
      </c>
      <c r="H1649" s="12">
        <f t="shared" si="50"/>
        <v>28</v>
      </c>
      <c r="I1649" s="12">
        <f t="shared" si="51"/>
        <v>14</v>
      </c>
    </row>
    <row r="1650" spans="1:35" s="5" customFormat="1" ht="27.75" customHeight="1" x14ac:dyDescent="0.4">
      <c r="A1650" s="9" t="s">
        <v>2713</v>
      </c>
      <c r="B1650" s="9" t="s">
        <v>3275</v>
      </c>
      <c r="C1650" s="13" t="s">
        <v>2137</v>
      </c>
      <c r="D1650" s="18">
        <v>1463090156</v>
      </c>
      <c r="E1650" s="11">
        <v>46387</v>
      </c>
      <c r="F1650" s="9" t="s">
        <v>98</v>
      </c>
      <c r="G1650" s="5">
        <v>1648</v>
      </c>
      <c r="H1650" s="12">
        <f t="shared" si="50"/>
        <v>11</v>
      </c>
      <c r="I1650" s="12">
        <f t="shared" si="51"/>
        <v>23</v>
      </c>
    </row>
    <row r="1651" spans="1:35" s="5" customFormat="1" ht="27.75" customHeight="1" x14ac:dyDescent="0.4">
      <c r="A1651" s="9" t="s">
        <v>2713</v>
      </c>
      <c r="B1651" s="9" t="s">
        <v>3276</v>
      </c>
      <c r="C1651" s="9" t="s">
        <v>3277</v>
      </c>
      <c r="D1651" s="18">
        <v>1463090180</v>
      </c>
      <c r="E1651" s="11">
        <v>46387</v>
      </c>
      <c r="F1651" s="9" t="s">
        <v>98</v>
      </c>
      <c r="G1651" s="12">
        <v>1649</v>
      </c>
      <c r="H1651" s="12">
        <f t="shared" si="50"/>
        <v>11</v>
      </c>
      <c r="I1651" s="12">
        <f t="shared" si="51"/>
        <v>14</v>
      </c>
      <c r="J1651" s="24"/>
      <c r="K1651" s="24"/>
      <c r="L1651" s="24"/>
      <c r="M1651" s="24"/>
      <c r="N1651" s="24"/>
      <c r="O1651" s="24"/>
      <c r="P1651" s="24"/>
      <c r="Q1651" s="24"/>
      <c r="R1651" s="24"/>
      <c r="S1651" s="24"/>
      <c r="T1651" s="24"/>
      <c r="U1651" s="24"/>
      <c r="V1651" s="24"/>
      <c r="W1651" s="24"/>
      <c r="X1651" s="24"/>
      <c r="Y1651" s="24"/>
      <c r="Z1651" s="24"/>
      <c r="AA1651" s="24"/>
      <c r="AB1651" s="24"/>
      <c r="AC1651" s="24"/>
      <c r="AD1651" s="24"/>
      <c r="AE1651" s="24"/>
      <c r="AF1651" s="24"/>
      <c r="AG1651" s="24"/>
      <c r="AH1651" s="24"/>
      <c r="AI1651" s="24"/>
    </row>
    <row r="1652" spans="1:35" s="5" customFormat="1" ht="27.75" customHeight="1" x14ac:dyDescent="0.4">
      <c r="A1652" s="9" t="s">
        <v>2713</v>
      </c>
      <c r="B1652" s="9" t="s">
        <v>3278</v>
      </c>
      <c r="C1652" s="9" t="s">
        <v>3279</v>
      </c>
      <c r="D1652" s="18">
        <v>1463090222</v>
      </c>
      <c r="E1652" s="11">
        <v>47149</v>
      </c>
      <c r="F1652" s="9" t="s">
        <v>98</v>
      </c>
      <c r="G1652" s="5">
        <v>1650</v>
      </c>
      <c r="H1652" s="12">
        <f t="shared" si="50"/>
        <v>13</v>
      </c>
      <c r="I1652" s="12">
        <f t="shared" si="51"/>
        <v>17</v>
      </c>
    </row>
    <row r="1653" spans="1:35" s="5" customFormat="1" ht="27.75" customHeight="1" x14ac:dyDescent="0.4">
      <c r="A1653" s="9" t="s">
        <v>2713</v>
      </c>
      <c r="B1653" s="13" t="s">
        <v>3280</v>
      </c>
      <c r="C1653" s="13" t="s">
        <v>3281</v>
      </c>
      <c r="D1653" s="18">
        <v>1463090453</v>
      </c>
      <c r="E1653" s="11">
        <v>47573</v>
      </c>
      <c r="F1653" s="9" t="s">
        <v>98</v>
      </c>
      <c r="G1653" s="12">
        <v>1651</v>
      </c>
      <c r="H1653" s="12">
        <f t="shared" si="50"/>
        <v>14</v>
      </c>
      <c r="I1653" s="12">
        <f t="shared" si="51"/>
        <v>16</v>
      </c>
    </row>
    <row r="1654" spans="1:35" s="5" customFormat="1" ht="27.75" customHeight="1" x14ac:dyDescent="0.4">
      <c r="A1654" s="9" t="s">
        <v>2713</v>
      </c>
      <c r="B1654" s="15" t="s">
        <v>3282</v>
      </c>
      <c r="C1654" s="16" t="s">
        <v>3283</v>
      </c>
      <c r="D1654" s="10">
        <v>1463090248</v>
      </c>
      <c r="E1654" s="11">
        <v>47269</v>
      </c>
      <c r="F1654" s="9" t="s">
        <v>98</v>
      </c>
      <c r="G1654" s="5">
        <v>1652</v>
      </c>
      <c r="H1654" s="12">
        <f t="shared" si="50"/>
        <v>26</v>
      </c>
      <c r="I1654" s="12">
        <f t="shared" si="51"/>
        <v>19</v>
      </c>
    </row>
    <row r="1655" spans="1:35" s="5" customFormat="1" ht="27.75" customHeight="1" x14ac:dyDescent="0.4">
      <c r="A1655" s="9" t="s">
        <v>2713</v>
      </c>
      <c r="B1655" s="9" t="s">
        <v>3284</v>
      </c>
      <c r="C1655" s="9" t="s">
        <v>3285</v>
      </c>
      <c r="D1655" s="18">
        <v>1463090541</v>
      </c>
      <c r="E1655" s="11">
        <v>48091</v>
      </c>
      <c r="F1655" s="9" t="s">
        <v>98</v>
      </c>
      <c r="G1655" s="12">
        <v>1653</v>
      </c>
      <c r="H1655" s="12">
        <f t="shared" si="50"/>
        <v>16</v>
      </c>
      <c r="I1655" s="12">
        <f t="shared" si="51"/>
        <v>20</v>
      </c>
    </row>
    <row r="1656" spans="1:35" s="5" customFormat="1" ht="27.75" customHeight="1" x14ac:dyDescent="0.4">
      <c r="A1656" s="9" t="s">
        <v>2713</v>
      </c>
      <c r="B1656" s="9" t="s">
        <v>3286</v>
      </c>
      <c r="C1656" s="9" t="s">
        <v>3287</v>
      </c>
      <c r="D1656" s="18">
        <v>1463090024</v>
      </c>
      <c r="E1656" s="11">
        <v>46387</v>
      </c>
      <c r="F1656" s="9" t="s">
        <v>98</v>
      </c>
      <c r="G1656" s="5">
        <v>1654</v>
      </c>
      <c r="H1656" s="12">
        <f t="shared" si="50"/>
        <v>11</v>
      </c>
      <c r="I1656" s="12">
        <f t="shared" si="51"/>
        <v>16</v>
      </c>
    </row>
    <row r="1657" spans="1:35" s="5" customFormat="1" ht="27.75" customHeight="1" x14ac:dyDescent="0.4">
      <c r="A1657" s="9" t="s">
        <v>2713</v>
      </c>
      <c r="B1657" s="9" t="s">
        <v>3288</v>
      </c>
      <c r="C1657" s="9" t="s">
        <v>3289</v>
      </c>
      <c r="D1657" s="18">
        <v>1463090271</v>
      </c>
      <c r="E1657" s="11">
        <v>47391</v>
      </c>
      <c r="F1657" s="9" t="s">
        <v>98</v>
      </c>
      <c r="G1657" s="12">
        <v>1655</v>
      </c>
      <c r="H1657" s="12">
        <f t="shared" si="50"/>
        <v>22</v>
      </c>
      <c r="I1657" s="12">
        <f t="shared" si="51"/>
        <v>13</v>
      </c>
    </row>
    <row r="1658" spans="1:35" s="5" customFormat="1" ht="27.75" customHeight="1" x14ac:dyDescent="0.4">
      <c r="A1658" s="9" t="s">
        <v>2713</v>
      </c>
      <c r="B1658" s="9" t="s">
        <v>3290</v>
      </c>
      <c r="C1658" s="9" t="s">
        <v>3291</v>
      </c>
      <c r="D1658" s="18">
        <v>1463090479</v>
      </c>
      <c r="E1658" s="11">
        <v>47542</v>
      </c>
      <c r="F1658" s="9" t="s">
        <v>98</v>
      </c>
      <c r="G1658" s="5">
        <v>1656</v>
      </c>
      <c r="H1658" s="12">
        <f t="shared" si="50"/>
        <v>13</v>
      </c>
      <c r="I1658" s="12">
        <f t="shared" si="51"/>
        <v>6</v>
      </c>
    </row>
    <row r="1659" spans="1:35" s="5" customFormat="1" ht="27.75" customHeight="1" x14ac:dyDescent="0.4">
      <c r="A1659" s="13" t="s">
        <v>2713</v>
      </c>
      <c r="B1659" s="9" t="s">
        <v>3292</v>
      </c>
      <c r="C1659" s="9" t="s">
        <v>3293</v>
      </c>
      <c r="D1659" s="18">
        <v>1463090164</v>
      </c>
      <c r="E1659" s="11">
        <v>46387</v>
      </c>
      <c r="F1659" s="9" t="s">
        <v>98</v>
      </c>
      <c r="G1659" s="12">
        <v>1657</v>
      </c>
      <c r="H1659" s="12">
        <f t="shared" si="50"/>
        <v>12</v>
      </c>
      <c r="I1659" s="12">
        <f t="shared" si="51"/>
        <v>21</v>
      </c>
    </row>
    <row r="1660" spans="1:35" s="5" customFormat="1" ht="27.75" customHeight="1" x14ac:dyDescent="0.4">
      <c r="A1660" s="9" t="s">
        <v>2713</v>
      </c>
      <c r="B1660" s="15" t="s">
        <v>3294</v>
      </c>
      <c r="C1660" s="16" t="s">
        <v>3295</v>
      </c>
      <c r="D1660" s="10">
        <v>1463090099</v>
      </c>
      <c r="E1660" s="11">
        <v>46387</v>
      </c>
      <c r="F1660" s="9" t="s">
        <v>98</v>
      </c>
      <c r="G1660" s="5">
        <v>1658</v>
      </c>
      <c r="H1660" s="12">
        <f t="shared" si="50"/>
        <v>22</v>
      </c>
      <c r="I1660" s="12">
        <f t="shared" si="51"/>
        <v>15</v>
      </c>
    </row>
    <row r="1661" spans="1:35" s="5" customFormat="1" ht="27.75" customHeight="1" x14ac:dyDescent="0.4">
      <c r="A1661" s="9" t="s">
        <v>2713</v>
      </c>
      <c r="B1661" s="13" t="s">
        <v>3296</v>
      </c>
      <c r="C1661" s="13" t="s">
        <v>3297</v>
      </c>
      <c r="D1661" s="18">
        <v>1463090016</v>
      </c>
      <c r="E1661" s="11">
        <v>46387</v>
      </c>
      <c r="F1661" s="9" t="s">
        <v>98</v>
      </c>
      <c r="G1661" s="12">
        <v>1659</v>
      </c>
      <c r="H1661" s="12">
        <f t="shared" si="50"/>
        <v>27</v>
      </c>
      <c r="I1661" s="12">
        <f t="shared" si="51"/>
        <v>12</v>
      </c>
    </row>
    <row r="1662" spans="1:35" s="5" customFormat="1" ht="27.75" customHeight="1" x14ac:dyDescent="0.4">
      <c r="A1662" s="13" t="s">
        <v>2713</v>
      </c>
      <c r="B1662" s="9" t="s">
        <v>3298</v>
      </c>
      <c r="C1662" s="9" t="s">
        <v>3299</v>
      </c>
      <c r="D1662" s="18">
        <v>1463090313</v>
      </c>
      <c r="E1662" s="11">
        <v>47968</v>
      </c>
      <c r="F1662" s="9" t="s">
        <v>98</v>
      </c>
      <c r="G1662" s="5">
        <v>1660</v>
      </c>
      <c r="H1662" s="12">
        <f t="shared" si="50"/>
        <v>10</v>
      </c>
      <c r="I1662" s="12">
        <f t="shared" si="51"/>
        <v>15</v>
      </c>
      <c r="M1662" s="24"/>
      <c r="N1662" s="24"/>
      <c r="O1662" s="24"/>
      <c r="P1662" s="24"/>
      <c r="Q1662" s="24"/>
      <c r="R1662" s="24"/>
      <c r="S1662" s="24"/>
      <c r="T1662" s="24"/>
      <c r="U1662" s="24"/>
      <c r="V1662" s="24"/>
      <c r="W1662" s="24"/>
      <c r="X1662" s="24"/>
      <c r="Y1662" s="24"/>
      <c r="Z1662" s="24"/>
      <c r="AA1662" s="24"/>
      <c r="AB1662" s="24"/>
      <c r="AC1662" s="24"/>
      <c r="AD1662" s="24"/>
      <c r="AE1662" s="24"/>
      <c r="AF1662" s="24"/>
      <c r="AG1662" s="24"/>
      <c r="AH1662" s="24"/>
      <c r="AI1662" s="24"/>
    </row>
    <row r="1663" spans="1:35" s="5" customFormat="1" ht="27.75" customHeight="1" x14ac:dyDescent="0.4">
      <c r="A1663" s="9" t="s">
        <v>2713</v>
      </c>
      <c r="B1663" s="13" t="s">
        <v>3300</v>
      </c>
      <c r="C1663" s="9" t="s">
        <v>3301</v>
      </c>
      <c r="D1663" s="18">
        <v>1463090487</v>
      </c>
      <c r="E1663" s="11">
        <v>47787</v>
      </c>
      <c r="F1663" s="9" t="s">
        <v>98</v>
      </c>
      <c r="G1663" s="12">
        <v>1661</v>
      </c>
      <c r="H1663" s="12">
        <f t="shared" si="50"/>
        <v>19</v>
      </c>
      <c r="I1663" s="12">
        <f t="shared" si="51"/>
        <v>16</v>
      </c>
    </row>
    <row r="1664" spans="1:35" s="5" customFormat="1" ht="27.75" customHeight="1" x14ac:dyDescent="0.4">
      <c r="A1664" s="9" t="s">
        <v>2713</v>
      </c>
      <c r="B1664" s="9" t="s">
        <v>3302</v>
      </c>
      <c r="C1664" s="9" t="s">
        <v>3303</v>
      </c>
      <c r="D1664" s="18">
        <v>1464090338</v>
      </c>
      <c r="E1664" s="11">
        <v>47756</v>
      </c>
      <c r="F1664" s="9" t="s">
        <v>2240</v>
      </c>
      <c r="G1664" s="5">
        <v>1662</v>
      </c>
      <c r="H1664" s="12">
        <f t="shared" si="50"/>
        <v>10</v>
      </c>
      <c r="I1664" s="12">
        <f t="shared" si="51"/>
        <v>14</v>
      </c>
    </row>
    <row r="1665" spans="1:35" s="5" customFormat="1" ht="27.75" customHeight="1" x14ac:dyDescent="0.4">
      <c r="A1665" s="13" t="s">
        <v>2713</v>
      </c>
      <c r="B1665" s="9" t="s">
        <v>3304</v>
      </c>
      <c r="C1665" s="9" t="s">
        <v>3305</v>
      </c>
      <c r="D1665" s="18">
        <v>1464090288</v>
      </c>
      <c r="E1665" s="11">
        <v>47299</v>
      </c>
      <c r="F1665" s="9" t="s">
        <v>2240</v>
      </c>
      <c r="G1665" s="12">
        <v>1663</v>
      </c>
      <c r="H1665" s="12">
        <f t="shared" si="50"/>
        <v>22</v>
      </c>
      <c r="I1665" s="12">
        <f t="shared" si="51"/>
        <v>16</v>
      </c>
    </row>
    <row r="1666" spans="1:35" s="5" customFormat="1" ht="27.75" customHeight="1" x14ac:dyDescent="0.4">
      <c r="A1666" s="9" t="s">
        <v>2713</v>
      </c>
      <c r="B1666" s="9" t="s">
        <v>3306</v>
      </c>
      <c r="C1666" s="9" t="s">
        <v>3307</v>
      </c>
      <c r="D1666" s="18">
        <v>1464090221</v>
      </c>
      <c r="E1666" s="11">
        <v>47999</v>
      </c>
      <c r="F1666" s="9" t="s">
        <v>2240</v>
      </c>
      <c r="G1666" s="5">
        <v>1664</v>
      </c>
      <c r="H1666" s="12">
        <f t="shared" si="50"/>
        <v>25</v>
      </c>
      <c r="I1666" s="12">
        <f t="shared" si="51"/>
        <v>14</v>
      </c>
      <c r="J1666" s="12"/>
      <c r="K1666" s="12"/>
      <c r="L1666" s="12"/>
      <c r="M1666" s="12"/>
      <c r="N1666" s="12"/>
      <c r="O1666" s="12"/>
      <c r="P1666" s="12"/>
      <c r="Q1666" s="12"/>
      <c r="R1666" s="12"/>
      <c r="S1666" s="12"/>
      <c r="T1666" s="12"/>
      <c r="U1666" s="12"/>
      <c r="V1666" s="12"/>
      <c r="W1666" s="12"/>
      <c r="X1666" s="12"/>
      <c r="Y1666" s="12"/>
      <c r="Z1666" s="12"/>
      <c r="AA1666" s="12"/>
      <c r="AB1666" s="12"/>
      <c r="AC1666" s="12"/>
      <c r="AD1666" s="12"/>
      <c r="AE1666" s="12"/>
      <c r="AF1666" s="12"/>
      <c r="AG1666" s="12"/>
      <c r="AH1666" s="12"/>
      <c r="AI1666" s="12"/>
    </row>
    <row r="1667" spans="1:35" s="5" customFormat="1" ht="27.75" customHeight="1" x14ac:dyDescent="0.4">
      <c r="A1667" s="17" t="s">
        <v>2713</v>
      </c>
      <c r="B1667" s="9" t="s">
        <v>3308</v>
      </c>
      <c r="C1667" s="9" t="s">
        <v>3309</v>
      </c>
      <c r="D1667" s="18">
        <v>1464090130</v>
      </c>
      <c r="E1667" s="11">
        <v>46387</v>
      </c>
      <c r="F1667" s="9" t="s">
        <v>2240</v>
      </c>
      <c r="G1667" s="12">
        <v>1665</v>
      </c>
      <c r="H1667" s="12">
        <f t="shared" si="50"/>
        <v>13</v>
      </c>
      <c r="I1667" s="12">
        <f t="shared" si="51"/>
        <v>16</v>
      </c>
    </row>
    <row r="1668" spans="1:35" s="5" customFormat="1" ht="27.75" customHeight="1" x14ac:dyDescent="0.4">
      <c r="A1668" s="9" t="s">
        <v>2713</v>
      </c>
      <c r="B1668" s="13" t="s">
        <v>3310</v>
      </c>
      <c r="C1668" s="13" t="s">
        <v>3309</v>
      </c>
      <c r="D1668" s="18">
        <v>1464090247</v>
      </c>
      <c r="E1668" s="11">
        <v>48334</v>
      </c>
      <c r="F1668" s="9" t="s">
        <v>2240</v>
      </c>
      <c r="G1668" s="5">
        <v>1666</v>
      </c>
      <c r="H1668" s="12">
        <f t="shared" ref="H1668:H1731" si="52">LEN(C1668)</f>
        <v>13</v>
      </c>
      <c r="I1668" s="12">
        <f t="shared" ref="I1668:I1731" si="53">LEN(B1668)</f>
        <v>4</v>
      </c>
    </row>
    <row r="1669" spans="1:35" s="5" customFormat="1" ht="27.75" customHeight="1" x14ac:dyDescent="0.4">
      <c r="A1669" s="9" t="s">
        <v>2713</v>
      </c>
      <c r="B1669" s="9" t="s">
        <v>3311</v>
      </c>
      <c r="C1669" s="9" t="s">
        <v>3312</v>
      </c>
      <c r="D1669" s="18">
        <v>1464090007</v>
      </c>
      <c r="E1669" s="11">
        <v>46387</v>
      </c>
      <c r="F1669" s="9" t="s">
        <v>2240</v>
      </c>
      <c r="G1669" s="12">
        <v>1667</v>
      </c>
      <c r="H1669" s="12">
        <f t="shared" si="52"/>
        <v>28</v>
      </c>
      <c r="I1669" s="12">
        <f t="shared" si="53"/>
        <v>16</v>
      </c>
    </row>
    <row r="1670" spans="1:35" s="5" customFormat="1" ht="27.75" customHeight="1" x14ac:dyDescent="0.4">
      <c r="A1670" s="9" t="s">
        <v>2713</v>
      </c>
      <c r="B1670" s="13" t="s">
        <v>3313</v>
      </c>
      <c r="C1670" s="13" t="s">
        <v>3314</v>
      </c>
      <c r="D1670" s="18">
        <v>1464090049</v>
      </c>
      <c r="E1670" s="11">
        <v>46387</v>
      </c>
      <c r="F1670" s="9" t="s">
        <v>2240</v>
      </c>
      <c r="G1670" s="5">
        <v>1668</v>
      </c>
      <c r="H1670" s="12">
        <f t="shared" si="52"/>
        <v>21</v>
      </c>
      <c r="I1670" s="12">
        <f t="shared" si="53"/>
        <v>26</v>
      </c>
    </row>
    <row r="1671" spans="1:35" s="5" customFormat="1" ht="27.75" customHeight="1" x14ac:dyDescent="0.4">
      <c r="A1671" s="9" t="s">
        <v>2713</v>
      </c>
      <c r="B1671" s="9" t="s">
        <v>3315</v>
      </c>
      <c r="C1671" s="9" t="s">
        <v>3316</v>
      </c>
      <c r="D1671" s="18">
        <v>1464090361</v>
      </c>
      <c r="E1671" s="11">
        <v>48029</v>
      </c>
      <c r="F1671" s="9" t="s">
        <v>2240</v>
      </c>
      <c r="G1671" s="12">
        <v>1669</v>
      </c>
      <c r="H1671" s="12">
        <f t="shared" si="52"/>
        <v>25</v>
      </c>
      <c r="I1671" s="12">
        <f t="shared" si="53"/>
        <v>16</v>
      </c>
    </row>
    <row r="1672" spans="1:35" s="5" customFormat="1" ht="27.75" customHeight="1" x14ac:dyDescent="0.4">
      <c r="A1672" s="9" t="s">
        <v>2713</v>
      </c>
      <c r="B1672" s="9" t="s">
        <v>3317</v>
      </c>
      <c r="C1672" s="9" t="s">
        <v>2270</v>
      </c>
      <c r="D1672" s="18">
        <v>1464090213</v>
      </c>
      <c r="E1672" s="11">
        <v>47756</v>
      </c>
      <c r="F1672" s="9" t="s">
        <v>2240</v>
      </c>
      <c r="G1672" s="5">
        <v>1670</v>
      </c>
      <c r="H1672" s="12">
        <f t="shared" si="52"/>
        <v>12</v>
      </c>
      <c r="I1672" s="12">
        <f t="shared" si="53"/>
        <v>10</v>
      </c>
    </row>
    <row r="1673" spans="1:35" s="5" customFormat="1" ht="27.75" customHeight="1" x14ac:dyDescent="0.4">
      <c r="A1673" s="9" t="s">
        <v>2713</v>
      </c>
      <c r="B1673" s="9" t="s">
        <v>3318</v>
      </c>
      <c r="C1673" s="9" t="s">
        <v>3319</v>
      </c>
      <c r="D1673" s="18">
        <v>1464090239</v>
      </c>
      <c r="E1673" s="11">
        <v>48029</v>
      </c>
      <c r="F1673" s="9" t="s">
        <v>2240</v>
      </c>
      <c r="G1673" s="12">
        <v>1671</v>
      </c>
      <c r="H1673" s="12">
        <f t="shared" si="52"/>
        <v>24</v>
      </c>
      <c r="I1673" s="12">
        <f t="shared" si="53"/>
        <v>20</v>
      </c>
    </row>
    <row r="1674" spans="1:35" s="5" customFormat="1" ht="27.75" customHeight="1" x14ac:dyDescent="0.4">
      <c r="A1674" s="13" t="s">
        <v>2713</v>
      </c>
      <c r="B1674" s="9" t="s">
        <v>3320</v>
      </c>
      <c r="C1674" s="9" t="s">
        <v>3321</v>
      </c>
      <c r="D1674" s="18">
        <v>1464090148</v>
      </c>
      <c r="E1674" s="11">
        <v>46387</v>
      </c>
      <c r="F1674" s="9" t="s">
        <v>2240</v>
      </c>
      <c r="G1674" s="5">
        <v>1672</v>
      </c>
      <c r="H1674" s="12">
        <f t="shared" si="52"/>
        <v>12</v>
      </c>
      <c r="I1674" s="12">
        <f t="shared" si="53"/>
        <v>14</v>
      </c>
    </row>
    <row r="1675" spans="1:35" s="5" customFormat="1" ht="27.75" customHeight="1" x14ac:dyDescent="0.4">
      <c r="A1675" s="13" t="s">
        <v>2713</v>
      </c>
      <c r="B1675" s="9" t="s">
        <v>3322</v>
      </c>
      <c r="C1675" s="9" t="s">
        <v>3323</v>
      </c>
      <c r="D1675" s="18">
        <v>1464090098</v>
      </c>
      <c r="E1675" s="11">
        <v>46387</v>
      </c>
      <c r="F1675" s="9" t="s">
        <v>2240</v>
      </c>
      <c r="G1675" s="12">
        <v>1673</v>
      </c>
      <c r="H1675" s="12">
        <f t="shared" si="52"/>
        <v>14</v>
      </c>
      <c r="I1675" s="12">
        <f t="shared" si="53"/>
        <v>12</v>
      </c>
    </row>
    <row r="1676" spans="1:35" s="5" customFormat="1" ht="27.75" customHeight="1" x14ac:dyDescent="0.4">
      <c r="A1676" s="13" t="s">
        <v>2713</v>
      </c>
      <c r="B1676" s="9" t="s">
        <v>3324</v>
      </c>
      <c r="C1676" s="9" t="s">
        <v>3325</v>
      </c>
      <c r="D1676" s="18">
        <v>1464090387</v>
      </c>
      <c r="E1676" s="11">
        <v>48060</v>
      </c>
      <c r="F1676" s="9" t="s">
        <v>2240</v>
      </c>
      <c r="G1676" s="5">
        <v>1674</v>
      </c>
      <c r="H1676" s="12">
        <f t="shared" si="52"/>
        <v>13</v>
      </c>
      <c r="I1676" s="12">
        <f t="shared" si="53"/>
        <v>20</v>
      </c>
    </row>
    <row r="1677" spans="1:35" s="5" customFormat="1" ht="27.75" customHeight="1" x14ac:dyDescent="0.4">
      <c r="A1677" s="29" t="s">
        <v>2713</v>
      </c>
      <c r="B1677" s="16" t="s">
        <v>3326</v>
      </c>
      <c r="C1677" s="16" t="s">
        <v>3327</v>
      </c>
      <c r="D1677" s="10">
        <v>1464090379</v>
      </c>
      <c r="E1677" s="11">
        <v>47999</v>
      </c>
      <c r="F1677" s="9" t="s">
        <v>2240</v>
      </c>
      <c r="G1677" s="12">
        <v>1675</v>
      </c>
      <c r="H1677" s="12">
        <f t="shared" si="52"/>
        <v>14</v>
      </c>
      <c r="I1677" s="12">
        <f t="shared" si="53"/>
        <v>20</v>
      </c>
    </row>
    <row r="1678" spans="1:35" s="5" customFormat="1" ht="27.75" customHeight="1" x14ac:dyDescent="0.4">
      <c r="A1678" s="13" t="s">
        <v>2713</v>
      </c>
      <c r="B1678" s="9" t="s">
        <v>3328</v>
      </c>
      <c r="C1678" s="9" t="s">
        <v>3329</v>
      </c>
      <c r="D1678" s="18">
        <v>1464090296</v>
      </c>
      <c r="E1678" s="11">
        <v>47361</v>
      </c>
      <c r="F1678" s="9" t="s">
        <v>2240</v>
      </c>
      <c r="G1678" s="5">
        <v>1676</v>
      </c>
      <c r="H1678" s="12">
        <f t="shared" si="52"/>
        <v>21</v>
      </c>
      <c r="I1678" s="12">
        <f t="shared" si="53"/>
        <v>15</v>
      </c>
    </row>
    <row r="1679" spans="1:35" s="5" customFormat="1" ht="27.75" customHeight="1" x14ac:dyDescent="0.4">
      <c r="A1679" s="17" t="s">
        <v>2713</v>
      </c>
      <c r="B1679" s="9" t="s">
        <v>3330</v>
      </c>
      <c r="C1679" s="9" t="s">
        <v>3331</v>
      </c>
      <c r="D1679" s="18">
        <v>1464090312</v>
      </c>
      <c r="E1679" s="11">
        <v>48029</v>
      </c>
      <c r="F1679" s="9" t="s">
        <v>2240</v>
      </c>
      <c r="G1679" s="12">
        <v>1677</v>
      </c>
      <c r="H1679" s="12">
        <f t="shared" si="52"/>
        <v>17</v>
      </c>
      <c r="I1679" s="12">
        <f t="shared" si="53"/>
        <v>12</v>
      </c>
    </row>
    <row r="1680" spans="1:35" s="5" customFormat="1" ht="27.75" customHeight="1" x14ac:dyDescent="0.4">
      <c r="A1680" s="13" t="s">
        <v>2713</v>
      </c>
      <c r="B1680" s="9" t="s">
        <v>3332</v>
      </c>
      <c r="C1680" s="9" t="s">
        <v>3333</v>
      </c>
      <c r="D1680" s="18">
        <v>1464090403</v>
      </c>
      <c r="E1680" s="11">
        <v>48304</v>
      </c>
      <c r="F1680" s="9" t="s">
        <v>2240</v>
      </c>
      <c r="G1680" s="5">
        <v>1678</v>
      </c>
      <c r="H1680" s="12">
        <f t="shared" si="52"/>
        <v>10</v>
      </c>
      <c r="I1680" s="12">
        <f t="shared" si="53"/>
        <v>23</v>
      </c>
    </row>
    <row r="1681" spans="1:35" s="5" customFormat="1" ht="27.75" customHeight="1" x14ac:dyDescent="0.4">
      <c r="A1681" s="9" t="s">
        <v>2713</v>
      </c>
      <c r="B1681" s="9" t="s">
        <v>3334</v>
      </c>
      <c r="C1681" s="9" t="s">
        <v>3335</v>
      </c>
      <c r="D1681" s="18">
        <v>1464090395</v>
      </c>
      <c r="E1681" s="11">
        <v>48121</v>
      </c>
      <c r="F1681" s="9" t="s">
        <v>2240</v>
      </c>
      <c r="G1681" s="12">
        <v>1679</v>
      </c>
      <c r="H1681" s="12">
        <f t="shared" si="52"/>
        <v>9</v>
      </c>
      <c r="I1681" s="12">
        <f t="shared" si="53"/>
        <v>12</v>
      </c>
    </row>
    <row r="1682" spans="1:35" s="5" customFormat="1" ht="27.75" customHeight="1" x14ac:dyDescent="0.4">
      <c r="A1682" s="13" t="s">
        <v>2713</v>
      </c>
      <c r="B1682" s="9" t="s">
        <v>3336</v>
      </c>
      <c r="C1682" s="9" t="s">
        <v>3337</v>
      </c>
      <c r="D1682" s="18">
        <v>1464090262</v>
      </c>
      <c r="E1682" s="11">
        <v>46721</v>
      </c>
      <c r="F1682" s="9" t="s">
        <v>2240</v>
      </c>
      <c r="G1682" s="5">
        <v>1680</v>
      </c>
      <c r="H1682" s="12">
        <f t="shared" si="52"/>
        <v>13</v>
      </c>
      <c r="I1682" s="12">
        <f t="shared" si="53"/>
        <v>13</v>
      </c>
    </row>
    <row r="1683" spans="1:35" s="5" customFormat="1" ht="27.75" customHeight="1" x14ac:dyDescent="0.4">
      <c r="A1683" s="9" t="s">
        <v>2713</v>
      </c>
      <c r="B1683" s="9" t="s">
        <v>3338</v>
      </c>
      <c r="C1683" s="9" t="s">
        <v>3339</v>
      </c>
      <c r="D1683" s="18">
        <v>1464090304</v>
      </c>
      <c r="E1683" s="11">
        <v>47483</v>
      </c>
      <c r="F1683" s="9" t="s">
        <v>2240</v>
      </c>
      <c r="G1683" s="12">
        <v>1681</v>
      </c>
      <c r="H1683" s="12">
        <f t="shared" si="52"/>
        <v>21</v>
      </c>
      <c r="I1683" s="12">
        <f t="shared" si="53"/>
        <v>16</v>
      </c>
    </row>
    <row r="1684" spans="1:35" s="5" customFormat="1" ht="27.75" customHeight="1" x14ac:dyDescent="0.4">
      <c r="A1684" s="9" t="s">
        <v>2713</v>
      </c>
      <c r="B1684" s="14" t="s">
        <v>3340</v>
      </c>
      <c r="C1684" s="9" t="s">
        <v>3341</v>
      </c>
      <c r="D1684" s="18">
        <v>1464290003</v>
      </c>
      <c r="E1684" s="11">
        <v>46387</v>
      </c>
      <c r="F1684" s="9" t="s">
        <v>117</v>
      </c>
      <c r="G1684" s="5">
        <v>1682</v>
      </c>
      <c r="H1684" s="12">
        <f t="shared" si="52"/>
        <v>12</v>
      </c>
      <c r="I1684" s="12">
        <f t="shared" si="53"/>
        <v>18</v>
      </c>
    </row>
    <row r="1685" spans="1:35" s="5" customFormat="1" ht="27.75" customHeight="1" x14ac:dyDescent="0.4">
      <c r="A1685" s="9" t="s">
        <v>2713</v>
      </c>
      <c r="B1685" s="9" t="s">
        <v>3342</v>
      </c>
      <c r="C1685" s="9" t="s">
        <v>3343</v>
      </c>
      <c r="D1685" s="18">
        <v>1464290193</v>
      </c>
      <c r="E1685" s="11">
        <v>47361</v>
      </c>
      <c r="F1685" s="9" t="s">
        <v>117</v>
      </c>
      <c r="G1685" s="12">
        <v>1683</v>
      </c>
      <c r="H1685" s="12">
        <f t="shared" si="52"/>
        <v>24</v>
      </c>
      <c r="I1685" s="12">
        <f t="shared" si="53"/>
        <v>21</v>
      </c>
      <c r="J1685" s="24"/>
      <c r="K1685" s="24"/>
      <c r="L1685" s="24"/>
      <c r="M1685" s="24"/>
      <c r="N1685" s="24"/>
      <c r="O1685" s="24"/>
      <c r="P1685" s="24"/>
      <c r="Q1685" s="24"/>
      <c r="R1685" s="24"/>
      <c r="S1685" s="24"/>
      <c r="T1685" s="24"/>
      <c r="U1685" s="24"/>
      <c r="V1685" s="24"/>
      <c r="W1685" s="24"/>
      <c r="X1685" s="24"/>
      <c r="Y1685" s="24"/>
      <c r="Z1685" s="24"/>
      <c r="AA1685" s="24"/>
      <c r="AB1685" s="24"/>
      <c r="AC1685" s="24"/>
      <c r="AD1685" s="24"/>
      <c r="AE1685" s="24"/>
      <c r="AF1685" s="24"/>
      <c r="AG1685" s="24"/>
      <c r="AH1685" s="24"/>
      <c r="AI1685" s="24"/>
    </row>
    <row r="1686" spans="1:35" s="5" customFormat="1" ht="27.75" customHeight="1" x14ac:dyDescent="0.4">
      <c r="A1686" s="9" t="s">
        <v>2713</v>
      </c>
      <c r="B1686" s="13" t="s">
        <v>3344</v>
      </c>
      <c r="C1686" s="9" t="s">
        <v>3345</v>
      </c>
      <c r="D1686" s="18">
        <v>1464290029</v>
      </c>
      <c r="E1686" s="11">
        <v>46387</v>
      </c>
      <c r="F1686" s="9" t="s">
        <v>117</v>
      </c>
      <c r="G1686" s="5">
        <v>1684</v>
      </c>
      <c r="H1686" s="12">
        <f t="shared" si="52"/>
        <v>13</v>
      </c>
      <c r="I1686" s="12">
        <f t="shared" si="53"/>
        <v>16</v>
      </c>
    </row>
    <row r="1687" spans="1:35" s="5" customFormat="1" ht="27.75" customHeight="1" x14ac:dyDescent="0.4">
      <c r="A1687" s="13" t="s">
        <v>2713</v>
      </c>
      <c r="B1687" s="9" t="s">
        <v>3346</v>
      </c>
      <c r="C1687" s="9" t="s">
        <v>3347</v>
      </c>
      <c r="D1687" s="18">
        <v>1464290243</v>
      </c>
      <c r="E1687" s="11">
        <v>47817</v>
      </c>
      <c r="F1687" s="9" t="s">
        <v>117</v>
      </c>
      <c r="G1687" s="12">
        <v>1685</v>
      </c>
      <c r="H1687" s="12">
        <f t="shared" si="52"/>
        <v>29</v>
      </c>
      <c r="I1687" s="12">
        <f t="shared" si="53"/>
        <v>15</v>
      </c>
    </row>
    <row r="1688" spans="1:35" s="5" customFormat="1" ht="27.75" customHeight="1" x14ac:dyDescent="0.4">
      <c r="A1688" s="9" t="s">
        <v>2713</v>
      </c>
      <c r="B1688" s="9" t="s">
        <v>3348</v>
      </c>
      <c r="C1688" s="9" t="s">
        <v>3349</v>
      </c>
      <c r="D1688" s="18">
        <v>1464290250</v>
      </c>
      <c r="E1688" s="11">
        <v>47938</v>
      </c>
      <c r="F1688" s="9" t="s">
        <v>117</v>
      </c>
      <c r="G1688" s="5">
        <v>1686</v>
      </c>
      <c r="H1688" s="12">
        <f t="shared" si="52"/>
        <v>13</v>
      </c>
      <c r="I1688" s="12">
        <f t="shared" si="53"/>
        <v>14</v>
      </c>
    </row>
    <row r="1689" spans="1:35" s="5" customFormat="1" ht="27.75" customHeight="1" x14ac:dyDescent="0.4">
      <c r="A1689" s="13" t="s">
        <v>2713</v>
      </c>
      <c r="B1689" s="9" t="s">
        <v>3350</v>
      </c>
      <c r="C1689" s="9" t="s">
        <v>3351</v>
      </c>
      <c r="D1689" s="18">
        <v>1464290177</v>
      </c>
      <c r="E1689" s="11">
        <v>47361</v>
      </c>
      <c r="F1689" s="9" t="s">
        <v>117</v>
      </c>
      <c r="G1689" s="12">
        <v>1687</v>
      </c>
      <c r="H1689" s="12">
        <f t="shared" si="52"/>
        <v>25</v>
      </c>
      <c r="I1689" s="12">
        <f t="shared" si="53"/>
        <v>14</v>
      </c>
    </row>
    <row r="1690" spans="1:35" s="5" customFormat="1" ht="27.75" customHeight="1" x14ac:dyDescent="0.4">
      <c r="A1690" s="13" t="s">
        <v>2713</v>
      </c>
      <c r="B1690" s="9" t="s">
        <v>3352</v>
      </c>
      <c r="C1690" s="9" t="s">
        <v>3353</v>
      </c>
      <c r="D1690" s="18">
        <v>1464290276</v>
      </c>
      <c r="E1690" s="11">
        <v>47938</v>
      </c>
      <c r="F1690" s="9" t="s">
        <v>117</v>
      </c>
      <c r="G1690" s="5">
        <v>1688</v>
      </c>
      <c r="H1690" s="12">
        <f t="shared" si="52"/>
        <v>12</v>
      </c>
      <c r="I1690" s="12">
        <f t="shared" si="53"/>
        <v>15</v>
      </c>
    </row>
    <row r="1691" spans="1:35" s="5" customFormat="1" ht="27.75" customHeight="1" x14ac:dyDescent="0.4">
      <c r="A1691" s="9" t="s">
        <v>2713</v>
      </c>
      <c r="B1691" s="9" t="s">
        <v>3354</v>
      </c>
      <c r="C1691" s="9" t="s">
        <v>3355</v>
      </c>
      <c r="D1691" s="18">
        <v>1464290219</v>
      </c>
      <c r="E1691" s="11">
        <v>47664</v>
      </c>
      <c r="F1691" s="9" t="s">
        <v>117</v>
      </c>
      <c r="G1691" s="12">
        <v>1689</v>
      </c>
      <c r="H1691" s="12">
        <f t="shared" si="52"/>
        <v>15</v>
      </c>
      <c r="I1691" s="12">
        <f t="shared" si="53"/>
        <v>16</v>
      </c>
    </row>
    <row r="1692" spans="1:35" s="5" customFormat="1" ht="27.75" customHeight="1" x14ac:dyDescent="0.4">
      <c r="A1692" s="13" t="s">
        <v>2713</v>
      </c>
      <c r="B1692" s="9" t="s">
        <v>3356</v>
      </c>
      <c r="C1692" s="9" t="s">
        <v>3357</v>
      </c>
      <c r="D1692" s="18">
        <v>1464290227</v>
      </c>
      <c r="E1692" s="11">
        <v>47664</v>
      </c>
      <c r="F1692" s="9" t="s">
        <v>117</v>
      </c>
      <c r="G1692" s="5">
        <v>1690</v>
      </c>
      <c r="H1692" s="12">
        <f t="shared" si="52"/>
        <v>12</v>
      </c>
      <c r="I1692" s="12">
        <f t="shared" si="53"/>
        <v>18</v>
      </c>
    </row>
    <row r="1693" spans="1:35" s="5" customFormat="1" ht="27.75" customHeight="1" x14ac:dyDescent="0.4">
      <c r="A1693" s="9" t="s">
        <v>2713</v>
      </c>
      <c r="B1693" s="9" t="s">
        <v>3358</v>
      </c>
      <c r="C1693" s="49" t="s">
        <v>3359</v>
      </c>
      <c r="D1693" s="18">
        <v>1464290235</v>
      </c>
      <c r="E1693" s="11">
        <v>47726</v>
      </c>
      <c r="F1693" s="9" t="s">
        <v>117</v>
      </c>
      <c r="G1693" s="12">
        <v>1691</v>
      </c>
      <c r="H1693" s="12">
        <f t="shared" si="52"/>
        <v>30</v>
      </c>
      <c r="I1693" s="12">
        <f t="shared" si="53"/>
        <v>22</v>
      </c>
    </row>
    <row r="1694" spans="1:35" s="5" customFormat="1" ht="27.75" customHeight="1" x14ac:dyDescent="0.4">
      <c r="A1694" s="13" t="s">
        <v>2713</v>
      </c>
      <c r="B1694" s="9" t="s">
        <v>3360</v>
      </c>
      <c r="C1694" s="9" t="s">
        <v>3361</v>
      </c>
      <c r="D1694" s="18">
        <v>1464290185</v>
      </c>
      <c r="E1694" s="11">
        <v>47299</v>
      </c>
      <c r="F1694" s="9" t="s">
        <v>117</v>
      </c>
      <c r="G1694" s="5">
        <v>1692</v>
      </c>
      <c r="H1694" s="12">
        <f t="shared" si="52"/>
        <v>19</v>
      </c>
      <c r="I1694" s="12">
        <f t="shared" si="53"/>
        <v>16</v>
      </c>
    </row>
    <row r="1695" spans="1:35" s="5" customFormat="1" ht="27.75" customHeight="1" x14ac:dyDescent="0.4">
      <c r="A1695" s="13" t="s">
        <v>2713</v>
      </c>
      <c r="B1695" s="13" t="s">
        <v>3362</v>
      </c>
      <c r="C1695" s="13" t="s">
        <v>3363</v>
      </c>
      <c r="D1695" s="18">
        <v>1464290201</v>
      </c>
      <c r="E1695" s="11">
        <v>47391</v>
      </c>
      <c r="F1695" s="9" t="s">
        <v>117</v>
      </c>
      <c r="G1695" s="12">
        <v>1693</v>
      </c>
      <c r="H1695" s="12">
        <f t="shared" si="52"/>
        <v>27</v>
      </c>
      <c r="I1695" s="12">
        <f t="shared" si="53"/>
        <v>9</v>
      </c>
    </row>
    <row r="1696" spans="1:35" s="5" customFormat="1" ht="27.75" customHeight="1" x14ac:dyDescent="0.4">
      <c r="A1696" s="9" t="s">
        <v>2713</v>
      </c>
      <c r="B1696" s="9" t="s">
        <v>3364</v>
      </c>
      <c r="C1696" s="9" t="s">
        <v>3365</v>
      </c>
      <c r="D1696" s="18">
        <v>1464290169</v>
      </c>
      <c r="E1696" s="11">
        <v>46965</v>
      </c>
      <c r="F1696" s="9" t="s">
        <v>117</v>
      </c>
      <c r="G1696" s="5">
        <v>1694</v>
      </c>
      <c r="H1696" s="12">
        <f t="shared" si="52"/>
        <v>22</v>
      </c>
      <c r="I1696" s="12">
        <f t="shared" si="53"/>
        <v>13</v>
      </c>
    </row>
    <row r="1697" spans="1:35" s="5" customFormat="1" ht="27.75" customHeight="1" x14ac:dyDescent="0.4">
      <c r="A1697" s="9" t="s">
        <v>2713</v>
      </c>
      <c r="B1697" s="9" t="s">
        <v>3366</v>
      </c>
      <c r="C1697" s="9" t="s">
        <v>3367</v>
      </c>
      <c r="D1697" s="18">
        <v>1464290300</v>
      </c>
      <c r="E1697" s="11">
        <v>48365</v>
      </c>
      <c r="F1697" s="9" t="s">
        <v>117</v>
      </c>
      <c r="G1697" s="12">
        <v>1695</v>
      </c>
      <c r="H1697" s="12">
        <f t="shared" si="52"/>
        <v>17</v>
      </c>
      <c r="I1697" s="12">
        <f t="shared" si="53"/>
        <v>18</v>
      </c>
    </row>
    <row r="1698" spans="1:35" s="5" customFormat="1" ht="27.75" customHeight="1" x14ac:dyDescent="0.4">
      <c r="A1698" s="9" t="s">
        <v>2713</v>
      </c>
      <c r="B1698" s="9" t="s">
        <v>3368</v>
      </c>
      <c r="C1698" s="49" t="s">
        <v>3369</v>
      </c>
      <c r="D1698" s="18">
        <v>1464290144</v>
      </c>
      <c r="E1698" s="11">
        <v>48457</v>
      </c>
      <c r="F1698" s="9" t="s">
        <v>117</v>
      </c>
      <c r="G1698" s="5">
        <v>1696</v>
      </c>
      <c r="H1698" s="12">
        <f t="shared" si="52"/>
        <v>32</v>
      </c>
      <c r="I1698" s="12">
        <f t="shared" si="53"/>
        <v>18</v>
      </c>
    </row>
    <row r="1699" spans="1:35" s="5" customFormat="1" ht="27.75" customHeight="1" x14ac:dyDescent="0.4">
      <c r="A1699" s="9" t="s">
        <v>2713</v>
      </c>
      <c r="B1699" s="9" t="s">
        <v>3370</v>
      </c>
      <c r="C1699" s="9" t="s">
        <v>3371</v>
      </c>
      <c r="D1699" s="18">
        <v>1464290284</v>
      </c>
      <c r="E1699" s="11">
        <v>47968</v>
      </c>
      <c r="F1699" s="9" t="s">
        <v>117</v>
      </c>
      <c r="G1699" s="12">
        <v>1697</v>
      </c>
      <c r="H1699" s="12">
        <f t="shared" si="52"/>
        <v>27</v>
      </c>
      <c r="I1699" s="12">
        <f t="shared" si="53"/>
        <v>16</v>
      </c>
    </row>
    <row r="1700" spans="1:35" s="5" customFormat="1" ht="27.75" customHeight="1" x14ac:dyDescent="0.4">
      <c r="A1700" s="13" t="s">
        <v>2713</v>
      </c>
      <c r="B1700" s="9" t="s">
        <v>3372</v>
      </c>
      <c r="C1700" s="9" t="s">
        <v>2408</v>
      </c>
      <c r="D1700" s="18">
        <v>1464190146</v>
      </c>
      <c r="E1700" s="11">
        <v>46904</v>
      </c>
      <c r="F1700" s="9" t="s">
        <v>117</v>
      </c>
      <c r="G1700" s="5">
        <v>1698</v>
      </c>
      <c r="H1700" s="12">
        <f t="shared" si="52"/>
        <v>12</v>
      </c>
      <c r="I1700" s="12">
        <f t="shared" si="53"/>
        <v>18</v>
      </c>
    </row>
    <row r="1701" spans="1:35" s="5" customFormat="1" ht="27.75" customHeight="1" x14ac:dyDescent="0.4">
      <c r="A1701" s="9" t="s">
        <v>2713</v>
      </c>
      <c r="B1701" s="9" t="s">
        <v>3373</v>
      </c>
      <c r="C1701" s="9" t="s">
        <v>3374</v>
      </c>
      <c r="D1701" s="18">
        <v>1464290094</v>
      </c>
      <c r="E1701" s="11">
        <v>46568</v>
      </c>
      <c r="F1701" s="9" t="s">
        <v>117</v>
      </c>
      <c r="G1701" s="12">
        <v>1699</v>
      </c>
      <c r="H1701" s="12">
        <f t="shared" si="52"/>
        <v>24</v>
      </c>
      <c r="I1701" s="12">
        <f t="shared" si="53"/>
        <v>13</v>
      </c>
    </row>
    <row r="1702" spans="1:35" s="5" customFormat="1" ht="27.75" customHeight="1" x14ac:dyDescent="0.4">
      <c r="A1702" s="9" t="s">
        <v>2713</v>
      </c>
      <c r="B1702" s="9" t="s">
        <v>3375</v>
      </c>
      <c r="C1702" s="9" t="s">
        <v>3376</v>
      </c>
      <c r="D1702" s="18">
        <v>1464290151</v>
      </c>
      <c r="E1702" s="11">
        <v>46843</v>
      </c>
      <c r="F1702" s="9" t="s">
        <v>117</v>
      </c>
      <c r="G1702" s="5">
        <v>1700</v>
      </c>
      <c r="H1702" s="12">
        <f t="shared" si="52"/>
        <v>25</v>
      </c>
      <c r="I1702" s="12">
        <f t="shared" si="53"/>
        <v>20</v>
      </c>
    </row>
    <row r="1703" spans="1:35" s="5" customFormat="1" ht="27.75" customHeight="1" x14ac:dyDescent="0.4">
      <c r="A1703" s="13" t="s">
        <v>2713</v>
      </c>
      <c r="B1703" s="9" t="s">
        <v>3377</v>
      </c>
      <c r="C1703" s="9" t="s">
        <v>3378</v>
      </c>
      <c r="D1703" s="18">
        <v>1464190187</v>
      </c>
      <c r="E1703" s="11">
        <v>47938</v>
      </c>
      <c r="F1703" s="9" t="s">
        <v>122</v>
      </c>
      <c r="G1703" s="12">
        <v>1701</v>
      </c>
      <c r="H1703" s="12">
        <f t="shared" si="52"/>
        <v>14</v>
      </c>
      <c r="I1703" s="12">
        <f t="shared" si="53"/>
        <v>13</v>
      </c>
    </row>
    <row r="1704" spans="1:35" s="5" customFormat="1" ht="27.75" customHeight="1" x14ac:dyDescent="0.4">
      <c r="A1704" s="13" t="s">
        <v>2713</v>
      </c>
      <c r="B1704" s="9" t="s">
        <v>3379</v>
      </c>
      <c r="C1704" s="9" t="s">
        <v>3380</v>
      </c>
      <c r="D1704" s="18">
        <v>1464190278</v>
      </c>
      <c r="E1704" s="11">
        <v>47695</v>
      </c>
      <c r="F1704" s="9" t="s">
        <v>122</v>
      </c>
      <c r="G1704" s="5">
        <v>1702</v>
      </c>
      <c r="H1704" s="12">
        <f t="shared" si="52"/>
        <v>28</v>
      </c>
      <c r="I1704" s="12">
        <f t="shared" si="53"/>
        <v>15</v>
      </c>
    </row>
    <row r="1705" spans="1:35" s="5" customFormat="1" ht="27.75" customHeight="1" x14ac:dyDescent="0.4">
      <c r="A1705" s="9" t="s">
        <v>2713</v>
      </c>
      <c r="B1705" s="13" t="s">
        <v>3381</v>
      </c>
      <c r="C1705" s="13" t="s">
        <v>3382</v>
      </c>
      <c r="D1705" s="18">
        <v>1464190229</v>
      </c>
      <c r="E1705" s="11">
        <v>46691</v>
      </c>
      <c r="F1705" s="9" t="s">
        <v>122</v>
      </c>
      <c r="G1705" s="12">
        <v>1703</v>
      </c>
      <c r="H1705" s="12">
        <f t="shared" si="52"/>
        <v>14</v>
      </c>
      <c r="I1705" s="12">
        <f t="shared" si="53"/>
        <v>14</v>
      </c>
    </row>
    <row r="1706" spans="1:35" s="5" customFormat="1" ht="27.75" customHeight="1" x14ac:dyDescent="0.4">
      <c r="A1706" s="9" t="s">
        <v>2713</v>
      </c>
      <c r="B1706" s="9" t="s">
        <v>3383</v>
      </c>
      <c r="C1706" s="9" t="s">
        <v>3384</v>
      </c>
      <c r="D1706" s="18">
        <v>1464190070</v>
      </c>
      <c r="E1706" s="11">
        <v>46387</v>
      </c>
      <c r="F1706" s="9" t="s">
        <v>122</v>
      </c>
      <c r="G1706" s="5">
        <v>1704</v>
      </c>
      <c r="H1706" s="12">
        <f t="shared" si="52"/>
        <v>14</v>
      </c>
      <c r="I1706" s="12">
        <f t="shared" si="53"/>
        <v>16</v>
      </c>
      <c r="J1706" s="12"/>
      <c r="K1706" s="12"/>
      <c r="L1706" s="12"/>
      <c r="M1706" s="12"/>
      <c r="N1706" s="12"/>
      <c r="O1706" s="12"/>
      <c r="P1706" s="12"/>
      <c r="Q1706" s="12"/>
      <c r="R1706" s="12"/>
      <c r="S1706" s="12"/>
      <c r="T1706" s="12"/>
      <c r="U1706" s="12"/>
      <c r="V1706" s="12"/>
      <c r="W1706" s="12"/>
      <c r="X1706" s="12"/>
      <c r="Y1706" s="12"/>
      <c r="Z1706" s="12"/>
      <c r="AA1706" s="12"/>
      <c r="AB1706" s="12"/>
      <c r="AC1706" s="12"/>
      <c r="AD1706" s="12"/>
      <c r="AE1706" s="12"/>
      <c r="AF1706" s="12"/>
      <c r="AG1706" s="12"/>
      <c r="AH1706" s="12"/>
      <c r="AI1706" s="12"/>
    </row>
    <row r="1707" spans="1:35" s="5" customFormat="1" ht="27.75" customHeight="1" x14ac:dyDescent="0.4">
      <c r="A1707" s="13" t="s">
        <v>2713</v>
      </c>
      <c r="B1707" s="9" t="s">
        <v>3385</v>
      </c>
      <c r="C1707" s="9" t="s">
        <v>3386</v>
      </c>
      <c r="D1707" s="18">
        <v>1464190088</v>
      </c>
      <c r="E1707" s="11">
        <v>46418</v>
      </c>
      <c r="F1707" s="9" t="s">
        <v>122</v>
      </c>
      <c r="G1707" s="12">
        <v>1705</v>
      </c>
      <c r="H1707" s="12">
        <f t="shared" si="52"/>
        <v>9</v>
      </c>
      <c r="I1707" s="12">
        <f t="shared" si="53"/>
        <v>14</v>
      </c>
    </row>
    <row r="1708" spans="1:35" s="5" customFormat="1" ht="27.75" customHeight="1" x14ac:dyDescent="0.4">
      <c r="A1708" s="13" t="s">
        <v>2713</v>
      </c>
      <c r="B1708" s="9" t="s">
        <v>3387</v>
      </c>
      <c r="C1708" s="9" t="s">
        <v>3388</v>
      </c>
      <c r="D1708" s="18">
        <v>1464190195</v>
      </c>
      <c r="E1708" s="11">
        <v>48457</v>
      </c>
      <c r="F1708" s="9" t="s">
        <v>122</v>
      </c>
      <c r="G1708" s="5">
        <v>1706</v>
      </c>
      <c r="H1708" s="12">
        <f t="shared" si="52"/>
        <v>13</v>
      </c>
      <c r="I1708" s="12">
        <f t="shared" si="53"/>
        <v>17</v>
      </c>
    </row>
    <row r="1709" spans="1:35" s="5" customFormat="1" ht="27.75" customHeight="1" x14ac:dyDescent="0.4">
      <c r="A1709" s="13" t="s">
        <v>2713</v>
      </c>
      <c r="B1709" s="13" t="s">
        <v>3389</v>
      </c>
      <c r="C1709" s="13" t="s">
        <v>3390</v>
      </c>
      <c r="D1709" s="18">
        <v>1464190138</v>
      </c>
      <c r="E1709" s="11">
        <v>47999</v>
      </c>
      <c r="F1709" s="9" t="s">
        <v>122</v>
      </c>
      <c r="G1709" s="12">
        <v>1707</v>
      </c>
      <c r="H1709" s="12">
        <f t="shared" si="52"/>
        <v>14</v>
      </c>
      <c r="I1709" s="12">
        <f t="shared" si="53"/>
        <v>24</v>
      </c>
    </row>
    <row r="1710" spans="1:35" s="5" customFormat="1" ht="27.75" customHeight="1" x14ac:dyDescent="0.4">
      <c r="A1710" s="13" t="s">
        <v>2713</v>
      </c>
      <c r="B1710" s="13" t="s">
        <v>3391</v>
      </c>
      <c r="C1710" s="13" t="s">
        <v>3392</v>
      </c>
      <c r="D1710" s="18">
        <v>1464190252</v>
      </c>
      <c r="E1710" s="11">
        <v>47149</v>
      </c>
      <c r="F1710" s="9" t="s">
        <v>122</v>
      </c>
      <c r="G1710" s="5">
        <v>1708</v>
      </c>
      <c r="H1710" s="12">
        <f t="shared" si="52"/>
        <v>24</v>
      </c>
      <c r="I1710" s="12">
        <f t="shared" si="53"/>
        <v>14</v>
      </c>
    </row>
    <row r="1711" spans="1:35" s="5" customFormat="1" ht="27.75" customHeight="1" x14ac:dyDescent="0.4">
      <c r="A1711" s="13" t="s">
        <v>2713</v>
      </c>
      <c r="B1711" s="13" t="s">
        <v>3393</v>
      </c>
      <c r="C1711" s="53" t="s">
        <v>3394</v>
      </c>
      <c r="D1711" s="18">
        <v>1464190211</v>
      </c>
      <c r="E1711" s="11">
        <v>46387</v>
      </c>
      <c r="F1711" s="9" t="s">
        <v>122</v>
      </c>
      <c r="G1711" s="12">
        <v>1709</v>
      </c>
      <c r="H1711" s="12">
        <f t="shared" si="52"/>
        <v>30</v>
      </c>
      <c r="I1711" s="12">
        <f t="shared" si="53"/>
        <v>17</v>
      </c>
    </row>
    <row r="1712" spans="1:35" s="5" customFormat="1" ht="27.75" customHeight="1" x14ac:dyDescent="0.4">
      <c r="A1712" s="9" t="s">
        <v>2713</v>
      </c>
      <c r="B1712" s="9" t="s">
        <v>3395</v>
      </c>
      <c r="C1712" s="9" t="s">
        <v>3396</v>
      </c>
      <c r="D1712" s="18">
        <v>1464190179</v>
      </c>
      <c r="E1712" s="11">
        <v>47787</v>
      </c>
      <c r="F1712" s="9" t="s">
        <v>122</v>
      </c>
      <c r="G1712" s="5">
        <v>1710</v>
      </c>
      <c r="H1712" s="12">
        <f t="shared" si="52"/>
        <v>18</v>
      </c>
      <c r="I1712" s="12">
        <f t="shared" si="53"/>
        <v>13</v>
      </c>
    </row>
    <row r="1713" spans="1:35" s="5" customFormat="1" ht="27.75" customHeight="1" x14ac:dyDescent="0.4">
      <c r="A1713" s="9" t="s">
        <v>2713</v>
      </c>
      <c r="B1713" s="9" t="s">
        <v>3397</v>
      </c>
      <c r="C1713" s="49" t="s">
        <v>3398</v>
      </c>
      <c r="D1713" s="18">
        <v>1464190203</v>
      </c>
      <c r="E1713" s="11">
        <v>48487</v>
      </c>
      <c r="F1713" s="9" t="s">
        <v>122</v>
      </c>
      <c r="G1713" s="12">
        <v>1711</v>
      </c>
      <c r="H1713" s="12">
        <f t="shared" si="52"/>
        <v>30</v>
      </c>
      <c r="I1713" s="12">
        <f t="shared" si="53"/>
        <v>23</v>
      </c>
    </row>
    <row r="1714" spans="1:35" s="5" customFormat="1" ht="27.75" customHeight="1" x14ac:dyDescent="0.4">
      <c r="A1714" s="9" t="s">
        <v>2713</v>
      </c>
      <c r="B1714" s="9" t="s">
        <v>3399</v>
      </c>
      <c r="C1714" s="9" t="s">
        <v>3400</v>
      </c>
      <c r="D1714" s="18">
        <v>1464190047</v>
      </c>
      <c r="E1714" s="11">
        <v>46418</v>
      </c>
      <c r="F1714" s="9" t="s">
        <v>122</v>
      </c>
      <c r="G1714" s="5">
        <v>1712</v>
      </c>
      <c r="H1714" s="12">
        <f t="shared" si="52"/>
        <v>13</v>
      </c>
      <c r="I1714" s="12">
        <f t="shared" si="53"/>
        <v>17</v>
      </c>
    </row>
    <row r="1715" spans="1:35" s="5" customFormat="1" ht="27.75" customHeight="1" x14ac:dyDescent="0.4">
      <c r="A1715" s="17" t="s">
        <v>2713</v>
      </c>
      <c r="B1715" s="19" t="s">
        <v>3401</v>
      </c>
      <c r="C1715" s="19" t="s">
        <v>3402</v>
      </c>
      <c r="D1715" s="20">
        <v>1464190039</v>
      </c>
      <c r="E1715" s="11">
        <v>46387</v>
      </c>
      <c r="F1715" s="9" t="s">
        <v>122</v>
      </c>
      <c r="G1715" s="12">
        <v>1713</v>
      </c>
      <c r="H1715" s="12">
        <f t="shared" si="52"/>
        <v>27</v>
      </c>
      <c r="I1715" s="12">
        <f t="shared" si="53"/>
        <v>17</v>
      </c>
    </row>
    <row r="1716" spans="1:35" s="5" customFormat="1" ht="27.75" customHeight="1" x14ac:dyDescent="0.4">
      <c r="A1716" s="13" t="s">
        <v>2713</v>
      </c>
      <c r="B1716" s="9" t="s">
        <v>3403</v>
      </c>
      <c r="C1716" s="9" t="s">
        <v>3404</v>
      </c>
      <c r="D1716" s="18">
        <v>1464190005</v>
      </c>
      <c r="E1716" s="11">
        <v>46387</v>
      </c>
      <c r="F1716" s="9" t="s">
        <v>122</v>
      </c>
      <c r="G1716" s="5">
        <v>1714</v>
      </c>
      <c r="H1716" s="12">
        <f t="shared" si="52"/>
        <v>14</v>
      </c>
      <c r="I1716" s="12">
        <f t="shared" si="53"/>
        <v>15</v>
      </c>
    </row>
    <row r="1717" spans="1:35" s="5" customFormat="1" ht="27.75" customHeight="1" x14ac:dyDescent="0.4">
      <c r="A1717" s="9" t="s">
        <v>2713</v>
      </c>
      <c r="B1717" s="9" t="s">
        <v>3405</v>
      </c>
      <c r="C1717" s="9" t="s">
        <v>3406</v>
      </c>
      <c r="D1717" s="18">
        <v>1464190260</v>
      </c>
      <c r="E1717" s="11">
        <v>47269</v>
      </c>
      <c r="F1717" s="9" t="s">
        <v>122</v>
      </c>
      <c r="G1717" s="12">
        <v>1715</v>
      </c>
      <c r="H1717" s="12">
        <f t="shared" si="52"/>
        <v>12</v>
      </c>
      <c r="I1717" s="12">
        <f t="shared" si="53"/>
        <v>16</v>
      </c>
    </row>
    <row r="1718" spans="1:35" s="5" customFormat="1" ht="27.75" customHeight="1" x14ac:dyDescent="0.4">
      <c r="A1718" s="13" t="s">
        <v>2713</v>
      </c>
      <c r="B1718" s="9" t="s">
        <v>3407</v>
      </c>
      <c r="C1718" s="9" t="s">
        <v>3408</v>
      </c>
      <c r="D1718" s="18">
        <v>1464190153</v>
      </c>
      <c r="E1718" s="11">
        <v>46630</v>
      </c>
      <c r="F1718" s="9" t="s">
        <v>122</v>
      </c>
      <c r="G1718" s="5">
        <v>1716</v>
      </c>
      <c r="H1718" s="12">
        <f t="shared" si="52"/>
        <v>21</v>
      </c>
      <c r="I1718" s="12">
        <f t="shared" si="53"/>
        <v>20</v>
      </c>
    </row>
    <row r="1719" spans="1:35" s="5" customFormat="1" ht="27.75" customHeight="1" x14ac:dyDescent="0.4">
      <c r="A1719" s="13" t="s">
        <v>2713</v>
      </c>
      <c r="B1719" s="9" t="s">
        <v>3409</v>
      </c>
      <c r="C1719" s="9" t="s">
        <v>3410</v>
      </c>
      <c r="D1719" s="18">
        <v>1464190237</v>
      </c>
      <c r="E1719" s="11">
        <v>46904</v>
      </c>
      <c r="F1719" s="9" t="s">
        <v>122</v>
      </c>
      <c r="G1719" s="12">
        <v>1717</v>
      </c>
      <c r="H1719" s="12">
        <f t="shared" si="52"/>
        <v>25</v>
      </c>
      <c r="I1719" s="12">
        <f t="shared" si="53"/>
        <v>17</v>
      </c>
    </row>
    <row r="1720" spans="1:35" s="5" customFormat="1" ht="27.75" customHeight="1" x14ac:dyDescent="0.4">
      <c r="A1720" s="9" t="s">
        <v>2713</v>
      </c>
      <c r="B1720" s="9" t="s">
        <v>3411</v>
      </c>
      <c r="C1720" s="9" t="s">
        <v>3412</v>
      </c>
      <c r="D1720" s="18">
        <v>1464190104</v>
      </c>
      <c r="E1720" s="11">
        <v>46418</v>
      </c>
      <c r="F1720" s="9" t="s">
        <v>122</v>
      </c>
      <c r="G1720" s="5">
        <v>1718</v>
      </c>
      <c r="H1720" s="12">
        <f t="shared" si="52"/>
        <v>13</v>
      </c>
      <c r="I1720" s="12">
        <f t="shared" si="53"/>
        <v>18</v>
      </c>
    </row>
    <row r="1721" spans="1:35" s="5" customFormat="1" ht="27.75" customHeight="1" x14ac:dyDescent="0.4">
      <c r="A1721" s="13" t="s">
        <v>2713</v>
      </c>
      <c r="B1721" s="9" t="s">
        <v>3413</v>
      </c>
      <c r="C1721" s="9" t="s">
        <v>3414</v>
      </c>
      <c r="D1721" s="18">
        <v>1464190294</v>
      </c>
      <c r="E1721" s="11">
        <v>48365</v>
      </c>
      <c r="F1721" s="9" t="s">
        <v>122</v>
      </c>
      <c r="G1721" s="12">
        <v>1719</v>
      </c>
      <c r="H1721" s="12">
        <f t="shared" si="52"/>
        <v>14</v>
      </c>
      <c r="I1721" s="12">
        <f t="shared" si="53"/>
        <v>14</v>
      </c>
    </row>
    <row r="1722" spans="1:35" s="5" customFormat="1" ht="27.75" customHeight="1" x14ac:dyDescent="0.4">
      <c r="A1722" s="9" t="s">
        <v>2713</v>
      </c>
      <c r="B1722" s="9" t="s">
        <v>3415</v>
      </c>
      <c r="C1722" s="9" t="s">
        <v>3416</v>
      </c>
      <c r="D1722" s="18">
        <v>1464190013</v>
      </c>
      <c r="E1722" s="11">
        <v>46387</v>
      </c>
      <c r="F1722" s="9" t="s">
        <v>122</v>
      </c>
      <c r="G1722" s="5">
        <v>1720</v>
      </c>
      <c r="H1722" s="12">
        <f t="shared" si="52"/>
        <v>13</v>
      </c>
      <c r="I1722" s="12">
        <f t="shared" si="53"/>
        <v>15</v>
      </c>
    </row>
    <row r="1723" spans="1:35" s="5" customFormat="1" ht="27.75" customHeight="1" x14ac:dyDescent="0.4">
      <c r="A1723" s="9" t="s">
        <v>2713</v>
      </c>
      <c r="B1723" s="9" t="s">
        <v>3417</v>
      </c>
      <c r="C1723" s="9" t="s">
        <v>3418</v>
      </c>
      <c r="D1723" s="18">
        <v>1464190161</v>
      </c>
      <c r="E1723" s="11">
        <v>47695</v>
      </c>
      <c r="F1723" s="9" t="s">
        <v>122</v>
      </c>
      <c r="G1723" s="12">
        <v>1721</v>
      </c>
      <c r="H1723" s="12">
        <f t="shared" si="52"/>
        <v>12</v>
      </c>
      <c r="I1723" s="12">
        <f t="shared" si="53"/>
        <v>20</v>
      </c>
      <c r="J1723" s="12"/>
      <c r="K1723" s="12"/>
      <c r="L1723" s="12"/>
      <c r="M1723" s="12"/>
      <c r="N1723" s="12"/>
      <c r="O1723" s="12"/>
      <c r="P1723" s="12"/>
      <c r="Q1723" s="12"/>
      <c r="R1723" s="12"/>
      <c r="S1723" s="12"/>
      <c r="T1723" s="12"/>
      <c r="U1723" s="12"/>
      <c r="V1723" s="12"/>
      <c r="W1723" s="12"/>
      <c r="X1723" s="12"/>
      <c r="Y1723" s="12"/>
      <c r="Z1723" s="12"/>
      <c r="AA1723" s="12"/>
      <c r="AB1723" s="12"/>
      <c r="AC1723" s="12"/>
      <c r="AD1723" s="12"/>
      <c r="AE1723" s="12"/>
      <c r="AF1723" s="12"/>
      <c r="AG1723" s="12"/>
      <c r="AH1723" s="12"/>
      <c r="AI1723" s="12"/>
    </row>
    <row r="1724" spans="1:35" s="5" customFormat="1" ht="27.75" customHeight="1" x14ac:dyDescent="0.4">
      <c r="A1724" s="9" t="s">
        <v>2713</v>
      </c>
      <c r="B1724" s="9" t="s">
        <v>3419</v>
      </c>
      <c r="C1724" s="9" t="s">
        <v>3420</v>
      </c>
      <c r="D1724" s="18">
        <v>1464390027</v>
      </c>
      <c r="E1724" s="11">
        <v>47726</v>
      </c>
      <c r="F1724" s="9" t="s">
        <v>127</v>
      </c>
      <c r="G1724" s="5">
        <v>1722</v>
      </c>
      <c r="H1724" s="12">
        <f t="shared" si="52"/>
        <v>26</v>
      </c>
      <c r="I1724" s="12">
        <f t="shared" si="53"/>
        <v>21</v>
      </c>
      <c r="J1724" s="12"/>
      <c r="K1724" s="12"/>
      <c r="L1724" s="12"/>
      <c r="M1724" s="12"/>
      <c r="N1724" s="12"/>
      <c r="O1724" s="12"/>
      <c r="P1724" s="12"/>
      <c r="Q1724" s="12"/>
      <c r="R1724" s="12"/>
      <c r="S1724" s="12"/>
      <c r="T1724" s="12"/>
      <c r="U1724" s="12"/>
      <c r="V1724" s="12"/>
      <c r="W1724" s="12"/>
      <c r="X1724" s="12"/>
      <c r="Y1724" s="12"/>
      <c r="Z1724" s="12"/>
      <c r="AA1724" s="12"/>
      <c r="AB1724" s="12"/>
      <c r="AC1724" s="12"/>
      <c r="AD1724" s="12"/>
      <c r="AE1724" s="12"/>
      <c r="AF1724" s="12"/>
      <c r="AG1724" s="12"/>
      <c r="AH1724" s="12"/>
      <c r="AI1724" s="12"/>
    </row>
    <row r="1725" spans="1:35" s="5" customFormat="1" ht="27.75" customHeight="1" x14ac:dyDescent="0.4">
      <c r="A1725" s="9" t="s">
        <v>2713</v>
      </c>
      <c r="B1725" s="14" t="s">
        <v>3421</v>
      </c>
      <c r="C1725" s="9" t="s">
        <v>3422</v>
      </c>
      <c r="D1725" s="18">
        <v>1464390001</v>
      </c>
      <c r="E1725" s="11">
        <v>46387</v>
      </c>
      <c r="F1725" s="9" t="s">
        <v>127</v>
      </c>
      <c r="G1725" s="12">
        <v>1723</v>
      </c>
      <c r="H1725" s="12">
        <f t="shared" si="52"/>
        <v>25</v>
      </c>
      <c r="I1725" s="12">
        <f t="shared" si="53"/>
        <v>14</v>
      </c>
    </row>
    <row r="1726" spans="1:35" s="5" customFormat="1" ht="27.75" customHeight="1" x14ac:dyDescent="0.4">
      <c r="A1726" s="9" t="s">
        <v>2713</v>
      </c>
      <c r="B1726" s="9" t="s">
        <v>3423</v>
      </c>
      <c r="C1726" s="9" t="s">
        <v>3424</v>
      </c>
      <c r="D1726" s="18">
        <v>1464490116</v>
      </c>
      <c r="E1726" s="11">
        <v>46599</v>
      </c>
      <c r="F1726" s="9" t="s">
        <v>130</v>
      </c>
      <c r="G1726" s="5">
        <v>1724</v>
      </c>
      <c r="H1726" s="12">
        <f t="shared" si="52"/>
        <v>11</v>
      </c>
      <c r="I1726" s="12">
        <f t="shared" si="53"/>
        <v>13</v>
      </c>
      <c r="J1726" s="12"/>
      <c r="K1726" s="12"/>
      <c r="L1726" s="12"/>
      <c r="M1726" s="12"/>
      <c r="N1726" s="12"/>
      <c r="O1726" s="12"/>
      <c r="P1726" s="12"/>
      <c r="Q1726" s="12"/>
      <c r="R1726" s="12"/>
      <c r="S1726" s="12"/>
      <c r="T1726" s="12"/>
      <c r="U1726" s="12"/>
      <c r="V1726" s="12"/>
      <c r="W1726" s="12"/>
      <c r="X1726" s="12"/>
      <c r="Y1726" s="12"/>
      <c r="Z1726" s="12"/>
      <c r="AA1726" s="12"/>
      <c r="AB1726" s="12"/>
      <c r="AC1726" s="12"/>
      <c r="AD1726" s="12"/>
      <c r="AE1726" s="12"/>
      <c r="AF1726" s="12"/>
      <c r="AG1726" s="12"/>
      <c r="AH1726" s="12"/>
      <c r="AI1726" s="12"/>
    </row>
    <row r="1727" spans="1:35" s="5" customFormat="1" ht="27.75" customHeight="1" x14ac:dyDescent="0.4">
      <c r="A1727" s="9" t="s">
        <v>2713</v>
      </c>
      <c r="B1727" s="9" t="s">
        <v>3425</v>
      </c>
      <c r="C1727" s="9" t="s">
        <v>3426</v>
      </c>
      <c r="D1727" s="18">
        <v>1464490165</v>
      </c>
      <c r="E1727" s="11">
        <v>47603</v>
      </c>
      <c r="F1727" s="9" t="s">
        <v>130</v>
      </c>
      <c r="G1727" s="12">
        <v>1725</v>
      </c>
      <c r="H1727" s="12">
        <f t="shared" si="52"/>
        <v>13</v>
      </c>
      <c r="I1727" s="12">
        <f t="shared" si="53"/>
        <v>14</v>
      </c>
      <c r="J1727" s="12"/>
      <c r="K1727" s="12"/>
      <c r="L1727" s="12"/>
      <c r="M1727" s="12"/>
      <c r="N1727" s="12"/>
      <c r="O1727" s="12"/>
      <c r="P1727" s="12"/>
      <c r="Q1727" s="12"/>
      <c r="R1727" s="12"/>
      <c r="S1727" s="12"/>
      <c r="T1727" s="12"/>
      <c r="U1727" s="12"/>
      <c r="V1727" s="12"/>
      <c r="W1727" s="12"/>
      <c r="X1727" s="12"/>
      <c r="Y1727" s="12"/>
      <c r="Z1727" s="12"/>
      <c r="AA1727" s="12"/>
      <c r="AB1727" s="12"/>
      <c r="AC1727" s="12"/>
      <c r="AD1727" s="12"/>
      <c r="AE1727" s="12"/>
      <c r="AF1727" s="12"/>
      <c r="AG1727" s="12"/>
      <c r="AH1727" s="12"/>
      <c r="AI1727" s="12"/>
    </row>
    <row r="1728" spans="1:35" s="5" customFormat="1" ht="27.75" customHeight="1" x14ac:dyDescent="0.4">
      <c r="A1728" s="9" t="s">
        <v>2713</v>
      </c>
      <c r="B1728" s="9" t="s">
        <v>3427</v>
      </c>
      <c r="C1728" s="9" t="s">
        <v>3428</v>
      </c>
      <c r="D1728" s="18">
        <v>1464490025</v>
      </c>
      <c r="E1728" s="11">
        <v>46387</v>
      </c>
      <c r="F1728" s="9" t="s">
        <v>130</v>
      </c>
      <c r="G1728" s="5">
        <v>1726</v>
      </c>
      <c r="H1728" s="12">
        <f t="shared" si="52"/>
        <v>12</v>
      </c>
      <c r="I1728" s="12">
        <f t="shared" si="53"/>
        <v>14</v>
      </c>
    </row>
    <row r="1729" spans="1:35" s="5" customFormat="1" ht="27.75" customHeight="1" x14ac:dyDescent="0.4">
      <c r="A1729" s="13" t="s">
        <v>2713</v>
      </c>
      <c r="B1729" s="9" t="s">
        <v>3429</v>
      </c>
      <c r="C1729" s="9" t="s">
        <v>3430</v>
      </c>
      <c r="D1729" s="18">
        <v>1464490140</v>
      </c>
      <c r="E1729" s="11">
        <v>47208</v>
      </c>
      <c r="F1729" s="9" t="s">
        <v>130</v>
      </c>
      <c r="G1729" s="12">
        <v>1727</v>
      </c>
      <c r="H1729" s="12">
        <f t="shared" si="52"/>
        <v>22</v>
      </c>
      <c r="I1729" s="12">
        <f t="shared" si="53"/>
        <v>15</v>
      </c>
    </row>
    <row r="1730" spans="1:35" s="5" customFormat="1" ht="27.75" customHeight="1" x14ac:dyDescent="0.4">
      <c r="A1730" s="17" t="s">
        <v>2713</v>
      </c>
      <c r="B1730" s="9" t="s">
        <v>3431</v>
      </c>
      <c r="C1730" s="9" t="s">
        <v>3432</v>
      </c>
      <c r="D1730" s="18">
        <v>1464490199</v>
      </c>
      <c r="E1730" s="11">
        <v>48304</v>
      </c>
      <c r="F1730" s="9" t="s">
        <v>130</v>
      </c>
      <c r="G1730" s="5">
        <v>1728</v>
      </c>
      <c r="H1730" s="12">
        <f t="shared" si="52"/>
        <v>26</v>
      </c>
      <c r="I1730" s="12">
        <f t="shared" si="53"/>
        <v>13</v>
      </c>
    </row>
    <row r="1731" spans="1:35" s="5" customFormat="1" ht="27.75" customHeight="1" x14ac:dyDescent="0.4">
      <c r="A1731" s="9" t="s">
        <v>2713</v>
      </c>
      <c r="B1731" s="9" t="s">
        <v>3433</v>
      </c>
      <c r="C1731" s="9" t="s">
        <v>3434</v>
      </c>
      <c r="D1731" s="18">
        <v>1464490157</v>
      </c>
      <c r="E1731" s="11">
        <v>47514</v>
      </c>
      <c r="F1731" s="9" t="s">
        <v>130</v>
      </c>
      <c r="G1731" s="12">
        <v>1729</v>
      </c>
      <c r="H1731" s="12">
        <f t="shared" si="52"/>
        <v>8</v>
      </c>
      <c r="I1731" s="12">
        <f t="shared" si="53"/>
        <v>15</v>
      </c>
    </row>
    <row r="1732" spans="1:35" s="5" customFormat="1" ht="27.75" customHeight="1" x14ac:dyDescent="0.4">
      <c r="A1732" s="9" t="s">
        <v>2713</v>
      </c>
      <c r="B1732" s="9" t="s">
        <v>3435</v>
      </c>
      <c r="C1732" s="9" t="s">
        <v>3436</v>
      </c>
      <c r="D1732" s="18">
        <v>1464490108</v>
      </c>
      <c r="E1732" s="11">
        <v>48395</v>
      </c>
      <c r="F1732" s="9" t="s">
        <v>130</v>
      </c>
      <c r="G1732" s="5">
        <v>1730</v>
      </c>
      <c r="H1732" s="12">
        <f t="shared" ref="H1732:H1795" si="54">LEN(C1732)</f>
        <v>27</v>
      </c>
      <c r="I1732" s="12">
        <f t="shared" ref="I1732:I1795" si="55">LEN(B1732)</f>
        <v>15</v>
      </c>
      <c r="J1732" s="12"/>
      <c r="K1732" s="12"/>
      <c r="L1732" s="12"/>
      <c r="M1732" s="12"/>
      <c r="N1732" s="12"/>
      <c r="O1732" s="12"/>
      <c r="P1732" s="12"/>
      <c r="Q1732" s="12"/>
      <c r="R1732" s="12"/>
      <c r="S1732" s="12"/>
      <c r="T1732" s="12"/>
      <c r="U1732" s="12"/>
      <c r="V1732" s="12"/>
      <c r="W1732" s="12"/>
      <c r="X1732" s="12"/>
      <c r="Y1732" s="12"/>
      <c r="Z1732" s="12"/>
      <c r="AA1732" s="12"/>
      <c r="AB1732" s="12"/>
      <c r="AC1732" s="12"/>
      <c r="AD1732" s="12"/>
      <c r="AE1732" s="12"/>
      <c r="AF1732" s="12"/>
      <c r="AG1732" s="12"/>
      <c r="AH1732" s="12"/>
      <c r="AI1732" s="12"/>
    </row>
    <row r="1733" spans="1:35" s="5" customFormat="1" ht="27.75" customHeight="1" x14ac:dyDescent="0.4">
      <c r="A1733" s="13" t="s">
        <v>2713</v>
      </c>
      <c r="B1733" s="9" t="s">
        <v>3437</v>
      </c>
      <c r="C1733" s="9" t="s">
        <v>3438</v>
      </c>
      <c r="D1733" s="18">
        <v>1464490207</v>
      </c>
      <c r="E1733" s="11">
        <v>48304</v>
      </c>
      <c r="F1733" s="9" t="s">
        <v>130</v>
      </c>
      <c r="G1733" s="12">
        <v>1731</v>
      </c>
      <c r="H1733" s="12">
        <f t="shared" si="54"/>
        <v>20</v>
      </c>
      <c r="I1733" s="12">
        <f t="shared" si="55"/>
        <v>21</v>
      </c>
      <c r="J1733" s="12"/>
      <c r="K1733" s="12"/>
      <c r="L1733" s="12"/>
      <c r="M1733" s="12"/>
      <c r="N1733" s="12"/>
      <c r="O1733" s="12"/>
      <c r="P1733" s="12"/>
      <c r="Q1733" s="12"/>
      <c r="R1733" s="12"/>
      <c r="S1733" s="12"/>
      <c r="T1733" s="12"/>
      <c r="U1733" s="12"/>
      <c r="V1733" s="12"/>
      <c r="W1733" s="12"/>
      <c r="X1733" s="12"/>
      <c r="Y1733" s="12"/>
      <c r="Z1733" s="12"/>
      <c r="AA1733" s="12"/>
      <c r="AB1733" s="12"/>
      <c r="AC1733" s="12"/>
      <c r="AD1733" s="12"/>
      <c r="AE1733" s="12"/>
      <c r="AF1733" s="12"/>
      <c r="AG1733" s="12"/>
      <c r="AH1733" s="12"/>
      <c r="AI1733" s="12"/>
    </row>
    <row r="1734" spans="1:35" s="5" customFormat="1" ht="27.75" customHeight="1" x14ac:dyDescent="0.4">
      <c r="A1734" s="9" t="s">
        <v>2713</v>
      </c>
      <c r="B1734" s="9" t="s">
        <v>3439</v>
      </c>
      <c r="C1734" s="9" t="s">
        <v>3440</v>
      </c>
      <c r="D1734" s="18">
        <v>1464490058</v>
      </c>
      <c r="E1734" s="11">
        <v>46387</v>
      </c>
      <c r="F1734" s="9" t="s">
        <v>130</v>
      </c>
      <c r="G1734" s="5">
        <v>1732</v>
      </c>
      <c r="H1734" s="12">
        <f t="shared" si="54"/>
        <v>12</v>
      </c>
      <c r="I1734" s="12">
        <f t="shared" si="55"/>
        <v>16</v>
      </c>
      <c r="J1734" s="12"/>
      <c r="K1734" s="12"/>
      <c r="L1734" s="12"/>
      <c r="M1734" s="12"/>
      <c r="N1734" s="12"/>
      <c r="O1734" s="12"/>
      <c r="P1734" s="12"/>
      <c r="Q1734" s="12"/>
      <c r="R1734" s="12"/>
      <c r="S1734" s="12"/>
      <c r="T1734" s="12"/>
      <c r="U1734" s="12"/>
      <c r="V1734" s="12"/>
      <c r="W1734" s="12"/>
      <c r="X1734" s="12"/>
      <c r="Y1734" s="12"/>
      <c r="Z1734" s="12"/>
      <c r="AA1734" s="12"/>
      <c r="AB1734" s="12"/>
      <c r="AC1734" s="12"/>
      <c r="AD1734" s="12"/>
      <c r="AE1734" s="12"/>
      <c r="AF1734" s="12"/>
      <c r="AG1734" s="12"/>
      <c r="AH1734" s="12"/>
      <c r="AI1734" s="12"/>
    </row>
    <row r="1735" spans="1:35" s="5" customFormat="1" ht="27.75" customHeight="1" x14ac:dyDescent="0.4">
      <c r="A1735" s="9" t="s">
        <v>2713</v>
      </c>
      <c r="B1735" s="14" t="s">
        <v>3441</v>
      </c>
      <c r="C1735" s="9" t="s">
        <v>3442</v>
      </c>
      <c r="D1735" s="18">
        <v>1464490009</v>
      </c>
      <c r="E1735" s="11">
        <v>46387</v>
      </c>
      <c r="F1735" s="9" t="s">
        <v>130</v>
      </c>
      <c r="G1735" s="12">
        <v>1733</v>
      </c>
      <c r="H1735" s="12">
        <f t="shared" si="54"/>
        <v>14</v>
      </c>
      <c r="I1735" s="12">
        <f t="shared" si="55"/>
        <v>23</v>
      </c>
    </row>
    <row r="1736" spans="1:35" s="5" customFormat="1" ht="27.75" customHeight="1" x14ac:dyDescent="0.4">
      <c r="A1736" s="17" t="s">
        <v>2713</v>
      </c>
      <c r="B1736" s="9" t="s">
        <v>3443</v>
      </c>
      <c r="C1736" s="9" t="s">
        <v>3444</v>
      </c>
      <c r="D1736" s="18">
        <v>1464490173</v>
      </c>
      <c r="E1736" s="11">
        <v>47634</v>
      </c>
      <c r="F1736" s="9" t="s">
        <v>130</v>
      </c>
      <c r="G1736" s="5">
        <v>1734</v>
      </c>
      <c r="H1736" s="12">
        <f t="shared" si="54"/>
        <v>12</v>
      </c>
      <c r="I1736" s="12">
        <f t="shared" si="55"/>
        <v>26</v>
      </c>
      <c r="J1736" s="28"/>
      <c r="K1736" s="28"/>
      <c r="L1736" s="28"/>
      <c r="M1736" s="28"/>
      <c r="N1736" s="28"/>
      <c r="O1736" s="28"/>
      <c r="P1736" s="28"/>
      <c r="Q1736" s="28"/>
      <c r="R1736" s="28"/>
      <c r="S1736" s="28"/>
      <c r="T1736" s="28"/>
      <c r="U1736" s="28"/>
      <c r="V1736" s="28"/>
      <c r="W1736" s="28"/>
      <c r="X1736" s="28"/>
      <c r="Y1736" s="28"/>
      <c r="Z1736" s="28"/>
      <c r="AA1736" s="28"/>
      <c r="AB1736" s="28"/>
      <c r="AC1736" s="28"/>
      <c r="AD1736" s="28"/>
      <c r="AE1736" s="28"/>
      <c r="AF1736" s="28"/>
      <c r="AG1736" s="28"/>
      <c r="AH1736" s="28"/>
      <c r="AI1736" s="28"/>
    </row>
    <row r="1737" spans="1:35" s="5" customFormat="1" ht="27.75" customHeight="1" x14ac:dyDescent="0.4">
      <c r="A1737" s="13" t="s">
        <v>2713</v>
      </c>
      <c r="B1737" s="9" t="s">
        <v>3445</v>
      </c>
      <c r="C1737" s="9" t="s">
        <v>3446</v>
      </c>
      <c r="D1737" s="18">
        <v>1461190016</v>
      </c>
      <c r="E1737" s="11">
        <v>48487</v>
      </c>
      <c r="F1737" s="9" t="s">
        <v>2536</v>
      </c>
      <c r="G1737" s="12">
        <v>1735</v>
      </c>
      <c r="H1737" s="12">
        <f t="shared" si="54"/>
        <v>21</v>
      </c>
      <c r="I1737" s="12">
        <f t="shared" si="55"/>
        <v>14</v>
      </c>
      <c r="J1737" s="12"/>
      <c r="K1737" s="12"/>
      <c r="L1737" s="12"/>
      <c r="M1737" s="12"/>
      <c r="N1737" s="12"/>
      <c r="O1737" s="12"/>
      <c r="P1737" s="12"/>
      <c r="Q1737" s="12"/>
      <c r="R1737" s="12"/>
      <c r="S1737" s="12"/>
      <c r="T1737" s="12"/>
      <c r="U1737" s="12"/>
      <c r="V1737" s="12"/>
      <c r="W1737" s="12"/>
      <c r="X1737" s="12"/>
      <c r="Y1737" s="12"/>
      <c r="Z1737" s="12"/>
      <c r="AA1737" s="12"/>
      <c r="AB1737" s="12"/>
      <c r="AC1737" s="12"/>
      <c r="AD1737" s="12"/>
      <c r="AE1737" s="12"/>
      <c r="AF1737" s="12"/>
      <c r="AG1737" s="12"/>
      <c r="AH1737" s="12"/>
      <c r="AI1737" s="12"/>
    </row>
    <row r="1738" spans="1:35" s="5" customFormat="1" ht="27.75" customHeight="1" x14ac:dyDescent="0.4">
      <c r="A1738" s="17" t="s">
        <v>2713</v>
      </c>
      <c r="B1738" s="9" t="s">
        <v>3447</v>
      </c>
      <c r="C1738" s="9" t="s">
        <v>3448</v>
      </c>
      <c r="D1738" s="18">
        <v>1461190024</v>
      </c>
      <c r="E1738" s="11">
        <v>48091</v>
      </c>
      <c r="F1738" s="9" t="s">
        <v>2536</v>
      </c>
      <c r="G1738" s="5">
        <v>1736</v>
      </c>
      <c r="H1738" s="12">
        <f t="shared" si="54"/>
        <v>11</v>
      </c>
      <c r="I1738" s="12">
        <f t="shared" si="55"/>
        <v>16</v>
      </c>
      <c r="J1738" s="12"/>
      <c r="K1738" s="12"/>
      <c r="L1738" s="12"/>
      <c r="M1738" s="12"/>
      <c r="N1738" s="12"/>
      <c r="O1738" s="12"/>
      <c r="P1738" s="12"/>
      <c r="Q1738" s="12"/>
      <c r="R1738" s="12"/>
      <c r="S1738" s="12"/>
      <c r="T1738" s="12"/>
      <c r="U1738" s="12"/>
      <c r="V1738" s="12"/>
      <c r="W1738" s="12"/>
      <c r="X1738" s="12"/>
      <c r="Y1738" s="12"/>
      <c r="Z1738" s="12"/>
      <c r="AA1738" s="12"/>
      <c r="AB1738" s="12"/>
      <c r="AC1738" s="12"/>
      <c r="AD1738" s="12"/>
      <c r="AE1738" s="12"/>
      <c r="AF1738" s="12"/>
      <c r="AG1738" s="12"/>
      <c r="AH1738" s="12"/>
      <c r="AI1738" s="12"/>
    </row>
    <row r="1739" spans="1:35" s="5" customFormat="1" ht="27.75" customHeight="1" x14ac:dyDescent="0.4">
      <c r="A1739" s="13" t="s">
        <v>2713</v>
      </c>
      <c r="B1739" s="9" t="s">
        <v>3449</v>
      </c>
      <c r="C1739" s="49" t="s">
        <v>3450</v>
      </c>
      <c r="D1739" s="18">
        <v>1461290071</v>
      </c>
      <c r="E1739" s="11">
        <v>46934</v>
      </c>
      <c r="F1739" s="9" t="s">
        <v>2553</v>
      </c>
      <c r="G1739" s="12">
        <v>1737</v>
      </c>
      <c r="H1739" s="12">
        <f t="shared" si="54"/>
        <v>31</v>
      </c>
      <c r="I1739" s="12">
        <f t="shared" si="55"/>
        <v>21</v>
      </c>
    </row>
    <row r="1740" spans="1:35" s="5" customFormat="1" ht="27.75" customHeight="1" x14ac:dyDescent="0.4">
      <c r="A1740" s="9" t="s">
        <v>2713</v>
      </c>
      <c r="B1740" s="9" t="s">
        <v>3451</v>
      </c>
      <c r="C1740" s="9" t="s">
        <v>3452</v>
      </c>
      <c r="D1740" s="18">
        <v>1461290030</v>
      </c>
      <c r="E1740" s="11">
        <v>47817</v>
      </c>
      <c r="F1740" s="9" t="s">
        <v>2553</v>
      </c>
      <c r="G1740" s="5">
        <v>1738</v>
      </c>
      <c r="H1740" s="12">
        <f t="shared" si="54"/>
        <v>29</v>
      </c>
      <c r="I1740" s="12">
        <f t="shared" si="55"/>
        <v>15</v>
      </c>
    </row>
    <row r="1741" spans="1:35" s="5" customFormat="1" ht="27.75" customHeight="1" x14ac:dyDescent="0.4">
      <c r="A1741" s="9" t="s">
        <v>2713</v>
      </c>
      <c r="B1741" s="9" t="s">
        <v>3453</v>
      </c>
      <c r="C1741" s="9" t="s">
        <v>2567</v>
      </c>
      <c r="D1741" s="18">
        <v>1461290014</v>
      </c>
      <c r="E1741" s="11">
        <v>46387</v>
      </c>
      <c r="F1741" s="9" t="s">
        <v>2553</v>
      </c>
      <c r="G1741" s="12">
        <v>1739</v>
      </c>
      <c r="H1741" s="12">
        <f t="shared" si="54"/>
        <v>11</v>
      </c>
      <c r="I1741" s="12">
        <f t="shared" si="55"/>
        <v>14</v>
      </c>
    </row>
    <row r="1742" spans="1:35" s="5" customFormat="1" ht="27.75" customHeight="1" x14ac:dyDescent="0.4">
      <c r="A1742" s="9" t="s">
        <v>2713</v>
      </c>
      <c r="B1742" s="9" t="s">
        <v>3454</v>
      </c>
      <c r="C1742" s="9" t="s">
        <v>3455</v>
      </c>
      <c r="D1742" s="18">
        <v>1461290055</v>
      </c>
      <c r="E1742" s="11">
        <v>46568</v>
      </c>
      <c r="F1742" s="9" t="s">
        <v>2553</v>
      </c>
      <c r="G1742" s="5">
        <v>1740</v>
      </c>
      <c r="H1742" s="12">
        <f t="shared" si="54"/>
        <v>14</v>
      </c>
      <c r="I1742" s="12">
        <f t="shared" si="55"/>
        <v>11</v>
      </c>
    </row>
    <row r="1743" spans="1:35" s="5" customFormat="1" ht="27.75" customHeight="1" x14ac:dyDescent="0.4">
      <c r="A1743" s="13" t="s">
        <v>2713</v>
      </c>
      <c r="B1743" s="9" t="s">
        <v>3456</v>
      </c>
      <c r="C1743" s="9" t="s">
        <v>3457</v>
      </c>
      <c r="D1743" s="18">
        <v>1461290048</v>
      </c>
      <c r="E1743" s="11">
        <v>47787</v>
      </c>
      <c r="F1743" s="9" t="s">
        <v>2553</v>
      </c>
      <c r="G1743" s="12">
        <v>1741</v>
      </c>
      <c r="H1743" s="12">
        <f t="shared" si="54"/>
        <v>22</v>
      </c>
      <c r="I1743" s="12">
        <f t="shared" si="55"/>
        <v>15</v>
      </c>
    </row>
    <row r="1744" spans="1:35" s="5" customFormat="1" ht="27.75" customHeight="1" x14ac:dyDescent="0.4">
      <c r="A1744" s="13" t="s">
        <v>2713</v>
      </c>
      <c r="B1744" s="9" t="s">
        <v>3458</v>
      </c>
      <c r="C1744" s="9" t="s">
        <v>3459</v>
      </c>
      <c r="D1744" s="18">
        <v>1461390020</v>
      </c>
      <c r="E1744" s="11">
        <v>46387</v>
      </c>
      <c r="F1744" s="9" t="s">
        <v>133</v>
      </c>
      <c r="G1744" s="5">
        <v>1742</v>
      </c>
      <c r="H1744" s="12">
        <f t="shared" si="54"/>
        <v>13</v>
      </c>
      <c r="I1744" s="12">
        <f t="shared" si="55"/>
        <v>16</v>
      </c>
      <c r="J1744" s="12"/>
      <c r="K1744" s="12"/>
      <c r="L1744" s="12"/>
      <c r="M1744" s="12"/>
      <c r="N1744" s="12"/>
      <c r="O1744" s="12"/>
      <c r="P1744" s="12"/>
      <c r="Q1744" s="12"/>
      <c r="R1744" s="12"/>
      <c r="S1744" s="12"/>
      <c r="T1744" s="12"/>
      <c r="U1744" s="12"/>
      <c r="V1744" s="12"/>
      <c r="W1744" s="12"/>
      <c r="X1744" s="12"/>
      <c r="Y1744" s="12"/>
      <c r="Z1744" s="12"/>
      <c r="AA1744" s="12"/>
      <c r="AB1744" s="12"/>
      <c r="AC1744" s="12"/>
      <c r="AD1744" s="12"/>
      <c r="AE1744" s="12"/>
      <c r="AF1744" s="12"/>
      <c r="AG1744" s="12"/>
      <c r="AH1744" s="12"/>
      <c r="AI1744" s="12"/>
    </row>
    <row r="1745" spans="1:35" s="5" customFormat="1" ht="27.75" customHeight="1" x14ac:dyDescent="0.4">
      <c r="A1745" s="13" t="s">
        <v>2713</v>
      </c>
      <c r="B1745" s="9" t="s">
        <v>3460</v>
      </c>
      <c r="C1745" s="9" t="s">
        <v>3461</v>
      </c>
      <c r="D1745" s="18">
        <v>1461390004</v>
      </c>
      <c r="E1745" s="11">
        <v>46387</v>
      </c>
      <c r="F1745" s="9" t="s">
        <v>133</v>
      </c>
      <c r="G1745" s="12">
        <v>1743</v>
      </c>
      <c r="H1745" s="12">
        <f t="shared" si="54"/>
        <v>18</v>
      </c>
      <c r="I1745" s="12">
        <f t="shared" si="55"/>
        <v>29</v>
      </c>
    </row>
    <row r="1746" spans="1:35" s="5" customFormat="1" ht="27.75" customHeight="1" x14ac:dyDescent="0.4">
      <c r="A1746" s="9" t="s">
        <v>2713</v>
      </c>
      <c r="B1746" s="9" t="s">
        <v>3462</v>
      </c>
      <c r="C1746" s="9" t="s">
        <v>3463</v>
      </c>
      <c r="D1746" s="18">
        <v>1461390046</v>
      </c>
      <c r="E1746" s="11">
        <v>46387</v>
      </c>
      <c r="F1746" s="9" t="s">
        <v>2586</v>
      </c>
      <c r="G1746" s="5">
        <v>1744</v>
      </c>
      <c r="H1746" s="12">
        <f t="shared" si="54"/>
        <v>12</v>
      </c>
      <c r="I1746" s="12">
        <f t="shared" si="55"/>
        <v>17</v>
      </c>
      <c r="J1746" s="12"/>
      <c r="K1746" s="12"/>
      <c r="L1746" s="12"/>
      <c r="M1746" s="12"/>
      <c r="N1746" s="12"/>
      <c r="O1746" s="12"/>
      <c r="P1746" s="12"/>
      <c r="Q1746" s="12"/>
      <c r="R1746" s="12"/>
      <c r="S1746" s="12"/>
      <c r="T1746" s="12"/>
      <c r="U1746" s="12"/>
      <c r="V1746" s="12"/>
      <c r="W1746" s="12"/>
      <c r="X1746" s="12"/>
      <c r="Y1746" s="12"/>
      <c r="Z1746" s="12"/>
      <c r="AA1746" s="12"/>
      <c r="AB1746" s="12"/>
      <c r="AC1746" s="12"/>
      <c r="AD1746" s="12"/>
      <c r="AE1746" s="12"/>
      <c r="AF1746" s="12"/>
      <c r="AG1746" s="12"/>
      <c r="AH1746" s="12"/>
      <c r="AI1746" s="12"/>
    </row>
    <row r="1747" spans="1:35" s="5" customFormat="1" ht="27.75" customHeight="1" x14ac:dyDescent="0.4">
      <c r="A1747" s="9" t="s">
        <v>2713</v>
      </c>
      <c r="B1747" s="9" t="s">
        <v>3464</v>
      </c>
      <c r="C1747" s="49" t="s">
        <v>3465</v>
      </c>
      <c r="D1747" s="18">
        <v>1461390079</v>
      </c>
      <c r="E1747" s="11">
        <v>47726</v>
      </c>
      <c r="F1747" s="9" t="s">
        <v>2586</v>
      </c>
      <c r="G1747" s="12">
        <v>1745</v>
      </c>
      <c r="H1747" s="12">
        <f t="shared" si="54"/>
        <v>30</v>
      </c>
      <c r="I1747" s="12">
        <f t="shared" si="55"/>
        <v>15</v>
      </c>
    </row>
    <row r="1748" spans="1:35" s="5" customFormat="1" ht="27.75" customHeight="1" x14ac:dyDescent="0.4">
      <c r="A1748" s="9" t="s">
        <v>2713</v>
      </c>
      <c r="B1748" s="9" t="s">
        <v>3466</v>
      </c>
      <c r="C1748" s="9" t="s">
        <v>3467</v>
      </c>
      <c r="D1748" s="18">
        <v>1461390061</v>
      </c>
      <c r="E1748" s="11">
        <v>46418</v>
      </c>
      <c r="F1748" s="9" t="s">
        <v>2586</v>
      </c>
      <c r="G1748" s="5">
        <v>1746</v>
      </c>
      <c r="H1748" s="12">
        <f t="shared" si="54"/>
        <v>13</v>
      </c>
      <c r="I1748" s="12">
        <f t="shared" si="55"/>
        <v>27</v>
      </c>
      <c r="J1748" s="12"/>
      <c r="K1748" s="12"/>
      <c r="L1748" s="12"/>
      <c r="M1748" s="12"/>
      <c r="N1748" s="12"/>
      <c r="O1748" s="12"/>
      <c r="P1748" s="12"/>
      <c r="Q1748" s="12"/>
      <c r="R1748" s="12"/>
      <c r="S1748" s="12"/>
      <c r="T1748" s="12"/>
      <c r="U1748" s="12"/>
      <c r="V1748" s="12"/>
      <c r="W1748" s="12"/>
      <c r="X1748" s="12"/>
      <c r="Y1748" s="12"/>
      <c r="Z1748" s="12"/>
      <c r="AA1748" s="12"/>
      <c r="AB1748" s="12"/>
      <c r="AC1748" s="12"/>
      <c r="AD1748" s="12"/>
      <c r="AE1748" s="12"/>
      <c r="AF1748" s="12"/>
      <c r="AG1748" s="12"/>
      <c r="AH1748" s="12"/>
      <c r="AI1748" s="12"/>
    </row>
    <row r="1749" spans="1:35" s="5" customFormat="1" ht="27.75" customHeight="1" x14ac:dyDescent="0.4">
      <c r="A1749" s="9" t="s">
        <v>2713</v>
      </c>
      <c r="B1749" s="9" t="s">
        <v>3468</v>
      </c>
      <c r="C1749" s="9" t="s">
        <v>3469</v>
      </c>
      <c r="D1749" s="18">
        <v>1461490010</v>
      </c>
      <c r="E1749" s="11">
        <v>46387</v>
      </c>
      <c r="F1749" s="9" t="s">
        <v>2609</v>
      </c>
      <c r="G1749" s="12">
        <v>1747</v>
      </c>
      <c r="H1749" s="12">
        <f t="shared" si="54"/>
        <v>16</v>
      </c>
      <c r="I1749" s="12">
        <f t="shared" si="55"/>
        <v>12</v>
      </c>
    </row>
    <row r="1750" spans="1:35" s="5" customFormat="1" ht="27.75" customHeight="1" x14ac:dyDescent="0.4">
      <c r="A1750" s="13" t="s">
        <v>2713</v>
      </c>
      <c r="B1750" s="9" t="s">
        <v>3470</v>
      </c>
      <c r="C1750" s="9" t="s">
        <v>3471</v>
      </c>
      <c r="D1750" s="18">
        <v>1461490051</v>
      </c>
      <c r="E1750" s="11">
        <v>46387</v>
      </c>
      <c r="F1750" s="9" t="s">
        <v>2609</v>
      </c>
      <c r="G1750" s="5">
        <v>1748</v>
      </c>
      <c r="H1750" s="12">
        <f t="shared" si="54"/>
        <v>15</v>
      </c>
      <c r="I1750" s="12">
        <f t="shared" si="55"/>
        <v>12</v>
      </c>
      <c r="J1750" s="12"/>
      <c r="K1750" s="12"/>
      <c r="L1750" s="12"/>
      <c r="M1750" s="12"/>
      <c r="N1750" s="12"/>
      <c r="O1750" s="12"/>
      <c r="P1750" s="12"/>
      <c r="Q1750" s="12"/>
      <c r="R1750" s="12"/>
      <c r="S1750" s="12"/>
      <c r="T1750" s="12"/>
      <c r="U1750" s="12"/>
      <c r="V1750" s="12"/>
      <c r="W1750" s="12"/>
      <c r="X1750" s="12"/>
      <c r="Y1750" s="12"/>
      <c r="Z1750" s="12"/>
      <c r="AA1750" s="12"/>
      <c r="AB1750" s="12"/>
      <c r="AC1750" s="12"/>
      <c r="AD1750" s="12"/>
      <c r="AE1750" s="12"/>
      <c r="AF1750" s="12"/>
      <c r="AG1750" s="12"/>
      <c r="AH1750" s="12"/>
      <c r="AI1750" s="12"/>
    </row>
    <row r="1751" spans="1:35" s="5" customFormat="1" ht="27.75" customHeight="1" x14ac:dyDescent="0.4">
      <c r="A1751" s="9" t="s">
        <v>2713</v>
      </c>
      <c r="B1751" s="9" t="s">
        <v>3472</v>
      </c>
      <c r="C1751" s="9" t="s">
        <v>3473</v>
      </c>
      <c r="D1751" s="18">
        <v>1461490077</v>
      </c>
      <c r="E1751" s="11">
        <v>46691</v>
      </c>
      <c r="F1751" s="9" t="s">
        <v>2614</v>
      </c>
      <c r="G1751" s="12">
        <v>1749</v>
      </c>
      <c r="H1751" s="12">
        <f t="shared" si="54"/>
        <v>14</v>
      </c>
      <c r="I1751" s="12">
        <f t="shared" si="55"/>
        <v>14</v>
      </c>
      <c r="J1751" s="12"/>
      <c r="K1751" s="12"/>
      <c r="L1751" s="12"/>
      <c r="M1751" s="12"/>
      <c r="N1751" s="12"/>
      <c r="O1751" s="12"/>
      <c r="P1751" s="12"/>
      <c r="Q1751" s="12"/>
      <c r="R1751" s="12"/>
      <c r="S1751" s="12"/>
      <c r="T1751" s="12"/>
      <c r="U1751" s="12"/>
      <c r="V1751" s="12"/>
      <c r="W1751" s="12"/>
      <c r="X1751" s="12"/>
      <c r="Y1751" s="12"/>
      <c r="Z1751" s="12"/>
      <c r="AA1751" s="12"/>
      <c r="AB1751" s="12"/>
      <c r="AC1751" s="12"/>
      <c r="AD1751" s="12"/>
      <c r="AE1751" s="12"/>
      <c r="AF1751" s="12"/>
      <c r="AG1751" s="12"/>
      <c r="AH1751" s="12"/>
      <c r="AI1751" s="12"/>
    </row>
    <row r="1752" spans="1:35" s="5" customFormat="1" ht="27.75" customHeight="1" x14ac:dyDescent="0.4">
      <c r="A1752" s="13" t="s">
        <v>2713</v>
      </c>
      <c r="B1752" s="9" t="s">
        <v>3474</v>
      </c>
      <c r="C1752" s="9" t="s">
        <v>3475</v>
      </c>
      <c r="D1752" s="18">
        <v>1461490002</v>
      </c>
      <c r="E1752" s="11">
        <v>46387</v>
      </c>
      <c r="F1752" s="9" t="s">
        <v>2625</v>
      </c>
      <c r="G1752" s="5">
        <v>1750</v>
      </c>
      <c r="H1752" s="12">
        <f t="shared" si="54"/>
        <v>17</v>
      </c>
      <c r="I1752" s="12">
        <f t="shared" si="55"/>
        <v>27</v>
      </c>
    </row>
    <row r="1753" spans="1:35" s="5" customFormat="1" ht="27.75" customHeight="1" x14ac:dyDescent="0.4">
      <c r="A1753" s="13" t="s">
        <v>2713</v>
      </c>
      <c r="B1753" s="9" t="s">
        <v>3476</v>
      </c>
      <c r="C1753" s="9" t="s">
        <v>3477</v>
      </c>
      <c r="D1753" s="18">
        <v>1461490044</v>
      </c>
      <c r="E1753" s="11">
        <v>46387</v>
      </c>
      <c r="F1753" s="9" t="s">
        <v>2645</v>
      </c>
      <c r="G1753" s="12">
        <v>1751</v>
      </c>
      <c r="H1753" s="12">
        <f t="shared" si="54"/>
        <v>16</v>
      </c>
      <c r="I1753" s="12">
        <f t="shared" si="55"/>
        <v>13</v>
      </c>
    </row>
    <row r="1754" spans="1:35" s="5" customFormat="1" ht="27.75" customHeight="1" x14ac:dyDescent="0.4">
      <c r="A1754" s="9" t="s">
        <v>2713</v>
      </c>
      <c r="B1754" s="9" t="s">
        <v>3478</v>
      </c>
      <c r="C1754" s="9" t="s">
        <v>3479</v>
      </c>
      <c r="D1754" s="18">
        <v>1461490085</v>
      </c>
      <c r="E1754" s="11">
        <v>46477</v>
      </c>
      <c r="F1754" s="9" t="s">
        <v>2645</v>
      </c>
      <c r="G1754" s="5">
        <v>1752</v>
      </c>
      <c r="H1754" s="12">
        <f t="shared" si="54"/>
        <v>28</v>
      </c>
      <c r="I1754" s="12">
        <f t="shared" si="55"/>
        <v>19</v>
      </c>
      <c r="J1754" s="12"/>
      <c r="K1754" s="12"/>
      <c r="L1754" s="12"/>
      <c r="M1754" s="12"/>
      <c r="N1754" s="12"/>
      <c r="O1754" s="12"/>
      <c r="P1754" s="12"/>
      <c r="Q1754" s="12"/>
      <c r="R1754" s="12"/>
      <c r="S1754" s="12"/>
      <c r="T1754" s="12"/>
      <c r="U1754" s="12"/>
      <c r="V1754" s="12"/>
      <c r="W1754" s="12"/>
      <c r="X1754" s="12"/>
      <c r="Y1754" s="12"/>
      <c r="Z1754" s="12"/>
      <c r="AA1754" s="12"/>
      <c r="AB1754" s="12"/>
      <c r="AC1754" s="12"/>
      <c r="AD1754" s="12"/>
      <c r="AE1754" s="12"/>
      <c r="AF1754" s="12"/>
      <c r="AG1754" s="12"/>
      <c r="AH1754" s="12"/>
      <c r="AI1754" s="12"/>
    </row>
    <row r="1755" spans="1:35" s="5" customFormat="1" ht="27.75" customHeight="1" x14ac:dyDescent="0.4">
      <c r="A1755" s="9" t="s">
        <v>2713</v>
      </c>
      <c r="B1755" s="9" t="s">
        <v>3480</v>
      </c>
      <c r="C1755" s="9" t="s">
        <v>3481</v>
      </c>
      <c r="D1755" s="18">
        <v>1461490028</v>
      </c>
      <c r="E1755" s="11">
        <v>46387</v>
      </c>
      <c r="F1755" s="9" t="s">
        <v>2645</v>
      </c>
      <c r="G1755" s="12">
        <v>1753</v>
      </c>
      <c r="H1755" s="12">
        <f t="shared" si="54"/>
        <v>27</v>
      </c>
      <c r="I1755" s="12">
        <f t="shared" si="55"/>
        <v>16</v>
      </c>
    </row>
    <row r="1756" spans="1:35" s="5" customFormat="1" ht="27.75" customHeight="1" x14ac:dyDescent="0.4">
      <c r="A1756" s="9" t="s">
        <v>2713</v>
      </c>
      <c r="B1756" s="9" t="s">
        <v>3482</v>
      </c>
      <c r="C1756" s="9" t="s">
        <v>3483</v>
      </c>
      <c r="D1756" s="18">
        <v>1461590058</v>
      </c>
      <c r="E1756" s="11">
        <v>47238</v>
      </c>
      <c r="F1756" s="9" t="s">
        <v>2673</v>
      </c>
      <c r="G1756" s="5">
        <v>1754</v>
      </c>
      <c r="H1756" s="12">
        <f t="shared" si="54"/>
        <v>14</v>
      </c>
      <c r="I1756" s="12">
        <f t="shared" si="55"/>
        <v>12</v>
      </c>
    </row>
    <row r="1757" spans="1:35" s="5" customFormat="1" ht="27.75" customHeight="1" x14ac:dyDescent="0.4">
      <c r="A1757" s="9" t="s">
        <v>2713</v>
      </c>
      <c r="B1757" s="9" t="s">
        <v>3484</v>
      </c>
      <c r="C1757" s="9" t="s">
        <v>3485</v>
      </c>
      <c r="D1757" s="18">
        <v>1461590033</v>
      </c>
      <c r="E1757" s="11">
        <v>47087</v>
      </c>
      <c r="F1757" s="9" t="s">
        <v>136</v>
      </c>
      <c r="G1757" s="12">
        <v>1755</v>
      </c>
      <c r="H1757" s="12">
        <f t="shared" si="54"/>
        <v>15</v>
      </c>
      <c r="I1757" s="12">
        <f t="shared" si="55"/>
        <v>13</v>
      </c>
    </row>
    <row r="1758" spans="1:35" s="5" customFormat="1" ht="27.75" customHeight="1" x14ac:dyDescent="0.4">
      <c r="A1758" s="9" t="s">
        <v>2713</v>
      </c>
      <c r="B1758" s="9" t="s">
        <v>3486</v>
      </c>
      <c r="C1758" s="9" t="s">
        <v>3487</v>
      </c>
      <c r="D1758" s="18">
        <v>1461390053</v>
      </c>
      <c r="E1758" s="11">
        <v>46387</v>
      </c>
      <c r="F1758" s="9" t="s">
        <v>136</v>
      </c>
      <c r="G1758" s="5">
        <v>1756</v>
      </c>
      <c r="H1758" s="12">
        <f t="shared" si="54"/>
        <v>13</v>
      </c>
      <c r="I1758" s="12">
        <f t="shared" si="55"/>
        <v>14</v>
      </c>
      <c r="J1758" s="12"/>
      <c r="K1758" s="12"/>
      <c r="L1758" s="12"/>
      <c r="M1758" s="12"/>
      <c r="N1758" s="12"/>
      <c r="O1758" s="12"/>
      <c r="P1758" s="12"/>
      <c r="Q1758" s="12"/>
      <c r="R1758" s="12"/>
      <c r="S1758" s="12"/>
      <c r="T1758" s="12"/>
      <c r="U1758" s="12"/>
      <c r="V1758" s="12"/>
      <c r="W1758" s="12"/>
      <c r="X1758" s="12"/>
      <c r="Y1758" s="12"/>
      <c r="Z1758" s="12"/>
      <c r="AA1758" s="12"/>
      <c r="AB1758" s="12"/>
      <c r="AC1758" s="12"/>
      <c r="AD1758" s="12"/>
      <c r="AE1758" s="12"/>
      <c r="AF1758" s="12"/>
      <c r="AG1758" s="12"/>
      <c r="AH1758" s="12"/>
      <c r="AI1758" s="12"/>
    </row>
    <row r="1759" spans="1:35" s="5" customFormat="1" ht="27.75" customHeight="1" x14ac:dyDescent="0.4">
      <c r="A1759" s="9" t="s">
        <v>2713</v>
      </c>
      <c r="B1759" s="9" t="s">
        <v>3488</v>
      </c>
      <c r="C1759" s="9" t="s">
        <v>3489</v>
      </c>
      <c r="D1759" s="18">
        <v>1461590066</v>
      </c>
      <c r="E1759" s="11">
        <v>46904</v>
      </c>
      <c r="F1759" s="9" t="s">
        <v>136</v>
      </c>
      <c r="G1759" s="12">
        <v>1757</v>
      </c>
      <c r="H1759" s="12">
        <f t="shared" si="54"/>
        <v>17</v>
      </c>
      <c r="I1759" s="12">
        <f t="shared" si="55"/>
        <v>14</v>
      </c>
    </row>
    <row r="1760" spans="1:35" s="5" customFormat="1" ht="27.75" customHeight="1" x14ac:dyDescent="0.4">
      <c r="A1760" s="13" t="s">
        <v>2713</v>
      </c>
      <c r="B1760" s="9" t="s">
        <v>3490</v>
      </c>
      <c r="C1760" s="9" t="s">
        <v>3491</v>
      </c>
      <c r="D1760" s="18">
        <v>1461590090</v>
      </c>
      <c r="E1760" s="11">
        <v>48029</v>
      </c>
      <c r="F1760" s="9" t="s">
        <v>136</v>
      </c>
      <c r="G1760" s="5">
        <v>1758</v>
      </c>
      <c r="H1760" s="12">
        <f t="shared" si="54"/>
        <v>27</v>
      </c>
      <c r="I1760" s="12">
        <f t="shared" si="55"/>
        <v>13</v>
      </c>
    </row>
    <row r="1761" spans="1:35" s="5" customFormat="1" ht="27.75" customHeight="1" x14ac:dyDescent="0.4">
      <c r="A1761" s="9" t="s">
        <v>2713</v>
      </c>
      <c r="B1761" s="9" t="s">
        <v>3492</v>
      </c>
      <c r="C1761" s="9" t="s">
        <v>3493</v>
      </c>
      <c r="D1761" s="18">
        <v>1461590025</v>
      </c>
      <c r="E1761" s="11">
        <v>46387</v>
      </c>
      <c r="F1761" s="9" t="s">
        <v>136</v>
      </c>
      <c r="G1761" s="12">
        <v>1759</v>
      </c>
      <c r="H1761" s="12">
        <f t="shared" si="54"/>
        <v>14</v>
      </c>
      <c r="I1761" s="12">
        <f t="shared" si="55"/>
        <v>12</v>
      </c>
    </row>
    <row r="1762" spans="1:35" s="5" customFormat="1" ht="27.75" customHeight="1" x14ac:dyDescent="0.4">
      <c r="A1762" s="9" t="s">
        <v>2713</v>
      </c>
      <c r="B1762" s="9" t="s">
        <v>3494</v>
      </c>
      <c r="C1762" s="9" t="s">
        <v>2704</v>
      </c>
      <c r="D1762" s="18">
        <v>1462990018</v>
      </c>
      <c r="E1762" s="11">
        <v>46387</v>
      </c>
      <c r="F1762" s="9" t="s">
        <v>2701</v>
      </c>
      <c r="G1762" s="5">
        <v>1760</v>
      </c>
      <c r="H1762" s="12">
        <f t="shared" si="54"/>
        <v>13</v>
      </c>
      <c r="I1762" s="12">
        <f t="shared" si="55"/>
        <v>16</v>
      </c>
    </row>
    <row r="1763" spans="1:35" s="5" customFormat="1" ht="27.75" customHeight="1" x14ac:dyDescent="0.4">
      <c r="A1763" s="13" t="s">
        <v>2713</v>
      </c>
      <c r="B1763" s="9" t="s">
        <v>3495</v>
      </c>
      <c r="C1763" s="49" t="s">
        <v>3496</v>
      </c>
      <c r="D1763" s="18">
        <v>1461690049</v>
      </c>
      <c r="E1763" s="11">
        <v>48334</v>
      </c>
      <c r="F1763" s="9" t="s">
        <v>2701</v>
      </c>
      <c r="G1763" s="12">
        <v>1761</v>
      </c>
      <c r="H1763" s="12">
        <f t="shared" si="54"/>
        <v>35</v>
      </c>
      <c r="I1763" s="12">
        <f t="shared" si="55"/>
        <v>21</v>
      </c>
    </row>
    <row r="1764" spans="1:35" s="5" customFormat="1" ht="27.75" customHeight="1" x14ac:dyDescent="0.4">
      <c r="A1764" s="13" t="s">
        <v>2713</v>
      </c>
      <c r="B1764" s="9" t="s">
        <v>3497</v>
      </c>
      <c r="C1764" s="9" t="s">
        <v>3498</v>
      </c>
      <c r="D1764" s="18">
        <v>1461690023</v>
      </c>
      <c r="E1764" s="11">
        <v>46691</v>
      </c>
      <c r="F1764" s="9" t="s">
        <v>2701</v>
      </c>
      <c r="G1764" s="5">
        <v>1762</v>
      </c>
      <c r="H1764" s="12">
        <f t="shared" si="54"/>
        <v>24</v>
      </c>
      <c r="I1764" s="12">
        <f t="shared" si="55"/>
        <v>15</v>
      </c>
    </row>
    <row r="1765" spans="1:35" s="5" customFormat="1" ht="27.75" customHeight="1" x14ac:dyDescent="0.4">
      <c r="A1765" s="13" t="s">
        <v>2713</v>
      </c>
      <c r="B1765" s="9" t="s">
        <v>3499</v>
      </c>
      <c r="C1765" s="9" t="s">
        <v>3500</v>
      </c>
      <c r="D1765" s="18">
        <v>1461690031</v>
      </c>
      <c r="E1765" s="11">
        <v>47879</v>
      </c>
      <c r="F1765" s="9" t="s">
        <v>2701</v>
      </c>
      <c r="G1765" s="12">
        <v>1763</v>
      </c>
      <c r="H1765" s="12">
        <f t="shared" si="54"/>
        <v>14</v>
      </c>
      <c r="I1765" s="12">
        <f t="shared" si="55"/>
        <v>19</v>
      </c>
    </row>
    <row r="1766" spans="1:35" s="5" customFormat="1" ht="27.75" customHeight="1" x14ac:dyDescent="0.4">
      <c r="A1766" s="9" t="s">
        <v>2713</v>
      </c>
      <c r="B1766" s="9" t="s">
        <v>3501</v>
      </c>
      <c r="C1766" s="9" t="s">
        <v>3502</v>
      </c>
      <c r="D1766" s="18">
        <v>1461690015</v>
      </c>
      <c r="E1766" s="11">
        <v>48273</v>
      </c>
      <c r="F1766" s="9" t="s">
        <v>2701</v>
      </c>
      <c r="G1766" s="5">
        <v>1764</v>
      </c>
      <c r="H1766" s="12">
        <f t="shared" si="54"/>
        <v>13</v>
      </c>
      <c r="I1766" s="12">
        <f t="shared" si="55"/>
        <v>7</v>
      </c>
    </row>
    <row r="1767" spans="1:35" s="5" customFormat="1" ht="27.75" customHeight="1" x14ac:dyDescent="0.4">
      <c r="A1767" s="9" t="s">
        <v>3503</v>
      </c>
      <c r="B1767" s="9" t="s">
        <v>3504</v>
      </c>
      <c r="C1767" s="9" t="s">
        <v>3505</v>
      </c>
      <c r="D1767" s="18">
        <v>1441901123</v>
      </c>
      <c r="E1767" s="11">
        <v>46387</v>
      </c>
      <c r="F1767" s="9" t="s">
        <v>9</v>
      </c>
      <c r="G1767" s="12">
        <v>1765</v>
      </c>
      <c r="H1767" s="12">
        <f t="shared" si="54"/>
        <v>14</v>
      </c>
      <c r="I1767" s="12">
        <f t="shared" si="55"/>
        <v>14</v>
      </c>
    </row>
    <row r="1768" spans="1:35" s="5" customFormat="1" ht="27.75" customHeight="1" x14ac:dyDescent="0.4">
      <c r="A1768" s="9" t="s">
        <v>3503</v>
      </c>
      <c r="B1768" s="9" t="s">
        <v>3506</v>
      </c>
      <c r="C1768" s="9" t="s">
        <v>3507</v>
      </c>
      <c r="D1768" s="18">
        <v>1441983519</v>
      </c>
      <c r="E1768" s="11">
        <v>46387</v>
      </c>
      <c r="F1768" s="9" t="s">
        <v>9</v>
      </c>
      <c r="G1768" s="5">
        <v>1766</v>
      </c>
      <c r="H1768" s="12">
        <f t="shared" si="54"/>
        <v>12</v>
      </c>
      <c r="I1768" s="12">
        <f t="shared" si="55"/>
        <v>5</v>
      </c>
    </row>
    <row r="1769" spans="1:35" s="5" customFormat="1" ht="27.75" customHeight="1" x14ac:dyDescent="0.4">
      <c r="A1769" s="9" t="s">
        <v>3503</v>
      </c>
      <c r="B1769" s="13" t="s">
        <v>3508</v>
      </c>
      <c r="C1769" s="9" t="s">
        <v>3509</v>
      </c>
      <c r="D1769" s="18">
        <v>1441941350</v>
      </c>
      <c r="E1769" s="11">
        <v>48121</v>
      </c>
      <c r="F1769" s="9" t="s">
        <v>9</v>
      </c>
      <c r="G1769" s="12">
        <v>1767</v>
      </c>
      <c r="H1769" s="12">
        <f t="shared" si="54"/>
        <v>12</v>
      </c>
      <c r="I1769" s="12">
        <f t="shared" si="55"/>
        <v>13</v>
      </c>
    </row>
    <row r="1770" spans="1:35" s="5" customFormat="1" ht="27.75" customHeight="1" x14ac:dyDescent="0.4">
      <c r="A1770" s="17" t="s">
        <v>3503</v>
      </c>
      <c r="B1770" s="15" t="s">
        <v>3510</v>
      </c>
      <c r="C1770" s="16" t="s">
        <v>3511</v>
      </c>
      <c r="D1770" s="10">
        <v>1441902527</v>
      </c>
      <c r="E1770" s="11">
        <v>46387</v>
      </c>
      <c r="F1770" s="9" t="s">
        <v>9</v>
      </c>
      <c r="G1770" s="5">
        <v>1768</v>
      </c>
      <c r="H1770" s="12">
        <f t="shared" si="54"/>
        <v>10</v>
      </c>
      <c r="I1770" s="12">
        <f t="shared" si="55"/>
        <v>4</v>
      </c>
    </row>
    <row r="1771" spans="1:35" s="5" customFormat="1" ht="27.75" customHeight="1" x14ac:dyDescent="0.4">
      <c r="A1771" s="13" t="s">
        <v>3503</v>
      </c>
      <c r="B1771" s="9" t="s">
        <v>3512</v>
      </c>
      <c r="C1771" s="9" t="s">
        <v>145</v>
      </c>
      <c r="D1771" s="18">
        <v>1441984418</v>
      </c>
      <c r="E1771" s="11">
        <v>47938</v>
      </c>
      <c r="F1771" s="9" t="s">
        <v>9</v>
      </c>
      <c r="G1771" s="12">
        <v>1769</v>
      </c>
      <c r="H1771" s="12">
        <f t="shared" si="54"/>
        <v>11</v>
      </c>
      <c r="I1771" s="12">
        <f t="shared" si="55"/>
        <v>5</v>
      </c>
      <c r="J1771" s="12"/>
      <c r="K1771" s="12"/>
      <c r="L1771" s="12"/>
      <c r="M1771" s="12"/>
      <c r="N1771" s="12"/>
      <c r="O1771" s="12"/>
      <c r="P1771" s="12"/>
      <c r="Q1771" s="12"/>
      <c r="R1771" s="12"/>
      <c r="S1771" s="12"/>
      <c r="T1771" s="12"/>
      <c r="U1771" s="12"/>
      <c r="V1771" s="12"/>
      <c r="W1771" s="12"/>
      <c r="X1771" s="12"/>
      <c r="Y1771" s="12"/>
      <c r="Z1771" s="12"/>
      <c r="AA1771" s="12"/>
      <c r="AB1771" s="12"/>
      <c r="AC1771" s="12"/>
      <c r="AD1771" s="12"/>
      <c r="AE1771" s="12"/>
      <c r="AF1771" s="12"/>
      <c r="AG1771" s="12"/>
      <c r="AH1771" s="12"/>
      <c r="AI1771" s="12"/>
    </row>
    <row r="1772" spans="1:35" s="5" customFormat="1" ht="27.75" customHeight="1" x14ac:dyDescent="0.4">
      <c r="A1772" s="13" t="s">
        <v>3503</v>
      </c>
      <c r="B1772" s="9" t="s">
        <v>3513</v>
      </c>
      <c r="C1772" s="9" t="s">
        <v>149</v>
      </c>
      <c r="D1772" s="18">
        <v>1441901685</v>
      </c>
      <c r="E1772" s="11">
        <v>46630</v>
      </c>
      <c r="F1772" s="9" t="s">
        <v>9</v>
      </c>
      <c r="G1772" s="5">
        <v>1770</v>
      </c>
      <c r="H1772" s="12">
        <f t="shared" si="54"/>
        <v>10</v>
      </c>
      <c r="I1772" s="12">
        <f t="shared" si="55"/>
        <v>6</v>
      </c>
    </row>
    <row r="1773" spans="1:35" s="5" customFormat="1" ht="27.75" customHeight="1" x14ac:dyDescent="0.4">
      <c r="A1773" s="13" t="s">
        <v>3503</v>
      </c>
      <c r="B1773" s="9" t="s">
        <v>3514</v>
      </c>
      <c r="C1773" s="9" t="s">
        <v>3515</v>
      </c>
      <c r="D1773" s="18">
        <v>1441901826</v>
      </c>
      <c r="E1773" s="11">
        <v>46387</v>
      </c>
      <c r="F1773" s="9" t="s">
        <v>9</v>
      </c>
      <c r="G1773" s="12">
        <v>1771</v>
      </c>
      <c r="H1773" s="12">
        <f t="shared" si="54"/>
        <v>13</v>
      </c>
      <c r="I1773" s="12">
        <f t="shared" si="55"/>
        <v>11</v>
      </c>
    </row>
    <row r="1774" spans="1:35" s="5" customFormat="1" ht="27.75" customHeight="1" x14ac:dyDescent="0.4">
      <c r="A1774" s="13" t="s">
        <v>3503</v>
      </c>
      <c r="B1774" s="9" t="s">
        <v>3516</v>
      </c>
      <c r="C1774" s="9" t="s">
        <v>3517</v>
      </c>
      <c r="D1774" s="18">
        <v>1441984152</v>
      </c>
      <c r="E1774" s="11">
        <v>46387</v>
      </c>
      <c r="F1774" s="9" t="s">
        <v>9</v>
      </c>
      <c r="G1774" s="5">
        <v>1772</v>
      </c>
      <c r="H1774" s="12">
        <f t="shared" si="54"/>
        <v>11</v>
      </c>
      <c r="I1774" s="12">
        <f t="shared" si="55"/>
        <v>9</v>
      </c>
      <c r="J1774" s="12"/>
      <c r="K1774" s="12"/>
      <c r="L1774" s="12"/>
      <c r="M1774" s="12"/>
      <c r="N1774" s="12"/>
      <c r="O1774" s="12"/>
      <c r="P1774" s="12"/>
      <c r="Q1774" s="12"/>
      <c r="R1774" s="12"/>
      <c r="S1774" s="12"/>
      <c r="T1774" s="12"/>
      <c r="U1774" s="12"/>
      <c r="V1774" s="12"/>
      <c r="W1774" s="12"/>
      <c r="X1774" s="12"/>
      <c r="Y1774" s="12"/>
      <c r="Z1774" s="12"/>
      <c r="AA1774" s="12"/>
      <c r="AB1774" s="12"/>
      <c r="AC1774" s="12"/>
      <c r="AD1774" s="12"/>
      <c r="AE1774" s="12"/>
      <c r="AF1774" s="12"/>
      <c r="AG1774" s="12"/>
      <c r="AH1774" s="12"/>
      <c r="AI1774" s="12"/>
    </row>
    <row r="1775" spans="1:35" s="5" customFormat="1" ht="27.75" customHeight="1" x14ac:dyDescent="0.4">
      <c r="A1775" s="9" t="s">
        <v>3503</v>
      </c>
      <c r="B1775" s="9" t="s">
        <v>3518</v>
      </c>
      <c r="C1775" s="9" t="s">
        <v>3519</v>
      </c>
      <c r="D1775" s="18">
        <v>1441984525</v>
      </c>
      <c r="E1775" s="11">
        <v>46387</v>
      </c>
      <c r="F1775" s="9" t="s">
        <v>9</v>
      </c>
      <c r="G1775" s="12">
        <v>1773</v>
      </c>
      <c r="H1775" s="12">
        <f t="shared" si="54"/>
        <v>23</v>
      </c>
      <c r="I1775" s="12">
        <f t="shared" si="55"/>
        <v>13</v>
      </c>
    </row>
    <row r="1776" spans="1:35" s="5" customFormat="1" ht="27.75" customHeight="1" x14ac:dyDescent="0.4">
      <c r="A1776" s="9" t="s">
        <v>3503</v>
      </c>
      <c r="B1776" s="9" t="s">
        <v>3520</v>
      </c>
      <c r="C1776" s="9" t="s">
        <v>3521</v>
      </c>
      <c r="D1776" s="18">
        <v>1441983857</v>
      </c>
      <c r="E1776" s="11">
        <v>46387</v>
      </c>
      <c r="F1776" s="9" t="s">
        <v>9</v>
      </c>
      <c r="G1776" s="5">
        <v>1774</v>
      </c>
      <c r="H1776" s="12">
        <f t="shared" si="54"/>
        <v>15</v>
      </c>
      <c r="I1776" s="12">
        <f t="shared" si="55"/>
        <v>5</v>
      </c>
    </row>
    <row r="1777" spans="1:35" s="5" customFormat="1" ht="27.75" customHeight="1" x14ac:dyDescent="0.4">
      <c r="A1777" s="9" t="s">
        <v>3503</v>
      </c>
      <c r="B1777" s="9" t="s">
        <v>3522</v>
      </c>
      <c r="C1777" s="9" t="s">
        <v>3523</v>
      </c>
      <c r="D1777" s="18">
        <v>1441901925</v>
      </c>
      <c r="E1777" s="11">
        <v>46387</v>
      </c>
      <c r="F1777" s="9" t="s">
        <v>9</v>
      </c>
      <c r="G1777" s="12">
        <v>1775</v>
      </c>
      <c r="H1777" s="12">
        <f t="shared" si="54"/>
        <v>12</v>
      </c>
      <c r="I1777" s="12">
        <f t="shared" si="55"/>
        <v>11</v>
      </c>
    </row>
    <row r="1778" spans="1:35" s="5" customFormat="1" ht="27.75" customHeight="1" x14ac:dyDescent="0.4">
      <c r="A1778" s="13" t="s">
        <v>3503</v>
      </c>
      <c r="B1778" s="9" t="s">
        <v>3524</v>
      </c>
      <c r="C1778" s="9" t="s">
        <v>3525</v>
      </c>
      <c r="D1778" s="18">
        <v>1441940493</v>
      </c>
      <c r="E1778" s="11">
        <v>47238</v>
      </c>
      <c r="F1778" s="9" t="s">
        <v>9</v>
      </c>
      <c r="G1778" s="5">
        <v>1776</v>
      </c>
      <c r="H1778" s="12">
        <f t="shared" si="54"/>
        <v>12</v>
      </c>
      <c r="I1778" s="12">
        <f t="shared" si="55"/>
        <v>5</v>
      </c>
      <c r="J1778" s="12"/>
      <c r="K1778" s="12"/>
      <c r="L1778" s="12"/>
      <c r="M1778" s="12"/>
      <c r="N1778" s="12"/>
      <c r="O1778" s="12"/>
      <c r="P1778" s="12"/>
      <c r="Q1778" s="12"/>
      <c r="R1778" s="12"/>
      <c r="S1778" s="12"/>
      <c r="T1778" s="12"/>
      <c r="U1778" s="12"/>
      <c r="V1778" s="12"/>
      <c r="W1778" s="12"/>
      <c r="X1778" s="12"/>
      <c r="Y1778" s="12"/>
      <c r="Z1778" s="12"/>
      <c r="AA1778" s="12"/>
      <c r="AB1778" s="12"/>
      <c r="AC1778" s="12"/>
      <c r="AD1778" s="12"/>
      <c r="AE1778" s="12"/>
      <c r="AF1778" s="12"/>
      <c r="AG1778" s="12"/>
      <c r="AH1778" s="12"/>
      <c r="AI1778" s="12"/>
    </row>
    <row r="1779" spans="1:35" s="5" customFormat="1" ht="27.75" customHeight="1" x14ac:dyDescent="0.4">
      <c r="A1779" s="9" t="s">
        <v>3503</v>
      </c>
      <c r="B1779" s="9" t="s">
        <v>3526</v>
      </c>
      <c r="C1779" s="9" t="s">
        <v>3527</v>
      </c>
      <c r="D1779" s="18">
        <v>1441900737</v>
      </c>
      <c r="E1779" s="11">
        <v>46387</v>
      </c>
      <c r="F1779" s="9" t="s">
        <v>9</v>
      </c>
      <c r="G1779" s="12">
        <v>1777</v>
      </c>
      <c r="H1779" s="12">
        <f t="shared" si="54"/>
        <v>11</v>
      </c>
      <c r="I1779" s="12">
        <f t="shared" si="55"/>
        <v>4</v>
      </c>
      <c r="J1779" s="12"/>
      <c r="K1779" s="12"/>
      <c r="L1779" s="12"/>
      <c r="M1779" s="12"/>
      <c r="N1779" s="12"/>
      <c r="O1779" s="12"/>
      <c r="P1779" s="12"/>
      <c r="Q1779" s="12"/>
      <c r="R1779" s="12"/>
      <c r="S1779" s="12"/>
      <c r="T1779" s="12"/>
      <c r="U1779" s="12"/>
      <c r="V1779" s="12"/>
      <c r="W1779" s="12"/>
      <c r="X1779" s="12"/>
      <c r="Y1779" s="12"/>
      <c r="Z1779" s="12"/>
      <c r="AA1779" s="12"/>
      <c r="AB1779" s="12"/>
      <c r="AC1779" s="12"/>
      <c r="AD1779" s="12"/>
      <c r="AE1779" s="12"/>
      <c r="AF1779" s="12"/>
      <c r="AG1779" s="12"/>
      <c r="AH1779" s="12"/>
      <c r="AI1779" s="12"/>
    </row>
    <row r="1780" spans="1:35" s="5" customFormat="1" ht="27.75" customHeight="1" x14ac:dyDescent="0.4">
      <c r="A1780" s="9" t="s">
        <v>3503</v>
      </c>
      <c r="B1780" s="9" t="s">
        <v>3528</v>
      </c>
      <c r="C1780" s="9" t="s">
        <v>3529</v>
      </c>
      <c r="D1780" s="18">
        <v>1441941095</v>
      </c>
      <c r="E1780" s="11">
        <v>47391</v>
      </c>
      <c r="F1780" s="9" t="s">
        <v>9</v>
      </c>
      <c r="G1780" s="5">
        <v>1778</v>
      </c>
      <c r="H1780" s="12">
        <f t="shared" si="54"/>
        <v>13</v>
      </c>
      <c r="I1780" s="12">
        <f t="shared" si="55"/>
        <v>9</v>
      </c>
    </row>
    <row r="1781" spans="1:35" s="5" customFormat="1" ht="27.75" customHeight="1" x14ac:dyDescent="0.4">
      <c r="A1781" s="9" t="s">
        <v>3503</v>
      </c>
      <c r="B1781" s="9" t="s">
        <v>3530</v>
      </c>
      <c r="C1781" s="9" t="s">
        <v>3531</v>
      </c>
      <c r="D1781" s="18">
        <v>1441984087</v>
      </c>
      <c r="E1781" s="11">
        <v>46387</v>
      </c>
      <c r="F1781" s="9" t="s">
        <v>9</v>
      </c>
      <c r="G1781" s="12">
        <v>1779</v>
      </c>
      <c r="H1781" s="12">
        <f t="shared" si="54"/>
        <v>14</v>
      </c>
      <c r="I1781" s="12">
        <f t="shared" si="55"/>
        <v>11</v>
      </c>
    </row>
    <row r="1782" spans="1:35" s="5" customFormat="1" ht="27.75" customHeight="1" x14ac:dyDescent="0.4">
      <c r="A1782" s="9" t="s">
        <v>3503</v>
      </c>
      <c r="B1782" s="9" t="s">
        <v>3532</v>
      </c>
      <c r="C1782" s="9" t="s">
        <v>3533</v>
      </c>
      <c r="D1782" s="18">
        <v>1441901933</v>
      </c>
      <c r="E1782" s="11">
        <v>46387</v>
      </c>
      <c r="F1782" s="9" t="s">
        <v>9</v>
      </c>
      <c r="G1782" s="5">
        <v>1780</v>
      </c>
      <c r="H1782" s="12">
        <f t="shared" si="54"/>
        <v>13</v>
      </c>
      <c r="I1782" s="12">
        <f t="shared" si="55"/>
        <v>8</v>
      </c>
    </row>
    <row r="1783" spans="1:35" s="5" customFormat="1" ht="27.75" customHeight="1" x14ac:dyDescent="0.4">
      <c r="A1783" s="13" t="s">
        <v>3503</v>
      </c>
      <c r="B1783" s="9" t="s">
        <v>3534</v>
      </c>
      <c r="C1783" s="9" t="s">
        <v>3535</v>
      </c>
      <c r="D1783" s="18">
        <v>1441940998</v>
      </c>
      <c r="E1783" s="11">
        <v>46965</v>
      </c>
      <c r="F1783" s="9" t="s">
        <v>9</v>
      </c>
      <c r="G1783" s="12">
        <v>1781</v>
      </c>
      <c r="H1783" s="12">
        <f t="shared" si="54"/>
        <v>13</v>
      </c>
      <c r="I1783" s="12">
        <f t="shared" si="55"/>
        <v>13</v>
      </c>
      <c r="J1783" s="12"/>
      <c r="K1783" s="12"/>
      <c r="L1783" s="12"/>
      <c r="M1783" s="12"/>
      <c r="N1783" s="12"/>
      <c r="O1783" s="12"/>
      <c r="P1783" s="12"/>
      <c r="Q1783" s="12"/>
      <c r="R1783" s="12"/>
      <c r="S1783" s="12"/>
      <c r="T1783" s="12"/>
      <c r="U1783" s="12"/>
      <c r="V1783" s="12"/>
      <c r="W1783" s="12"/>
      <c r="X1783" s="12"/>
      <c r="Y1783" s="12"/>
      <c r="Z1783" s="12"/>
      <c r="AA1783" s="12"/>
      <c r="AB1783" s="12"/>
      <c r="AC1783" s="12"/>
      <c r="AD1783" s="12"/>
      <c r="AE1783" s="12"/>
      <c r="AF1783" s="12"/>
      <c r="AG1783" s="12"/>
      <c r="AH1783" s="12"/>
      <c r="AI1783" s="12"/>
    </row>
    <row r="1784" spans="1:35" s="5" customFormat="1" ht="27.75" customHeight="1" x14ac:dyDescent="0.4">
      <c r="A1784" s="9" t="s">
        <v>3503</v>
      </c>
      <c r="B1784" s="14" t="s">
        <v>3536</v>
      </c>
      <c r="C1784" s="9" t="s">
        <v>3537</v>
      </c>
      <c r="D1784" s="18">
        <v>1441940261</v>
      </c>
      <c r="E1784" s="11">
        <v>46538</v>
      </c>
      <c r="F1784" s="9" t="s">
        <v>9</v>
      </c>
      <c r="G1784" s="5">
        <v>1782</v>
      </c>
      <c r="H1784" s="12">
        <f t="shared" si="54"/>
        <v>11</v>
      </c>
      <c r="I1784" s="12">
        <f t="shared" si="55"/>
        <v>5</v>
      </c>
    </row>
    <row r="1785" spans="1:35" s="5" customFormat="1" ht="27.75" customHeight="1" x14ac:dyDescent="0.4">
      <c r="A1785" s="13" t="s">
        <v>3503</v>
      </c>
      <c r="B1785" s="9" t="s">
        <v>3538</v>
      </c>
      <c r="C1785" s="9" t="s">
        <v>3539</v>
      </c>
      <c r="D1785" s="18">
        <v>1441902717</v>
      </c>
      <c r="E1785" s="11">
        <v>46387</v>
      </c>
      <c r="F1785" s="9" t="s">
        <v>9</v>
      </c>
      <c r="G1785" s="12">
        <v>1783</v>
      </c>
      <c r="H1785" s="12">
        <f t="shared" si="54"/>
        <v>20</v>
      </c>
      <c r="I1785" s="12">
        <f t="shared" si="55"/>
        <v>9</v>
      </c>
      <c r="J1785" s="12"/>
      <c r="K1785" s="12"/>
      <c r="L1785" s="12"/>
      <c r="M1785" s="12"/>
      <c r="N1785" s="12"/>
      <c r="O1785" s="12"/>
      <c r="P1785" s="12"/>
      <c r="Q1785" s="12"/>
      <c r="R1785" s="12"/>
      <c r="S1785" s="12"/>
      <c r="T1785" s="12"/>
      <c r="U1785" s="12"/>
      <c r="V1785" s="12"/>
      <c r="W1785" s="12"/>
      <c r="X1785" s="12"/>
      <c r="Y1785" s="12"/>
      <c r="Z1785" s="12"/>
      <c r="AA1785" s="12"/>
      <c r="AB1785" s="12"/>
      <c r="AC1785" s="12"/>
      <c r="AD1785" s="12"/>
      <c r="AE1785" s="12"/>
      <c r="AF1785" s="12"/>
      <c r="AG1785" s="12"/>
      <c r="AH1785" s="12"/>
      <c r="AI1785" s="12"/>
    </row>
    <row r="1786" spans="1:35" s="5" customFormat="1" ht="27.75" customHeight="1" x14ac:dyDescent="0.4">
      <c r="A1786" s="13" t="s">
        <v>3503</v>
      </c>
      <c r="B1786" s="9" t="s">
        <v>3540</v>
      </c>
      <c r="C1786" s="9" t="s">
        <v>3541</v>
      </c>
      <c r="D1786" s="18">
        <v>1441941228</v>
      </c>
      <c r="E1786" s="11">
        <v>47695</v>
      </c>
      <c r="F1786" s="9" t="s">
        <v>9</v>
      </c>
      <c r="G1786" s="5">
        <v>1784</v>
      </c>
      <c r="H1786" s="12">
        <f t="shared" si="54"/>
        <v>13</v>
      </c>
      <c r="I1786" s="12">
        <f t="shared" si="55"/>
        <v>8</v>
      </c>
      <c r="J1786" s="12"/>
      <c r="K1786" s="12"/>
      <c r="L1786" s="12"/>
      <c r="M1786" s="12"/>
      <c r="N1786" s="12"/>
      <c r="O1786" s="12"/>
      <c r="P1786" s="12"/>
      <c r="Q1786" s="12"/>
      <c r="R1786" s="12"/>
      <c r="S1786" s="12"/>
      <c r="T1786" s="12"/>
      <c r="U1786" s="12"/>
      <c r="V1786" s="12"/>
      <c r="W1786" s="12"/>
      <c r="X1786" s="12"/>
      <c r="Y1786" s="12"/>
      <c r="Z1786" s="12"/>
      <c r="AA1786" s="12"/>
      <c r="AB1786" s="12"/>
      <c r="AC1786" s="12"/>
      <c r="AD1786" s="12"/>
      <c r="AE1786" s="12"/>
      <c r="AF1786" s="12"/>
      <c r="AG1786" s="12"/>
      <c r="AH1786" s="12"/>
      <c r="AI1786" s="12"/>
    </row>
    <row r="1787" spans="1:35" s="5" customFormat="1" ht="27.75" customHeight="1" x14ac:dyDescent="0.4">
      <c r="A1787" s="9" t="s">
        <v>3503</v>
      </c>
      <c r="B1787" s="9" t="s">
        <v>3542</v>
      </c>
      <c r="C1787" s="9" t="s">
        <v>175</v>
      </c>
      <c r="D1787" s="18">
        <v>1441940865</v>
      </c>
      <c r="E1787" s="11">
        <v>46418</v>
      </c>
      <c r="F1787" s="9" t="s">
        <v>9</v>
      </c>
      <c r="G1787" s="12">
        <v>1785</v>
      </c>
      <c r="H1787" s="12">
        <f t="shared" si="54"/>
        <v>11</v>
      </c>
      <c r="I1787" s="12">
        <f t="shared" si="55"/>
        <v>14</v>
      </c>
    </row>
    <row r="1788" spans="1:35" s="5" customFormat="1" ht="27.75" customHeight="1" x14ac:dyDescent="0.4">
      <c r="A1788" s="9" t="s">
        <v>3503</v>
      </c>
      <c r="B1788" s="14" t="s">
        <v>3543</v>
      </c>
      <c r="C1788" s="9" t="s">
        <v>3544</v>
      </c>
      <c r="D1788" s="18">
        <v>1441901487</v>
      </c>
      <c r="E1788" s="11">
        <v>46387</v>
      </c>
      <c r="F1788" s="9" t="s">
        <v>9</v>
      </c>
      <c r="G1788" s="5">
        <v>1786</v>
      </c>
      <c r="H1788" s="12">
        <f t="shared" si="54"/>
        <v>13</v>
      </c>
      <c r="I1788" s="12">
        <f t="shared" si="55"/>
        <v>9</v>
      </c>
    </row>
    <row r="1789" spans="1:35" s="5" customFormat="1" ht="27.75" customHeight="1" x14ac:dyDescent="0.4">
      <c r="A1789" s="13" t="s">
        <v>3503</v>
      </c>
      <c r="B1789" s="9" t="s">
        <v>3545</v>
      </c>
      <c r="C1789" s="9" t="s">
        <v>3546</v>
      </c>
      <c r="D1789" s="18">
        <v>1441940170</v>
      </c>
      <c r="E1789" s="11">
        <v>46387</v>
      </c>
      <c r="F1789" s="9" t="s">
        <v>9</v>
      </c>
      <c r="G1789" s="12">
        <v>1787</v>
      </c>
      <c r="H1789" s="12">
        <f t="shared" si="54"/>
        <v>13</v>
      </c>
      <c r="I1789" s="12">
        <f t="shared" si="55"/>
        <v>8</v>
      </c>
    </row>
    <row r="1790" spans="1:35" s="5" customFormat="1" ht="27.75" customHeight="1" x14ac:dyDescent="0.4">
      <c r="A1790" s="13" t="s">
        <v>3503</v>
      </c>
      <c r="B1790" s="9" t="s">
        <v>3547</v>
      </c>
      <c r="C1790" s="9" t="s">
        <v>3548</v>
      </c>
      <c r="D1790" s="18">
        <v>1441940550</v>
      </c>
      <c r="E1790" s="11">
        <v>47726</v>
      </c>
      <c r="F1790" s="9" t="s">
        <v>9</v>
      </c>
      <c r="G1790" s="5">
        <v>1788</v>
      </c>
      <c r="H1790" s="12">
        <f t="shared" si="54"/>
        <v>13</v>
      </c>
      <c r="I1790" s="12">
        <f t="shared" si="55"/>
        <v>11</v>
      </c>
    </row>
    <row r="1791" spans="1:35" s="5" customFormat="1" ht="27.75" customHeight="1" x14ac:dyDescent="0.4">
      <c r="A1791" s="13" t="s">
        <v>3503</v>
      </c>
      <c r="B1791" s="9" t="s">
        <v>3549</v>
      </c>
      <c r="C1791" s="9" t="s">
        <v>3550</v>
      </c>
      <c r="D1791" s="18">
        <v>1441940543</v>
      </c>
      <c r="E1791" s="11">
        <v>47695</v>
      </c>
      <c r="F1791" s="9" t="s">
        <v>9</v>
      </c>
      <c r="G1791" s="12">
        <v>1789</v>
      </c>
      <c r="H1791" s="12">
        <f t="shared" si="54"/>
        <v>12</v>
      </c>
      <c r="I1791" s="12">
        <f t="shared" si="55"/>
        <v>4</v>
      </c>
    </row>
    <row r="1792" spans="1:35" s="5" customFormat="1" ht="27.75" customHeight="1" x14ac:dyDescent="0.4">
      <c r="A1792" s="9" t="s">
        <v>3503</v>
      </c>
      <c r="B1792" s="9" t="s">
        <v>3551</v>
      </c>
      <c r="C1792" s="9" t="s">
        <v>3552</v>
      </c>
      <c r="D1792" s="18">
        <v>1441901297</v>
      </c>
      <c r="E1792" s="11">
        <v>46387</v>
      </c>
      <c r="F1792" s="9" t="s">
        <v>9</v>
      </c>
      <c r="G1792" s="5">
        <v>1790</v>
      </c>
      <c r="H1792" s="12">
        <f t="shared" si="54"/>
        <v>12</v>
      </c>
      <c r="I1792" s="12">
        <f t="shared" si="55"/>
        <v>6</v>
      </c>
    </row>
    <row r="1793" spans="1:35" s="5" customFormat="1" ht="27.75" customHeight="1" x14ac:dyDescent="0.4">
      <c r="A1793" s="9" t="s">
        <v>3503</v>
      </c>
      <c r="B1793" s="9" t="s">
        <v>3553</v>
      </c>
      <c r="C1793" s="9" t="s">
        <v>3554</v>
      </c>
      <c r="D1793" s="18">
        <v>1441983527</v>
      </c>
      <c r="E1793" s="11">
        <v>46418</v>
      </c>
      <c r="F1793" s="9" t="s">
        <v>9</v>
      </c>
      <c r="G1793" s="12">
        <v>1791</v>
      </c>
      <c r="H1793" s="12">
        <f t="shared" si="54"/>
        <v>13</v>
      </c>
      <c r="I1793" s="12">
        <f t="shared" si="55"/>
        <v>5</v>
      </c>
    </row>
    <row r="1794" spans="1:35" s="5" customFormat="1" ht="27.75" customHeight="1" x14ac:dyDescent="0.4">
      <c r="A1794" s="9" t="s">
        <v>3503</v>
      </c>
      <c r="B1794" s="9" t="s">
        <v>3555</v>
      </c>
      <c r="C1794" s="9" t="s">
        <v>3556</v>
      </c>
      <c r="D1794" s="18">
        <v>1441984475</v>
      </c>
      <c r="E1794" s="11">
        <v>46387</v>
      </c>
      <c r="F1794" s="9" t="s">
        <v>9</v>
      </c>
      <c r="G1794" s="5">
        <v>1792</v>
      </c>
      <c r="H1794" s="12">
        <f t="shared" si="54"/>
        <v>11</v>
      </c>
      <c r="I1794" s="12">
        <f t="shared" si="55"/>
        <v>11</v>
      </c>
    </row>
    <row r="1795" spans="1:35" s="5" customFormat="1" ht="27.75" customHeight="1" x14ac:dyDescent="0.4">
      <c r="A1795" s="9" t="s">
        <v>3503</v>
      </c>
      <c r="B1795" s="9" t="s">
        <v>3557</v>
      </c>
      <c r="C1795" s="9" t="s">
        <v>3558</v>
      </c>
      <c r="D1795" s="18">
        <v>1441940733</v>
      </c>
      <c r="E1795" s="11">
        <v>48121</v>
      </c>
      <c r="F1795" s="9" t="s">
        <v>9</v>
      </c>
      <c r="G1795" s="12">
        <v>1793</v>
      </c>
      <c r="H1795" s="12">
        <f t="shared" si="54"/>
        <v>25</v>
      </c>
      <c r="I1795" s="12">
        <f t="shared" si="55"/>
        <v>13</v>
      </c>
    </row>
    <row r="1796" spans="1:35" s="5" customFormat="1" ht="27.75" customHeight="1" x14ac:dyDescent="0.4">
      <c r="A1796" s="9" t="s">
        <v>3503</v>
      </c>
      <c r="B1796" s="9" t="s">
        <v>3559</v>
      </c>
      <c r="C1796" s="9" t="s">
        <v>3560</v>
      </c>
      <c r="D1796" s="18">
        <v>1441983865</v>
      </c>
      <c r="E1796" s="11">
        <v>46387</v>
      </c>
      <c r="F1796" s="9" t="s">
        <v>9</v>
      </c>
      <c r="G1796" s="5">
        <v>1794</v>
      </c>
      <c r="H1796" s="12">
        <f t="shared" ref="H1796:H1859" si="56">LEN(C1796)</f>
        <v>12</v>
      </c>
      <c r="I1796" s="12">
        <f t="shared" ref="I1796:I1859" si="57">LEN(B1796)</f>
        <v>6</v>
      </c>
      <c r="J1796" s="24"/>
      <c r="K1796" s="24"/>
      <c r="L1796" s="24"/>
    </row>
    <row r="1797" spans="1:35" s="5" customFormat="1" ht="27.75" customHeight="1" x14ac:dyDescent="0.4">
      <c r="A1797" s="9" t="s">
        <v>3503</v>
      </c>
      <c r="B1797" s="9" t="s">
        <v>3561</v>
      </c>
      <c r="C1797" s="9" t="s">
        <v>191</v>
      </c>
      <c r="D1797" s="18">
        <v>1441984392</v>
      </c>
      <c r="E1797" s="11">
        <v>46387</v>
      </c>
      <c r="F1797" s="9" t="s">
        <v>9</v>
      </c>
      <c r="G1797" s="12">
        <v>1795</v>
      </c>
      <c r="H1797" s="12">
        <f t="shared" si="56"/>
        <v>13</v>
      </c>
      <c r="I1797" s="12">
        <f t="shared" si="57"/>
        <v>5</v>
      </c>
      <c r="J1797" s="12"/>
      <c r="K1797" s="12"/>
      <c r="L1797" s="12"/>
      <c r="M1797" s="12"/>
      <c r="N1797" s="12"/>
      <c r="O1797" s="12"/>
      <c r="P1797" s="12"/>
      <c r="Q1797" s="12"/>
      <c r="R1797" s="12"/>
      <c r="S1797" s="12"/>
      <c r="T1797" s="12"/>
      <c r="U1797" s="12"/>
      <c r="V1797" s="12"/>
      <c r="W1797" s="12"/>
      <c r="X1797" s="12"/>
      <c r="Y1797" s="12"/>
      <c r="Z1797" s="12"/>
      <c r="AA1797" s="12"/>
      <c r="AB1797" s="12"/>
      <c r="AC1797" s="12"/>
      <c r="AD1797" s="12"/>
      <c r="AE1797" s="12"/>
      <c r="AF1797" s="12"/>
      <c r="AG1797" s="12"/>
      <c r="AH1797" s="12"/>
      <c r="AI1797" s="12"/>
    </row>
    <row r="1798" spans="1:35" s="5" customFormat="1" ht="27.75" customHeight="1" x14ac:dyDescent="0.4">
      <c r="A1798" s="9" t="s">
        <v>3503</v>
      </c>
      <c r="B1798" s="9" t="s">
        <v>3562</v>
      </c>
      <c r="C1798" s="9" t="s">
        <v>3563</v>
      </c>
      <c r="D1798" s="18">
        <v>1441940220</v>
      </c>
      <c r="E1798" s="11">
        <v>46446</v>
      </c>
      <c r="F1798" s="9" t="s">
        <v>9</v>
      </c>
      <c r="G1798" s="5">
        <v>1796</v>
      </c>
      <c r="H1798" s="12">
        <f t="shared" si="56"/>
        <v>19</v>
      </c>
      <c r="I1798" s="12">
        <f t="shared" si="57"/>
        <v>7</v>
      </c>
      <c r="J1798" s="12"/>
      <c r="K1798" s="12"/>
      <c r="L1798" s="12"/>
      <c r="M1798" s="12"/>
      <c r="N1798" s="12"/>
      <c r="O1798" s="12"/>
      <c r="P1798" s="12"/>
      <c r="Q1798" s="12"/>
      <c r="R1798" s="12"/>
      <c r="S1798" s="12"/>
      <c r="T1798" s="12"/>
      <c r="U1798" s="12"/>
      <c r="V1798" s="12"/>
      <c r="W1798" s="12"/>
      <c r="X1798" s="12"/>
      <c r="Y1798" s="12"/>
      <c r="Z1798" s="12"/>
      <c r="AA1798" s="12"/>
      <c r="AB1798" s="12"/>
      <c r="AC1798" s="12"/>
      <c r="AD1798" s="12"/>
      <c r="AE1798" s="12"/>
      <c r="AF1798" s="12"/>
      <c r="AG1798" s="12"/>
      <c r="AH1798" s="12"/>
      <c r="AI1798" s="12"/>
    </row>
    <row r="1799" spans="1:35" s="5" customFormat="1" ht="27.75" customHeight="1" x14ac:dyDescent="0.4">
      <c r="A1799" s="9" t="s">
        <v>3503</v>
      </c>
      <c r="B1799" s="9" t="s">
        <v>3564</v>
      </c>
      <c r="C1799" s="9" t="s">
        <v>3565</v>
      </c>
      <c r="D1799" s="18">
        <v>1441983618</v>
      </c>
      <c r="E1799" s="11">
        <v>46387</v>
      </c>
      <c r="F1799" s="9" t="s">
        <v>9</v>
      </c>
      <c r="G1799" s="12">
        <v>1797</v>
      </c>
      <c r="H1799" s="12">
        <f t="shared" si="56"/>
        <v>13</v>
      </c>
      <c r="I1799" s="12">
        <f t="shared" si="57"/>
        <v>9</v>
      </c>
    </row>
    <row r="1800" spans="1:35" s="5" customFormat="1" ht="27.75" customHeight="1" x14ac:dyDescent="0.4">
      <c r="A1800" s="13" t="s">
        <v>3503</v>
      </c>
      <c r="B1800" s="9" t="s">
        <v>3566</v>
      </c>
      <c r="C1800" s="9" t="s">
        <v>3567</v>
      </c>
      <c r="D1800" s="18">
        <v>1441982933</v>
      </c>
      <c r="E1800" s="11">
        <v>46387</v>
      </c>
      <c r="F1800" s="9" t="s">
        <v>9</v>
      </c>
      <c r="G1800" s="5">
        <v>1798</v>
      </c>
      <c r="H1800" s="12">
        <f t="shared" si="56"/>
        <v>13</v>
      </c>
      <c r="I1800" s="12">
        <f t="shared" si="57"/>
        <v>6</v>
      </c>
    </row>
    <row r="1801" spans="1:35" s="5" customFormat="1" ht="27.75" customHeight="1" x14ac:dyDescent="0.4">
      <c r="A1801" s="9" t="s">
        <v>3503</v>
      </c>
      <c r="B1801" s="9" t="s">
        <v>3568</v>
      </c>
      <c r="C1801" s="9" t="s">
        <v>3569</v>
      </c>
      <c r="D1801" s="18">
        <v>1441940212</v>
      </c>
      <c r="E1801" s="11">
        <v>46387</v>
      </c>
      <c r="F1801" s="9" t="s">
        <v>9</v>
      </c>
      <c r="G1801" s="12">
        <v>1799</v>
      </c>
      <c r="H1801" s="12">
        <f t="shared" si="56"/>
        <v>23</v>
      </c>
      <c r="I1801" s="12">
        <f t="shared" si="57"/>
        <v>9</v>
      </c>
    </row>
    <row r="1802" spans="1:35" s="5" customFormat="1" ht="27.75" customHeight="1" x14ac:dyDescent="0.4">
      <c r="A1802" s="9" t="s">
        <v>3503</v>
      </c>
      <c r="B1802" s="9" t="s">
        <v>3570</v>
      </c>
      <c r="C1802" s="9" t="s">
        <v>3571</v>
      </c>
      <c r="D1802" s="18">
        <v>1441902550</v>
      </c>
      <c r="E1802" s="11">
        <v>46387</v>
      </c>
      <c r="F1802" s="9" t="s">
        <v>9</v>
      </c>
      <c r="G1802" s="5">
        <v>1800</v>
      </c>
      <c r="H1802" s="12">
        <f t="shared" si="56"/>
        <v>21</v>
      </c>
      <c r="I1802" s="12">
        <f t="shared" si="57"/>
        <v>14</v>
      </c>
    </row>
    <row r="1803" spans="1:35" s="5" customFormat="1" ht="27.75" customHeight="1" x14ac:dyDescent="0.4">
      <c r="A1803" s="9" t="s">
        <v>3503</v>
      </c>
      <c r="B1803" s="9" t="s">
        <v>3572</v>
      </c>
      <c r="C1803" s="9" t="s">
        <v>3573</v>
      </c>
      <c r="D1803" s="18">
        <v>1441940386</v>
      </c>
      <c r="E1803" s="11">
        <v>48304</v>
      </c>
      <c r="F1803" s="9" t="s">
        <v>9</v>
      </c>
      <c r="G1803" s="12">
        <v>1801</v>
      </c>
      <c r="H1803" s="12">
        <f t="shared" si="56"/>
        <v>14</v>
      </c>
      <c r="I1803" s="12">
        <f t="shared" si="57"/>
        <v>12</v>
      </c>
    </row>
    <row r="1804" spans="1:35" s="5" customFormat="1" ht="27.75" customHeight="1" x14ac:dyDescent="0.4">
      <c r="A1804" s="9" t="s">
        <v>3503</v>
      </c>
      <c r="B1804" s="9" t="s">
        <v>3574</v>
      </c>
      <c r="C1804" s="9" t="s">
        <v>3575</v>
      </c>
      <c r="D1804" s="18">
        <v>1441941145</v>
      </c>
      <c r="E1804" s="11">
        <v>47542</v>
      </c>
      <c r="F1804" s="9" t="s">
        <v>9</v>
      </c>
      <c r="G1804" s="5">
        <v>1802</v>
      </c>
      <c r="H1804" s="12">
        <f t="shared" si="56"/>
        <v>20</v>
      </c>
      <c r="I1804" s="12">
        <f t="shared" si="57"/>
        <v>12</v>
      </c>
      <c r="J1804" s="12"/>
      <c r="K1804" s="12"/>
      <c r="L1804" s="12"/>
      <c r="M1804" s="12"/>
      <c r="N1804" s="12"/>
      <c r="O1804" s="12"/>
      <c r="P1804" s="12"/>
      <c r="Q1804" s="12"/>
      <c r="R1804" s="12"/>
      <c r="S1804" s="12"/>
      <c r="T1804" s="12"/>
      <c r="U1804" s="12"/>
      <c r="V1804" s="12"/>
      <c r="W1804" s="12"/>
      <c r="X1804" s="12"/>
      <c r="Y1804" s="12"/>
      <c r="Z1804" s="12"/>
      <c r="AA1804" s="12"/>
      <c r="AB1804" s="12"/>
      <c r="AC1804" s="12"/>
      <c r="AD1804" s="12"/>
      <c r="AE1804" s="12"/>
      <c r="AF1804" s="12"/>
      <c r="AG1804" s="12"/>
      <c r="AH1804" s="12"/>
      <c r="AI1804" s="12"/>
    </row>
    <row r="1805" spans="1:35" s="35" customFormat="1" ht="27.75" customHeight="1" x14ac:dyDescent="0.4">
      <c r="A1805" s="13" t="s">
        <v>3503</v>
      </c>
      <c r="B1805" s="9" t="s">
        <v>3576</v>
      </c>
      <c r="C1805" s="9" t="s">
        <v>3577</v>
      </c>
      <c r="D1805" s="18">
        <v>1441984244</v>
      </c>
      <c r="E1805" s="11">
        <v>46387</v>
      </c>
      <c r="F1805" s="9" t="s">
        <v>9</v>
      </c>
      <c r="G1805" s="12">
        <v>1803</v>
      </c>
      <c r="H1805" s="12">
        <f t="shared" si="56"/>
        <v>24</v>
      </c>
      <c r="I1805" s="12">
        <f t="shared" si="57"/>
        <v>4</v>
      </c>
      <c r="J1805" s="5"/>
      <c r="K1805" s="5"/>
      <c r="L1805" s="5"/>
      <c r="M1805" s="5"/>
      <c r="N1805" s="5"/>
      <c r="O1805" s="5"/>
      <c r="P1805" s="5"/>
      <c r="Q1805" s="5"/>
      <c r="R1805" s="5"/>
      <c r="S1805" s="5"/>
      <c r="T1805" s="5"/>
      <c r="U1805" s="5"/>
      <c r="V1805" s="5"/>
      <c r="W1805" s="5"/>
      <c r="X1805" s="5"/>
      <c r="Y1805" s="5"/>
      <c r="Z1805" s="5"/>
      <c r="AA1805" s="5"/>
      <c r="AB1805" s="5"/>
      <c r="AC1805" s="5"/>
      <c r="AD1805" s="5"/>
      <c r="AE1805" s="5"/>
      <c r="AF1805" s="5"/>
      <c r="AG1805" s="5"/>
      <c r="AH1805" s="5"/>
      <c r="AI1805" s="5"/>
    </row>
    <row r="1806" spans="1:35" s="35" customFormat="1" ht="27.75" customHeight="1" x14ac:dyDescent="0.4">
      <c r="A1806" s="9" t="s">
        <v>3503</v>
      </c>
      <c r="B1806" s="9" t="s">
        <v>3578</v>
      </c>
      <c r="C1806" s="9" t="s">
        <v>3579</v>
      </c>
      <c r="D1806" s="18">
        <v>1441940527</v>
      </c>
      <c r="E1806" s="11">
        <v>47573</v>
      </c>
      <c r="F1806" s="9" t="s">
        <v>9</v>
      </c>
      <c r="G1806" s="5">
        <v>1804</v>
      </c>
      <c r="H1806" s="12">
        <f t="shared" si="56"/>
        <v>12</v>
      </c>
      <c r="I1806" s="12">
        <f t="shared" si="57"/>
        <v>4</v>
      </c>
      <c r="J1806" s="5"/>
      <c r="K1806" s="5"/>
      <c r="L1806" s="5"/>
      <c r="M1806" s="5"/>
      <c r="N1806" s="5"/>
      <c r="O1806" s="5"/>
      <c r="P1806" s="5"/>
      <c r="Q1806" s="5"/>
      <c r="R1806" s="5"/>
      <c r="S1806" s="5"/>
      <c r="T1806" s="5"/>
      <c r="U1806" s="5"/>
      <c r="V1806" s="5"/>
      <c r="W1806" s="5"/>
      <c r="X1806" s="5"/>
      <c r="Y1806" s="5"/>
      <c r="Z1806" s="5"/>
      <c r="AA1806" s="5"/>
      <c r="AB1806" s="5"/>
      <c r="AC1806" s="5"/>
      <c r="AD1806" s="5"/>
      <c r="AE1806" s="5"/>
      <c r="AF1806" s="5"/>
      <c r="AG1806" s="5"/>
      <c r="AH1806" s="5"/>
      <c r="AI1806" s="5"/>
    </row>
    <row r="1807" spans="1:35" s="35" customFormat="1" ht="27.75" customHeight="1" x14ac:dyDescent="0.4">
      <c r="A1807" s="9" t="s">
        <v>3503</v>
      </c>
      <c r="B1807" s="13" t="s">
        <v>3580</v>
      </c>
      <c r="C1807" s="13" t="s">
        <v>3581</v>
      </c>
      <c r="D1807" s="18">
        <v>1441940394</v>
      </c>
      <c r="E1807" s="11">
        <v>48304</v>
      </c>
      <c r="F1807" s="9" t="s">
        <v>9</v>
      </c>
      <c r="G1807" s="12">
        <v>1805</v>
      </c>
      <c r="H1807" s="12">
        <f t="shared" si="56"/>
        <v>20</v>
      </c>
      <c r="I1807" s="12">
        <f t="shared" si="57"/>
        <v>18</v>
      </c>
      <c r="J1807" s="12"/>
      <c r="K1807" s="12"/>
      <c r="L1807" s="12"/>
      <c r="M1807" s="12"/>
      <c r="N1807" s="12"/>
      <c r="O1807" s="12"/>
      <c r="P1807" s="12"/>
      <c r="Q1807" s="12"/>
      <c r="R1807" s="12"/>
      <c r="S1807" s="12"/>
      <c r="T1807" s="12"/>
      <c r="U1807" s="12"/>
      <c r="V1807" s="12"/>
      <c r="W1807" s="12"/>
      <c r="X1807" s="12"/>
      <c r="Y1807" s="12"/>
      <c r="Z1807" s="12"/>
      <c r="AA1807" s="12"/>
      <c r="AB1807" s="12"/>
      <c r="AC1807" s="12"/>
      <c r="AD1807" s="12"/>
      <c r="AE1807" s="12"/>
      <c r="AF1807" s="12"/>
      <c r="AG1807" s="12"/>
      <c r="AH1807" s="12"/>
      <c r="AI1807" s="12"/>
    </row>
    <row r="1808" spans="1:35" s="35" customFormat="1" ht="27.75" customHeight="1" x14ac:dyDescent="0.4">
      <c r="A1808" s="9" t="s">
        <v>3503</v>
      </c>
      <c r="B1808" s="9" t="s">
        <v>3582</v>
      </c>
      <c r="C1808" s="9" t="s">
        <v>3583</v>
      </c>
      <c r="D1808" s="23">
        <v>1441901560</v>
      </c>
      <c r="E1808" s="11">
        <v>46387</v>
      </c>
      <c r="F1808" s="9" t="s">
        <v>9</v>
      </c>
      <c r="G1808" s="5">
        <v>1806</v>
      </c>
      <c r="H1808" s="12">
        <f t="shared" si="56"/>
        <v>13</v>
      </c>
      <c r="I1808" s="12">
        <f t="shared" si="57"/>
        <v>4</v>
      </c>
      <c r="J1808" s="12"/>
      <c r="K1808" s="12"/>
      <c r="L1808" s="12"/>
      <c r="M1808" s="12"/>
      <c r="N1808" s="12"/>
      <c r="O1808" s="12"/>
      <c r="P1808" s="12"/>
      <c r="Q1808" s="12"/>
      <c r="R1808" s="12"/>
      <c r="S1808" s="12"/>
      <c r="T1808" s="12"/>
      <c r="U1808" s="12"/>
      <c r="V1808" s="12"/>
      <c r="W1808" s="12"/>
      <c r="X1808" s="12"/>
      <c r="Y1808" s="12"/>
      <c r="Z1808" s="12"/>
      <c r="AA1808" s="12"/>
      <c r="AB1808" s="12"/>
      <c r="AC1808" s="12"/>
      <c r="AD1808" s="12"/>
      <c r="AE1808" s="12"/>
      <c r="AF1808" s="12"/>
      <c r="AG1808" s="12"/>
      <c r="AH1808" s="12"/>
      <c r="AI1808" s="12"/>
    </row>
    <row r="1809" spans="1:35" s="5" customFormat="1" ht="27.75" customHeight="1" x14ac:dyDescent="0.4">
      <c r="A1809" s="9" t="s">
        <v>3503</v>
      </c>
      <c r="B1809" s="9" t="s">
        <v>3584</v>
      </c>
      <c r="C1809" s="9" t="s">
        <v>205</v>
      </c>
      <c r="D1809" s="18">
        <v>1441983667</v>
      </c>
      <c r="E1809" s="11">
        <v>46387</v>
      </c>
      <c r="F1809" s="9" t="s">
        <v>9</v>
      </c>
      <c r="G1809" s="12">
        <v>1807</v>
      </c>
      <c r="H1809" s="12">
        <f t="shared" si="56"/>
        <v>13</v>
      </c>
      <c r="I1809" s="12">
        <f t="shared" si="57"/>
        <v>4</v>
      </c>
      <c r="J1809" s="12"/>
      <c r="K1809" s="12"/>
      <c r="L1809" s="12"/>
      <c r="M1809" s="12"/>
      <c r="N1809" s="12"/>
      <c r="O1809" s="12"/>
      <c r="P1809" s="12"/>
      <c r="Q1809" s="12"/>
      <c r="R1809" s="12"/>
      <c r="S1809" s="12"/>
      <c r="T1809" s="12"/>
      <c r="U1809" s="12"/>
      <c r="V1809" s="12"/>
      <c r="W1809" s="12"/>
      <c r="X1809" s="12"/>
      <c r="Y1809" s="12"/>
      <c r="Z1809" s="12"/>
      <c r="AA1809" s="12"/>
      <c r="AB1809" s="12"/>
      <c r="AC1809" s="12"/>
      <c r="AD1809" s="12"/>
      <c r="AE1809" s="12"/>
      <c r="AF1809" s="12"/>
      <c r="AG1809" s="12"/>
      <c r="AH1809" s="12"/>
      <c r="AI1809" s="12"/>
    </row>
    <row r="1810" spans="1:35" s="5" customFormat="1" ht="27.75" customHeight="1" x14ac:dyDescent="0.4">
      <c r="A1810" s="13" t="s">
        <v>3503</v>
      </c>
      <c r="B1810" s="9" t="s">
        <v>3585</v>
      </c>
      <c r="C1810" s="9" t="s">
        <v>3586</v>
      </c>
      <c r="D1810" s="18">
        <v>1441984459</v>
      </c>
      <c r="E1810" s="11">
        <v>46387</v>
      </c>
      <c r="F1810" s="9" t="s">
        <v>9</v>
      </c>
      <c r="G1810" s="5">
        <v>1808</v>
      </c>
      <c r="H1810" s="12">
        <f t="shared" si="56"/>
        <v>25</v>
      </c>
      <c r="I1810" s="12">
        <f t="shared" si="57"/>
        <v>11</v>
      </c>
      <c r="J1810" s="12"/>
      <c r="K1810" s="12"/>
      <c r="L1810" s="12"/>
      <c r="M1810" s="12"/>
      <c r="N1810" s="12"/>
      <c r="O1810" s="12"/>
      <c r="P1810" s="12"/>
      <c r="Q1810" s="12"/>
      <c r="R1810" s="12"/>
      <c r="S1810" s="12"/>
      <c r="T1810" s="12"/>
      <c r="U1810" s="12"/>
      <c r="V1810" s="12"/>
      <c r="W1810" s="12"/>
      <c r="X1810" s="12"/>
      <c r="Y1810" s="12"/>
      <c r="Z1810" s="12"/>
      <c r="AA1810" s="12"/>
      <c r="AB1810" s="12"/>
      <c r="AC1810" s="12"/>
      <c r="AD1810" s="12"/>
      <c r="AE1810" s="12"/>
      <c r="AF1810" s="12"/>
      <c r="AG1810" s="12"/>
      <c r="AH1810" s="12"/>
      <c r="AI1810" s="12"/>
    </row>
    <row r="1811" spans="1:35" s="5" customFormat="1" ht="27.75" customHeight="1" x14ac:dyDescent="0.4">
      <c r="A1811" s="9" t="s">
        <v>3503</v>
      </c>
      <c r="B1811" s="9" t="s">
        <v>3587</v>
      </c>
      <c r="C1811" s="9" t="s">
        <v>3588</v>
      </c>
      <c r="D1811" s="18">
        <v>1441983063</v>
      </c>
      <c r="E1811" s="11">
        <v>46387</v>
      </c>
      <c r="F1811" s="9" t="s">
        <v>9</v>
      </c>
      <c r="G1811" s="12">
        <v>1809</v>
      </c>
      <c r="H1811" s="12">
        <f t="shared" si="56"/>
        <v>13</v>
      </c>
      <c r="I1811" s="12">
        <f t="shared" si="57"/>
        <v>15</v>
      </c>
      <c r="J1811" s="24"/>
      <c r="K1811" s="24"/>
      <c r="L1811" s="24"/>
    </row>
    <row r="1812" spans="1:35" s="5" customFormat="1" ht="27.75" customHeight="1" x14ac:dyDescent="0.4">
      <c r="A1812" s="17" t="s">
        <v>3503</v>
      </c>
      <c r="B1812" s="9" t="s">
        <v>3589</v>
      </c>
      <c r="C1812" s="9" t="s">
        <v>3590</v>
      </c>
      <c r="D1812" s="18">
        <v>1441940428</v>
      </c>
      <c r="E1812" s="11">
        <v>46387</v>
      </c>
      <c r="F1812" s="9" t="s">
        <v>9</v>
      </c>
      <c r="G1812" s="5">
        <v>1810</v>
      </c>
      <c r="H1812" s="12">
        <f t="shared" si="56"/>
        <v>13</v>
      </c>
      <c r="I1812" s="12">
        <f t="shared" si="57"/>
        <v>9</v>
      </c>
    </row>
    <row r="1813" spans="1:35" s="5" customFormat="1" ht="27.75" customHeight="1" x14ac:dyDescent="0.4">
      <c r="A1813" s="9" t="s">
        <v>3503</v>
      </c>
      <c r="B1813" s="13" t="s">
        <v>3591</v>
      </c>
      <c r="C1813" s="9" t="s">
        <v>3592</v>
      </c>
      <c r="D1813" s="18">
        <v>1441941277</v>
      </c>
      <c r="E1813" s="11">
        <v>47907</v>
      </c>
      <c r="F1813" s="9" t="s">
        <v>9</v>
      </c>
      <c r="G1813" s="12">
        <v>1811</v>
      </c>
      <c r="H1813" s="12">
        <f t="shared" si="56"/>
        <v>14</v>
      </c>
      <c r="I1813" s="12">
        <f t="shared" si="57"/>
        <v>9</v>
      </c>
    </row>
    <row r="1814" spans="1:35" s="5" customFormat="1" ht="27.75" customHeight="1" x14ac:dyDescent="0.4">
      <c r="A1814" s="13" t="s">
        <v>3503</v>
      </c>
      <c r="B1814" s="13" t="s">
        <v>3593</v>
      </c>
      <c r="C1814" s="13" t="s">
        <v>3594</v>
      </c>
      <c r="D1814" s="26">
        <v>1441941285</v>
      </c>
      <c r="E1814" s="11">
        <v>47907</v>
      </c>
      <c r="F1814" s="9" t="s">
        <v>9</v>
      </c>
      <c r="G1814" s="5">
        <v>1812</v>
      </c>
      <c r="H1814" s="12">
        <f t="shared" si="56"/>
        <v>13</v>
      </c>
      <c r="I1814" s="12">
        <f t="shared" si="57"/>
        <v>10</v>
      </c>
    </row>
    <row r="1815" spans="1:35" s="5" customFormat="1" ht="27.75" customHeight="1" x14ac:dyDescent="0.4">
      <c r="A1815" s="9" t="s">
        <v>3503</v>
      </c>
      <c r="B1815" s="13" t="s">
        <v>3595</v>
      </c>
      <c r="C1815" s="13" t="s">
        <v>3596</v>
      </c>
      <c r="D1815" s="18">
        <v>1441941269</v>
      </c>
      <c r="E1815" s="11">
        <v>47907</v>
      </c>
      <c r="F1815" s="9" t="s">
        <v>9</v>
      </c>
      <c r="G1815" s="12">
        <v>1813</v>
      </c>
      <c r="H1815" s="12">
        <f t="shared" si="56"/>
        <v>15</v>
      </c>
      <c r="I1815" s="12">
        <f t="shared" si="57"/>
        <v>8</v>
      </c>
    </row>
    <row r="1816" spans="1:35" s="5" customFormat="1" ht="27.75" customHeight="1" x14ac:dyDescent="0.4">
      <c r="A1816" s="9" t="s">
        <v>3503</v>
      </c>
      <c r="B1816" s="9" t="s">
        <v>3597</v>
      </c>
      <c r="C1816" s="9" t="s">
        <v>3598</v>
      </c>
      <c r="D1816" s="23">
        <v>1441940568</v>
      </c>
      <c r="E1816" s="11">
        <v>47726</v>
      </c>
      <c r="F1816" s="9" t="s">
        <v>9</v>
      </c>
      <c r="G1816" s="5">
        <v>1814</v>
      </c>
      <c r="H1816" s="12">
        <f t="shared" si="56"/>
        <v>13</v>
      </c>
      <c r="I1816" s="12">
        <f t="shared" si="57"/>
        <v>14</v>
      </c>
    </row>
    <row r="1817" spans="1:35" s="5" customFormat="1" ht="27.75" customHeight="1" x14ac:dyDescent="0.4">
      <c r="A1817" s="13" t="s">
        <v>3503</v>
      </c>
      <c r="B1817" s="9" t="s">
        <v>3599</v>
      </c>
      <c r="C1817" s="9" t="s">
        <v>3600</v>
      </c>
      <c r="D1817" s="18">
        <v>1441902402</v>
      </c>
      <c r="E1817" s="11">
        <v>46387</v>
      </c>
      <c r="F1817" s="9" t="s">
        <v>9</v>
      </c>
      <c r="G1817" s="12">
        <v>1815</v>
      </c>
      <c r="H1817" s="12">
        <f t="shared" si="56"/>
        <v>11</v>
      </c>
      <c r="I1817" s="12">
        <f t="shared" si="57"/>
        <v>9</v>
      </c>
    </row>
    <row r="1818" spans="1:35" s="5" customFormat="1" ht="27.75" customHeight="1" x14ac:dyDescent="0.4">
      <c r="A1818" s="13" t="s">
        <v>3503</v>
      </c>
      <c r="B1818" s="13" t="s">
        <v>3601</v>
      </c>
      <c r="C1818" s="13" t="s">
        <v>3602</v>
      </c>
      <c r="D1818" s="18">
        <v>1441940139</v>
      </c>
      <c r="E1818" s="11">
        <v>46387</v>
      </c>
      <c r="F1818" s="9" t="s">
        <v>9</v>
      </c>
      <c r="G1818" s="5">
        <v>1816</v>
      </c>
      <c r="H1818" s="12">
        <f t="shared" si="56"/>
        <v>12</v>
      </c>
      <c r="I1818" s="12">
        <f t="shared" si="57"/>
        <v>11</v>
      </c>
    </row>
    <row r="1819" spans="1:35" s="5" customFormat="1" ht="27.75" customHeight="1" x14ac:dyDescent="0.4">
      <c r="A1819" s="16" t="s">
        <v>3503</v>
      </c>
      <c r="B1819" s="15" t="s">
        <v>3603</v>
      </c>
      <c r="C1819" s="16" t="s">
        <v>3604</v>
      </c>
      <c r="D1819" s="10">
        <v>1441984160</v>
      </c>
      <c r="E1819" s="11">
        <v>46387</v>
      </c>
      <c r="F1819" s="9" t="s">
        <v>9</v>
      </c>
      <c r="G1819" s="12">
        <v>1817</v>
      </c>
      <c r="H1819" s="12">
        <f t="shared" si="56"/>
        <v>12</v>
      </c>
      <c r="I1819" s="12">
        <f t="shared" si="57"/>
        <v>4</v>
      </c>
      <c r="J1819" s="12"/>
      <c r="K1819" s="12"/>
      <c r="L1819" s="12"/>
      <c r="M1819" s="12"/>
      <c r="N1819" s="12"/>
      <c r="O1819" s="12"/>
      <c r="P1819" s="12"/>
      <c r="Q1819" s="12"/>
      <c r="R1819" s="12"/>
      <c r="S1819" s="12"/>
      <c r="T1819" s="12"/>
      <c r="U1819" s="12"/>
      <c r="V1819" s="12"/>
      <c r="W1819" s="12"/>
      <c r="X1819" s="12"/>
      <c r="Y1819" s="12"/>
      <c r="Z1819" s="12"/>
      <c r="AA1819" s="12"/>
      <c r="AB1819" s="12"/>
      <c r="AC1819" s="12"/>
      <c r="AD1819" s="12"/>
      <c r="AE1819" s="12"/>
      <c r="AF1819" s="12"/>
      <c r="AG1819" s="12"/>
      <c r="AH1819" s="12"/>
      <c r="AI1819" s="12"/>
    </row>
    <row r="1820" spans="1:35" s="5" customFormat="1" ht="27.75" customHeight="1" x14ac:dyDescent="0.4">
      <c r="A1820" s="9" t="s">
        <v>3503</v>
      </c>
      <c r="B1820" s="9" t="s">
        <v>3605</v>
      </c>
      <c r="C1820" s="9" t="s">
        <v>3606</v>
      </c>
      <c r="D1820" s="18">
        <v>1441941384</v>
      </c>
      <c r="E1820" s="11">
        <v>48244</v>
      </c>
      <c r="F1820" s="9" t="s">
        <v>9</v>
      </c>
      <c r="G1820" s="5">
        <v>1818</v>
      </c>
      <c r="H1820" s="12">
        <f t="shared" si="56"/>
        <v>12</v>
      </c>
      <c r="I1820" s="12">
        <f t="shared" si="57"/>
        <v>11</v>
      </c>
    </row>
    <row r="1821" spans="1:35" s="5" customFormat="1" ht="27.75" customHeight="1" x14ac:dyDescent="0.4">
      <c r="A1821" s="13" t="s">
        <v>3503</v>
      </c>
      <c r="B1821" s="9" t="s">
        <v>3607</v>
      </c>
      <c r="C1821" s="9" t="s">
        <v>3608</v>
      </c>
      <c r="D1821" s="18">
        <v>1441901735</v>
      </c>
      <c r="E1821" s="11">
        <v>46387</v>
      </c>
      <c r="F1821" s="9" t="s">
        <v>9</v>
      </c>
      <c r="G1821" s="12">
        <v>1819</v>
      </c>
      <c r="H1821" s="12">
        <f t="shared" si="56"/>
        <v>14</v>
      </c>
      <c r="I1821" s="12">
        <f t="shared" si="57"/>
        <v>11</v>
      </c>
    </row>
    <row r="1822" spans="1:35" s="5" customFormat="1" ht="27.75" customHeight="1" x14ac:dyDescent="0.4">
      <c r="A1822" s="9" t="s">
        <v>3503</v>
      </c>
      <c r="B1822" s="9" t="s">
        <v>3609</v>
      </c>
      <c r="C1822" s="9" t="s">
        <v>3610</v>
      </c>
      <c r="D1822" s="18">
        <v>1441901636</v>
      </c>
      <c r="E1822" s="11">
        <v>46599</v>
      </c>
      <c r="F1822" s="9" t="s">
        <v>9</v>
      </c>
      <c r="G1822" s="5">
        <v>1820</v>
      </c>
      <c r="H1822" s="12">
        <f t="shared" si="56"/>
        <v>10</v>
      </c>
      <c r="I1822" s="12">
        <f t="shared" si="57"/>
        <v>9</v>
      </c>
    </row>
    <row r="1823" spans="1:35" s="5" customFormat="1" ht="27.75" customHeight="1" x14ac:dyDescent="0.4">
      <c r="A1823" s="9" t="s">
        <v>3503</v>
      </c>
      <c r="B1823" s="9" t="s">
        <v>3611</v>
      </c>
      <c r="C1823" s="9" t="s">
        <v>3612</v>
      </c>
      <c r="D1823" s="18">
        <v>1441983543</v>
      </c>
      <c r="E1823" s="11">
        <v>46387</v>
      </c>
      <c r="F1823" s="9" t="s">
        <v>9</v>
      </c>
      <c r="G1823" s="12">
        <v>1821</v>
      </c>
      <c r="H1823" s="12">
        <f t="shared" si="56"/>
        <v>19</v>
      </c>
      <c r="I1823" s="12">
        <f t="shared" si="57"/>
        <v>6</v>
      </c>
    </row>
    <row r="1824" spans="1:35" s="5" customFormat="1" ht="27.75" customHeight="1" x14ac:dyDescent="0.4">
      <c r="A1824" s="13" t="s">
        <v>3503</v>
      </c>
      <c r="B1824" s="9" t="s">
        <v>3613</v>
      </c>
      <c r="C1824" s="9" t="s">
        <v>3614</v>
      </c>
      <c r="D1824" s="18">
        <v>1441940188</v>
      </c>
      <c r="E1824" s="11">
        <v>46387</v>
      </c>
      <c r="F1824" s="9" t="s">
        <v>9</v>
      </c>
      <c r="G1824" s="5">
        <v>1822</v>
      </c>
      <c r="H1824" s="12">
        <f t="shared" si="56"/>
        <v>13</v>
      </c>
      <c r="I1824" s="12">
        <f t="shared" si="57"/>
        <v>12</v>
      </c>
      <c r="J1824" s="12"/>
      <c r="K1824" s="12"/>
      <c r="L1824" s="12"/>
      <c r="M1824" s="12"/>
      <c r="N1824" s="12"/>
      <c r="O1824" s="12"/>
      <c r="P1824" s="12"/>
      <c r="Q1824" s="12"/>
      <c r="R1824" s="12"/>
      <c r="S1824" s="12"/>
      <c r="T1824" s="12"/>
      <c r="U1824" s="12"/>
      <c r="V1824" s="12"/>
      <c r="W1824" s="12"/>
      <c r="X1824" s="12"/>
      <c r="Y1824" s="12"/>
      <c r="Z1824" s="12"/>
      <c r="AA1824" s="12"/>
      <c r="AB1824" s="12"/>
      <c r="AC1824" s="12"/>
      <c r="AD1824" s="12"/>
      <c r="AE1824" s="12"/>
      <c r="AF1824" s="12"/>
      <c r="AG1824" s="12"/>
      <c r="AH1824" s="12"/>
      <c r="AI1824" s="12"/>
    </row>
    <row r="1825" spans="1:35" s="5" customFormat="1" ht="27.75" customHeight="1" x14ac:dyDescent="0.4">
      <c r="A1825" s="13" t="s">
        <v>3503</v>
      </c>
      <c r="B1825" s="9" t="s">
        <v>3615</v>
      </c>
      <c r="C1825" s="9" t="s">
        <v>3616</v>
      </c>
      <c r="D1825" s="18">
        <v>1441940766</v>
      </c>
      <c r="E1825" s="11">
        <v>48213</v>
      </c>
      <c r="F1825" s="9" t="s">
        <v>9</v>
      </c>
      <c r="G1825" s="12">
        <v>1823</v>
      </c>
      <c r="H1825" s="12">
        <f t="shared" si="56"/>
        <v>26</v>
      </c>
      <c r="I1825" s="12">
        <f t="shared" si="57"/>
        <v>14</v>
      </c>
    </row>
    <row r="1826" spans="1:35" s="5" customFormat="1" ht="27.75" customHeight="1" x14ac:dyDescent="0.4">
      <c r="A1826" s="22" t="s">
        <v>3503</v>
      </c>
      <c r="B1826" s="16" t="s">
        <v>3617</v>
      </c>
      <c r="C1826" s="15" t="s">
        <v>3618</v>
      </c>
      <c r="D1826" s="10">
        <v>1441984699</v>
      </c>
      <c r="E1826" s="11">
        <v>46387</v>
      </c>
      <c r="F1826" s="9" t="s">
        <v>9</v>
      </c>
      <c r="G1826" s="5">
        <v>1824</v>
      </c>
      <c r="H1826" s="12">
        <f t="shared" si="56"/>
        <v>14</v>
      </c>
      <c r="I1826" s="12">
        <f t="shared" si="57"/>
        <v>14</v>
      </c>
      <c r="J1826" s="12"/>
      <c r="K1826" s="12"/>
      <c r="L1826" s="12"/>
      <c r="M1826" s="12"/>
      <c r="N1826" s="12"/>
      <c r="O1826" s="12"/>
      <c r="P1826" s="12"/>
      <c r="Q1826" s="12"/>
      <c r="R1826" s="12"/>
      <c r="S1826" s="12"/>
      <c r="T1826" s="12"/>
      <c r="U1826" s="12"/>
      <c r="V1826" s="12"/>
      <c r="W1826" s="12"/>
      <c r="X1826" s="12"/>
      <c r="Y1826" s="12"/>
      <c r="Z1826" s="12"/>
      <c r="AA1826" s="12"/>
      <c r="AB1826" s="12"/>
      <c r="AC1826" s="12"/>
      <c r="AD1826" s="12"/>
      <c r="AE1826" s="12"/>
      <c r="AF1826" s="12"/>
      <c r="AG1826" s="12"/>
      <c r="AH1826" s="12"/>
      <c r="AI1826" s="12"/>
    </row>
    <row r="1827" spans="1:35" s="5" customFormat="1" ht="27.75" customHeight="1" x14ac:dyDescent="0.4">
      <c r="A1827" s="9" t="s">
        <v>3503</v>
      </c>
      <c r="B1827" s="9" t="s">
        <v>3619</v>
      </c>
      <c r="C1827" s="9" t="s">
        <v>3620</v>
      </c>
      <c r="D1827" s="18">
        <v>1441940832</v>
      </c>
      <c r="E1827" s="11">
        <v>48334</v>
      </c>
      <c r="F1827" s="9" t="s">
        <v>9</v>
      </c>
      <c r="G1827" s="12">
        <v>1825</v>
      </c>
      <c r="H1827" s="12">
        <f t="shared" si="56"/>
        <v>15</v>
      </c>
      <c r="I1827" s="12">
        <f t="shared" si="57"/>
        <v>11</v>
      </c>
    </row>
    <row r="1828" spans="1:35" s="5" customFormat="1" ht="27.75" customHeight="1" x14ac:dyDescent="0.4">
      <c r="A1828" s="13" t="s">
        <v>3503</v>
      </c>
      <c r="B1828" s="13" t="s">
        <v>3621</v>
      </c>
      <c r="C1828" s="13" t="s">
        <v>3622</v>
      </c>
      <c r="D1828" s="18">
        <v>1441941087</v>
      </c>
      <c r="E1828" s="11">
        <v>47391</v>
      </c>
      <c r="F1828" s="9" t="s">
        <v>9</v>
      </c>
      <c r="G1828" s="5">
        <v>1826</v>
      </c>
      <c r="H1828" s="12">
        <f t="shared" si="56"/>
        <v>12</v>
      </c>
      <c r="I1828" s="12">
        <f t="shared" si="57"/>
        <v>6</v>
      </c>
    </row>
    <row r="1829" spans="1:35" s="5" customFormat="1" ht="27.75" customHeight="1" x14ac:dyDescent="0.4">
      <c r="A1829" s="9" t="s">
        <v>3503</v>
      </c>
      <c r="B1829" s="13" t="s">
        <v>3623</v>
      </c>
      <c r="C1829" s="13" t="s">
        <v>3624</v>
      </c>
      <c r="D1829" s="18">
        <v>1441941244</v>
      </c>
      <c r="E1829" s="11">
        <v>47787</v>
      </c>
      <c r="F1829" s="9" t="s">
        <v>9</v>
      </c>
      <c r="G1829" s="12">
        <v>1827</v>
      </c>
      <c r="H1829" s="12">
        <f t="shared" si="56"/>
        <v>13</v>
      </c>
      <c r="I1829" s="12">
        <f t="shared" si="57"/>
        <v>10</v>
      </c>
    </row>
    <row r="1830" spans="1:35" s="5" customFormat="1" ht="27.75" customHeight="1" x14ac:dyDescent="0.4">
      <c r="A1830" s="9" t="s">
        <v>3503</v>
      </c>
      <c r="B1830" s="9" t="s">
        <v>3625</v>
      </c>
      <c r="C1830" s="49" t="s">
        <v>3626</v>
      </c>
      <c r="D1830" s="18">
        <v>1441940295</v>
      </c>
      <c r="E1830" s="11">
        <v>46387</v>
      </c>
      <c r="F1830" s="9" t="s">
        <v>9</v>
      </c>
      <c r="G1830" s="5">
        <v>1828</v>
      </c>
      <c r="H1830" s="12">
        <f t="shared" si="56"/>
        <v>31</v>
      </c>
      <c r="I1830" s="12">
        <f t="shared" si="57"/>
        <v>5</v>
      </c>
    </row>
    <row r="1831" spans="1:35" s="5" customFormat="1" ht="27.75" customHeight="1" x14ac:dyDescent="0.4">
      <c r="A1831" s="9" t="s">
        <v>3503</v>
      </c>
      <c r="B1831" s="9" t="s">
        <v>3627</v>
      </c>
      <c r="C1831" s="9" t="s">
        <v>3628</v>
      </c>
      <c r="D1831" s="18">
        <v>1441902113</v>
      </c>
      <c r="E1831" s="11">
        <v>46387</v>
      </c>
      <c r="F1831" s="9" t="s">
        <v>9</v>
      </c>
      <c r="G1831" s="12">
        <v>1829</v>
      </c>
      <c r="H1831" s="12">
        <f t="shared" si="56"/>
        <v>13</v>
      </c>
      <c r="I1831" s="12">
        <f t="shared" si="57"/>
        <v>5</v>
      </c>
    </row>
    <row r="1832" spans="1:35" s="5" customFormat="1" ht="27.75" customHeight="1" x14ac:dyDescent="0.4">
      <c r="A1832" s="9" t="s">
        <v>3503</v>
      </c>
      <c r="B1832" s="9" t="s">
        <v>3629</v>
      </c>
      <c r="C1832" s="9" t="s">
        <v>3630</v>
      </c>
      <c r="D1832" s="18">
        <v>1441982750</v>
      </c>
      <c r="E1832" s="11">
        <v>47695</v>
      </c>
      <c r="F1832" s="9" t="s">
        <v>9</v>
      </c>
      <c r="G1832" s="5">
        <v>1830</v>
      </c>
      <c r="H1832" s="12">
        <f t="shared" si="56"/>
        <v>12</v>
      </c>
      <c r="I1832" s="12">
        <f t="shared" si="57"/>
        <v>5</v>
      </c>
    </row>
    <row r="1833" spans="1:35" s="5" customFormat="1" ht="27.75" customHeight="1" x14ac:dyDescent="0.4">
      <c r="A1833" s="13" t="s">
        <v>3503</v>
      </c>
      <c r="B1833" s="9" t="s">
        <v>3631</v>
      </c>
      <c r="C1833" s="49" t="s">
        <v>3632</v>
      </c>
      <c r="D1833" s="18">
        <v>1441941210</v>
      </c>
      <c r="E1833" s="11">
        <v>47664</v>
      </c>
      <c r="F1833" s="9" t="s">
        <v>9</v>
      </c>
      <c r="G1833" s="12">
        <v>1831</v>
      </c>
      <c r="H1833" s="12">
        <f t="shared" si="56"/>
        <v>31</v>
      </c>
      <c r="I1833" s="12">
        <f t="shared" si="57"/>
        <v>5</v>
      </c>
      <c r="J1833" s="12"/>
      <c r="K1833" s="12"/>
      <c r="L1833" s="12"/>
      <c r="M1833" s="12"/>
      <c r="N1833" s="12"/>
      <c r="O1833" s="12"/>
      <c r="P1833" s="12"/>
      <c r="Q1833" s="12"/>
      <c r="R1833" s="12"/>
      <c r="S1833" s="12"/>
      <c r="T1833" s="12"/>
      <c r="U1833" s="12"/>
      <c r="V1833" s="12"/>
      <c r="W1833" s="12"/>
      <c r="X1833" s="12"/>
      <c r="Y1833" s="12"/>
      <c r="Z1833" s="12"/>
      <c r="AA1833" s="12"/>
      <c r="AB1833" s="12"/>
      <c r="AC1833" s="12"/>
      <c r="AD1833" s="12"/>
      <c r="AE1833" s="12"/>
      <c r="AF1833" s="12"/>
      <c r="AG1833" s="12"/>
      <c r="AH1833" s="12"/>
      <c r="AI1833" s="12"/>
    </row>
    <row r="1834" spans="1:35" s="5" customFormat="1" ht="27.75" customHeight="1" x14ac:dyDescent="0.4">
      <c r="A1834" s="13" t="s">
        <v>3503</v>
      </c>
      <c r="B1834" s="9" t="s">
        <v>3633</v>
      </c>
      <c r="C1834" s="9" t="s">
        <v>3634</v>
      </c>
      <c r="D1834" s="18">
        <v>1441941335</v>
      </c>
      <c r="E1834" s="11">
        <v>47938</v>
      </c>
      <c r="F1834" s="9" t="s">
        <v>9</v>
      </c>
      <c r="G1834" s="5">
        <v>1832</v>
      </c>
      <c r="H1834" s="12">
        <f t="shared" si="56"/>
        <v>11</v>
      </c>
      <c r="I1834" s="12">
        <f t="shared" si="57"/>
        <v>8</v>
      </c>
    </row>
    <row r="1835" spans="1:35" s="5" customFormat="1" ht="27.75" customHeight="1" x14ac:dyDescent="0.4">
      <c r="A1835" s="9" t="s">
        <v>3503</v>
      </c>
      <c r="B1835" s="13" t="s">
        <v>3635</v>
      </c>
      <c r="C1835" s="13" t="s">
        <v>3636</v>
      </c>
      <c r="D1835" s="18">
        <v>1441941442</v>
      </c>
      <c r="E1835" s="11">
        <v>48334</v>
      </c>
      <c r="F1835" s="9" t="s">
        <v>9</v>
      </c>
      <c r="G1835" s="12">
        <v>1833</v>
      </c>
      <c r="H1835" s="12">
        <f t="shared" si="56"/>
        <v>11</v>
      </c>
      <c r="I1835" s="12">
        <f t="shared" si="57"/>
        <v>13</v>
      </c>
    </row>
    <row r="1836" spans="1:35" s="5" customFormat="1" ht="27.75" customHeight="1" x14ac:dyDescent="0.4">
      <c r="A1836" s="13" t="s">
        <v>3503</v>
      </c>
      <c r="B1836" s="9" t="s">
        <v>3637</v>
      </c>
      <c r="C1836" s="9" t="s">
        <v>243</v>
      </c>
      <c r="D1836" s="18">
        <v>1441940980</v>
      </c>
      <c r="E1836" s="11">
        <v>47177</v>
      </c>
      <c r="F1836" s="9" t="s">
        <v>9</v>
      </c>
      <c r="G1836" s="5">
        <v>1834</v>
      </c>
      <c r="H1836" s="12">
        <f t="shared" si="56"/>
        <v>11</v>
      </c>
      <c r="I1836" s="12">
        <f t="shared" si="57"/>
        <v>11</v>
      </c>
      <c r="J1836" s="12"/>
      <c r="K1836" s="12"/>
      <c r="L1836" s="12"/>
      <c r="M1836" s="12"/>
      <c r="N1836" s="12"/>
      <c r="O1836" s="12"/>
      <c r="P1836" s="12"/>
      <c r="Q1836" s="12"/>
      <c r="R1836" s="12"/>
      <c r="S1836" s="12"/>
      <c r="T1836" s="12"/>
      <c r="U1836" s="12"/>
      <c r="V1836" s="12"/>
      <c r="W1836" s="12"/>
      <c r="X1836" s="12"/>
      <c r="Y1836" s="12"/>
      <c r="Z1836" s="12"/>
      <c r="AA1836" s="12"/>
      <c r="AB1836" s="12"/>
      <c r="AC1836" s="12"/>
      <c r="AD1836" s="12"/>
      <c r="AE1836" s="12"/>
      <c r="AF1836" s="12"/>
      <c r="AG1836" s="12"/>
      <c r="AH1836" s="12"/>
      <c r="AI1836" s="12"/>
    </row>
    <row r="1837" spans="1:35" s="5" customFormat="1" ht="27.75" customHeight="1" x14ac:dyDescent="0.4">
      <c r="A1837" s="13" t="s">
        <v>3503</v>
      </c>
      <c r="B1837" s="13" t="s">
        <v>3638</v>
      </c>
      <c r="C1837" s="13" t="s">
        <v>3639</v>
      </c>
      <c r="D1837" s="18">
        <v>1441941293</v>
      </c>
      <c r="E1837" s="11">
        <v>47879</v>
      </c>
      <c r="F1837" s="9" t="s">
        <v>9</v>
      </c>
      <c r="G1837" s="12">
        <v>1835</v>
      </c>
      <c r="H1837" s="12">
        <f t="shared" si="56"/>
        <v>11</v>
      </c>
      <c r="I1837" s="12">
        <f t="shared" si="57"/>
        <v>4</v>
      </c>
      <c r="J1837" s="24"/>
      <c r="K1837" s="24"/>
      <c r="L1837" s="24"/>
    </row>
    <row r="1838" spans="1:35" s="5" customFormat="1" ht="27.75" customHeight="1" x14ac:dyDescent="0.4">
      <c r="A1838" s="9" t="s">
        <v>3503</v>
      </c>
      <c r="B1838" s="9" t="s">
        <v>3640</v>
      </c>
      <c r="C1838" s="9" t="s">
        <v>3641</v>
      </c>
      <c r="D1838" s="18">
        <v>1441983170</v>
      </c>
      <c r="E1838" s="11">
        <v>46843</v>
      </c>
      <c r="F1838" s="9" t="s">
        <v>9</v>
      </c>
      <c r="G1838" s="5">
        <v>1836</v>
      </c>
      <c r="H1838" s="12">
        <f t="shared" si="56"/>
        <v>11</v>
      </c>
      <c r="I1838" s="12">
        <f t="shared" si="57"/>
        <v>9</v>
      </c>
    </row>
    <row r="1839" spans="1:35" s="5" customFormat="1" ht="27.75" customHeight="1" x14ac:dyDescent="0.4">
      <c r="A1839" s="13" t="s">
        <v>3503</v>
      </c>
      <c r="B1839" s="9" t="s">
        <v>3642</v>
      </c>
      <c r="C1839" s="9" t="s">
        <v>3643</v>
      </c>
      <c r="D1839" s="18">
        <v>1441941459</v>
      </c>
      <c r="E1839" s="11">
        <v>48273</v>
      </c>
      <c r="F1839" s="9" t="s">
        <v>9</v>
      </c>
      <c r="G1839" s="12">
        <v>1837</v>
      </c>
      <c r="H1839" s="12">
        <f t="shared" si="56"/>
        <v>23</v>
      </c>
      <c r="I1839" s="12">
        <f t="shared" si="57"/>
        <v>10</v>
      </c>
    </row>
    <row r="1840" spans="1:35" s="5" customFormat="1" ht="27.75" customHeight="1" x14ac:dyDescent="0.4">
      <c r="A1840" s="13" t="s">
        <v>3503</v>
      </c>
      <c r="B1840" s="9" t="s">
        <v>3644</v>
      </c>
      <c r="C1840" s="9" t="s">
        <v>3645</v>
      </c>
      <c r="D1840" s="18">
        <v>1441983386</v>
      </c>
      <c r="E1840" s="11">
        <v>46387</v>
      </c>
      <c r="F1840" s="9" t="s">
        <v>9</v>
      </c>
      <c r="G1840" s="5">
        <v>1838</v>
      </c>
      <c r="H1840" s="12">
        <f t="shared" si="56"/>
        <v>17</v>
      </c>
      <c r="I1840" s="12">
        <f t="shared" si="57"/>
        <v>11</v>
      </c>
      <c r="J1840" s="12"/>
      <c r="K1840" s="12"/>
      <c r="L1840" s="12"/>
      <c r="M1840" s="12"/>
      <c r="N1840" s="12"/>
      <c r="O1840" s="12"/>
      <c r="P1840" s="12"/>
      <c r="Q1840" s="12"/>
      <c r="R1840" s="12"/>
      <c r="S1840" s="12"/>
      <c r="T1840" s="12"/>
      <c r="U1840" s="12"/>
      <c r="V1840" s="12"/>
      <c r="W1840" s="12"/>
      <c r="X1840" s="12"/>
      <c r="Y1840" s="12"/>
      <c r="Z1840" s="12"/>
      <c r="AA1840" s="12"/>
      <c r="AB1840" s="12"/>
      <c r="AC1840" s="12"/>
      <c r="AD1840" s="12"/>
      <c r="AE1840" s="12"/>
      <c r="AF1840" s="12"/>
      <c r="AG1840" s="12"/>
      <c r="AH1840" s="12"/>
      <c r="AI1840" s="12"/>
    </row>
    <row r="1841" spans="1:35" s="5" customFormat="1" ht="27.75" customHeight="1" x14ac:dyDescent="0.4">
      <c r="A1841" s="9" t="s">
        <v>3503</v>
      </c>
      <c r="B1841" s="9" t="s">
        <v>3646</v>
      </c>
      <c r="C1841" s="9" t="s">
        <v>3647</v>
      </c>
      <c r="D1841" s="18">
        <v>1441983253</v>
      </c>
      <c r="E1841" s="11">
        <v>46387</v>
      </c>
      <c r="F1841" s="9" t="s">
        <v>9</v>
      </c>
      <c r="G1841" s="12">
        <v>1839</v>
      </c>
      <c r="H1841" s="12">
        <f t="shared" si="56"/>
        <v>11</v>
      </c>
      <c r="I1841" s="12">
        <f t="shared" si="57"/>
        <v>10</v>
      </c>
      <c r="J1841" s="12"/>
      <c r="K1841" s="12"/>
      <c r="L1841" s="12"/>
      <c r="M1841" s="12"/>
      <c r="N1841" s="12"/>
      <c r="O1841" s="12"/>
      <c r="P1841" s="12"/>
      <c r="Q1841" s="12"/>
      <c r="R1841" s="12"/>
      <c r="S1841" s="12"/>
      <c r="T1841" s="12"/>
      <c r="U1841" s="12"/>
      <c r="V1841" s="12"/>
      <c r="W1841" s="12"/>
      <c r="X1841" s="12"/>
      <c r="Y1841" s="12"/>
      <c r="Z1841" s="12"/>
      <c r="AA1841" s="12"/>
      <c r="AB1841" s="12"/>
      <c r="AC1841" s="12"/>
      <c r="AD1841" s="12"/>
      <c r="AE1841" s="12"/>
      <c r="AF1841" s="12"/>
      <c r="AG1841" s="12"/>
      <c r="AH1841" s="12"/>
      <c r="AI1841" s="12"/>
    </row>
    <row r="1842" spans="1:35" s="5" customFormat="1" ht="27.75" customHeight="1" x14ac:dyDescent="0.4">
      <c r="A1842" s="13" t="s">
        <v>3503</v>
      </c>
      <c r="B1842" s="9" t="s">
        <v>3648</v>
      </c>
      <c r="C1842" s="9" t="s">
        <v>3649</v>
      </c>
      <c r="D1842" s="18">
        <v>1441941129</v>
      </c>
      <c r="E1842" s="11">
        <v>47573</v>
      </c>
      <c r="F1842" s="9" t="s">
        <v>9</v>
      </c>
      <c r="G1842" s="5">
        <v>1840</v>
      </c>
      <c r="H1842" s="12">
        <f t="shared" si="56"/>
        <v>12</v>
      </c>
      <c r="I1842" s="12">
        <f t="shared" si="57"/>
        <v>14</v>
      </c>
      <c r="J1842" s="12"/>
      <c r="K1842" s="12"/>
      <c r="L1842" s="12"/>
      <c r="M1842" s="12"/>
      <c r="N1842" s="12"/>
      <c r="O1842" s="12"/>
      <c r="P1842" s="12"/>
      <c r="Q1842" s="12"/>
      <c r="R1842" s="12"/>
      <c r="S1842" s="12"/>
      <c r="T1842" s="12"/>
      <c r="U1842" s="12"/>
      <c r="V1842" s="12"/>
      <c r="W1842" s="12"/>
      <c r="X1842" s="12"/>
      <c r="Y1842" s="12"/>
      <c r="Z1842" s="12"/>
      <c r="AA1842" s="12"/>
      <c r="AB1842" s="12"/>
      <c r="AC1842" s="12"/>
      <c r="AD1842" s="12"/>
      <c r="AE1842" s="12"/>
      <c r="AF1842" s="12"/>
      <c r="AG1842" s="12"/>
      <c r="AH1842" s="12"/>
      <c r="AI1842" s="12"/>
    </row>
    <row r="1843" spans="1:35" s="5" customFormat="1" ht="27.75" customHeight="1" x14ac:dyDescent="0.4">
      <c r="A1843" s="13" t="s">
        <v>3503</v>
      </c>
      <c r="B1843" s="9" t="s">
        <v>3650</v>
      </c>
      <c r="C1843" s="9" t="s">
        <v>3651</v>
      </c>
      <c r="D1843" s="18">
        <v>1441901081</v>
      </c>
      <c r="E1843" s="11">
        <v>46387</v>
      </c>
      <c r="F1843" s="9" t="s">
        <v>9</v>
      </c>
      <c r="G1843" s="12">
        <v>1841</v>
      </c>
      <c r="H1843" s="12">
        <f t="shared" si="56"/>
        <v>12</v>
      </c>
      <c r="I1843" s="12">
        <f t="shared" si="57"/>
        <v>10</v>
      </c>
      <c r="J1843" s="12"/>
      <c r="K1843" s="12"/>
      <c r="L1843" s="12"/>
      <c r="M1843" s="12"/>
      <c r="N1843" s="12"/>
      <c r="O1843" s="12"/>
      <c r="P1843" s="12"/>
      <c r="Q1843" s="12"/>
      <c r="R1843" s="12"/>
      <c r="S1843" s="12"/>
      <c r="T1843" s="12"/>
      <c r="U1843" s="12"/>
      <c r="V1843" s="12"/>
      <c r="W1843" s="12"/>
      <c r="X1843" s="12"/>
      <c r="Y1843" s="12"/>
      <c r="Z1843" s="12"/>
      <c r="AA1843" s="12"/>
      <c r="AB1843" s="12"/>
      <c r="AC1843" s="12"/>
      <c r="AD1843" s="12"/>
      <c r="AE1843" s="12"/>
      <c r="AF1843" s="12"/>
      <c r="AG1843" s="12"/>
      <c r="AH1843" s="12"/>
      <c r="AI1843" s="12"/>
    </row>
    <row r="1844" spans="1:35" s="5" customFormat="1" ht="27.75" customHeight="1" x14ac:dyDescent="0.4">
      <c r="A1844" s="13" t="s">
        <v>3503</v>
      </c>
      <c r="B1844" s="9" t="s">
        <v>3652</v>
      </c>
      <c r="C1844" s="9" t="s">
        <v>3653</v>
      </c>
      <c r="D1844" s="18">
        <v>1441984186</v>
      </c>
      <c r="E1844" s="11">
        <v>46387</v>
      </c>
      <c r="F1844" s="9" t="s">
        <v>9</v>
      </c>
      <c r="G1844" s="5">
        <v>1842</v>
      </c>
      <c r="H1844" s="12">
        <f t="shared" si="56"/>
        <v>13</v>
      </c>
      <c r="I1844" s="12">
        <f t="shared" si="57"/>
        <v>7</v>
      </c>
      <c r="J1844" s="12"/>
      <c r="K1844" s="12"/>
      <c r="L1844" s="12"/>
      <c r="M1844" s="12"/>
      <c r="N1844" s="12"/>
      <c r="O1844" s="12"/>
      <c r="P1844" s="12"/>
      <c r="Q1844" s="12"/>
      <c r="R1844" s="12"/>
      <c r="S1844" s="12"/>
      <c r="T1844" s="12"/>
      <c r="U1844" s="12"/>
      <c r="V1844" s="12"/>
      <c r="W1844" s="12"/>
      <c r="X1844" s="12"/>
      <c r="Y1844" s="12"/>
      <c r="Z1844" s="12"/>
      <c r="AA1844" s="12"/>
      <c r="AB1844" s="12"/>
      <c r="AC1844" s="12"/>
      <c r="AD1844" s="12"/>
      <c r="AE1844" s="12"/>
      <c r="AF1844" s="12"/>
      <c r="AG1844" s="12"/>
      <c r="AH1844" s="12"/>
      <c r="AI1844" s="12"/>
    </row>
    <row r="1845" spans="1:35" s="5" customFormat="1" ht="27.75" customHeight="1" x14ac:dyDescent="0.4">
      <c r="A1845" s="9" t="s">
        <v>3503</v>
      </c>
      <c r="B1845" s="9" t="s">
        <v>3654</v>
      </c>
      <c r="C1845" s="9" t="s">
        <v>3655</v>
      </c>
      <c r="D1845" s="18">
        <v>1441941111</v>
      </c>
      <c r="E1845" s="11">
        <v>47542</v>
      </c>
      <c r="F1845" s="9" t="s">
        <v>9</v>
      </c>
      <c r="G1845" s="12">
        <v>1843</v>
      </c>
      <c r="H1845" s="12">
        <f t="shared" si="56"/>
        <v>10</v>
      </c>
      <c r="I1845" s="12">
        <f t="shared" si="57"/>
        <v>10</v>
      </c>
      <c r="J1845" s="12"/>
      <c r="K1845" s="12"/>
      <c r="L1845" s="12"/>
      <c r="M1845" s="12"/>
      <c r="N1845" s="12"/>
      <c r="O1845" s="12"/>
      <c r="P1845" s="12"/>
      <c r="Q1845" s="12"/>
      <c r="R1845" s="12"/>
      <c r="S1845" s="12"/>
      <c r="T1845" s="12"/>
      <c r="U1845" s="12"/>
      <c r="V1845" s="12"/>
      <c r="W1845" s="12"/>
      <c r="X1845" s="12"/>
      <c r="Y1845" s="12"/>
      <c r="Z1845" s="12"/>
      <c r="AA1845" s="12"/>
      <c r="AB1845" s="12"/>
      <c r="AC1845" s="12"/>
      <c r="AD1845" s="12"/>
      <c r="AE1845" s="12"/>
      <c r="AF1845" s="12"/>
      <c r="AG1845" s="12"/>
      <c r="AH1845" s="12"/>
      <c r="AI1845" s="12"/>
    </row>
    <row r="1846" spans="1:35" s="5" customFormat="1" ht="27.75" customHeight="1" x14ac:dyDescent="0.4">
      <c r="A1846" s="13" t="s">
        <v>3503</v>
      </c>
      <c r="B1846" s="13" t="s">
        <v>3656</v>
      </c>
      <c r="C1846" s="13" t="s">
        <v>3657</v>
      </c>
      <c r="D1846" s="26">
        <v>1441900570</v>
      </c>
      <c r="E1846" s="11">
        <v>46387</v>
      </c>
      <c r="F1846" s="9" t="s">
        <v>9</v>
      </c>
      <c r="G1846" s="5">
        <v>1844</v>
      </c>
      <c r="H1846" s="12">
        <f t="shared" si="56"/>
        <v>11</v>
      </c>
      <c r="I1846" s="12">
        <f t="shared" si="57"/>
        <v>9</v>
      </c>
      <c r="J1846" s="12"/>
      <c r="K1846" s="12"/>
      <c r="L1846" s="12"/>
      <c r="M1846" s="12"/>
      <c r="N1846" s="12"/>
      <c r="O1846" s="12"/>
      <c r="P1846" s="12"/>
      <c r="Q1846" s="12"/>
      <c r="R1846" s="12"/>
      <c r="S1846" s="12"/>
      <c r="T1846" s="12"/>
      <c r="U1846" s="12"/>
      <c r="V1846" s="12"/>
      <c r="W1846" s="12"/>
      <c r="X1846" s="12"/>
      <c r="Y1846" s="12"/>
      <c r="Z1846" s="12"/>
      <c r="AA1846" s="12"/>
      <c r="AB1846" s="12"/>
      <c r="AC1846" s="12"/>
      <c r="AD1846" s="12"/>
      <c r="AE1846" s="12"/>
      <c r="AF1846" s="12"/>
      <c r="AG1846" s="12"/>
      <c r="AH1846" s="12"/>
      <c r="AI1846" s="12"/>
    </row>
    <row r="1847" spans="1:35" s="5" customFormat="1" ht="27.75" customHeight="1" x14ac:dyDescent="0.4">
      <c r="A1847" s="9" t="s">
        <v>3503</v>
      </c>
      <c r="B1847" s="9" t="s">
        <v>3658</v>
      </c>
      <c r="C1847" s="9" t="s">
        <v>3659</v>
      </c>
      <c r="D1847" s="18">
        <v>1441940097</v>
      </c>
      <c r="E1847" s="11">
        <v>46387</v>
      </c>
      <c r="F1847" s="9" t="s">
        <v>9</v>
      </c>
      <c r="G1847" s="12">
        <v>1845</v>
      </c>
      <c r="H1847" s="12">
        <f t="shared" si="56"/>
        <v>11</v>
      </c>
      <c r="I1847" s="12">
        <f t="shared" si="57"/>
        <v>4</v>
      </c>
      <c r="J1847" s="12"/>
      <c r="K1847" s="12"/>
      <c r="L1847" s="12"/>
      <c r="M1847" s="12"/>
      <c r="N1847" s="12"/>
      <c r="O1847" s="12"/>
      <c r="P1847" s="12"/>
      <c r="Q1847" s="12"/>
      <c r="R1847" s="12"/>
      <c r="S1847" s="12"/>
      <c r="T1847" s="12"/>
      <c r="U1847" s="12"/>
      <c r="V1847" s="12"/>
      <c r="W1847" s="12"/>
      <c r="X1847" s="12"/>
      <c r="Y1847" s="12"/>
      <c r="Z1847" s="12"/>
      <c r="AA1847" s="12"/>
      <c r="AB1847" s="12"/>
      <c r="AC1847" s="12"/>
      <c r="AD1847" s="12"/>
      <c r="AE1847" s="12"/>
      <c r="AF1847" s="12"/>
      <c r="AG1847" s="12"/>
      <c r="AH1847" s="12"/>
      <c r="AI1847" s="12"/>
    </row>
    <row r="1848" spans="1:35" s="5" customFormat="1" ht="27.75" customHeight="1" x14ac:dyDescent="0.4">
      <c r="A1848" s="9" t="s">
        <v>3503</v>
      </c>
      <c r="B1848" s="9" t="s">
        <v>3660</v>
      </c>
      <c r="C1848" s="9" t="s">
        <v>3661</v>
      </c>
      <c r="D1848" s="18">
        <v>1441940410</v>
      </c>
      <c r="E1848" s="11">
        <v>48304</v>
      </c>
      <c r="F1848" s="9" t="s">
        <v>9</v>
      </c>
      <c r="G1848" s="5">
        <v>1846</v>
      </c>
      <c r="H1848" s="12">
        <f t="shared" si="56"/>
        <v>12</v>
      </c>
      <c r="I1848" s="12">
        <f t="shared" si="57"/>
        <v>11</v>
      </c>
      <c r="J1848" s="12"/>
      <c r="K1848" s="12"/>
      <c r="L1848" s="12"/>
      <c r="M1848" s="12"/>
      <c r="N1848" s="12"/>
      <c r="O1848" s="12"/>
      <c r="P1848" s="12"/>
      <c r="Q1848" s="12"/>
      <c r="R1848" s="12"/>
      <c r="S1848" s="12"/>
      <c r="T1848" s="12"/>
      <c r="U1848" s="12"/>
      <c r="V1848" s="12"/>
      <c r="W1848" s="12"/>
      <c r="X1848" s="12"/>
      <c r="Y1848" s="12"/>
      <c r="Z1848" s="12"/>
      <c r="AA1848" s="12"/>
      <c r="AB1848" s="12"/>
      <c r="AC1848" s="12"/>
      <c r="AD1848" s="12"/>
      <c r="AE1848" s="12"/>
      <c r="AF1848" s="12"/>
      <c r="AG1848" s="12"/>
      <c r="AH1848" s="12"/>
      <c r="AI1848" s="12"/>
    </row>
    <row r="1849" spans="1:35" s="5" customFormat="1" ht="27.75" customHeight="1" x14ac:dyDescent="0.4">
      <c r="A1849" s="9" t="s">
        <v>3503</v>
      </c>
      <c r="B1849" s="9" t="s">
        <v>3662</v>
      </c>
      <c r="C1849" s="9" t="s">
        <v>3663</v>
      </c>
      <c r="D1849" s="18">
        <v>1441900380</v>
      </c>
      <c r="E1849" s="11">
        <v>46387</v>
      </c>
      <c r="F1849" s="9" t="s">
        <v>9</v>
      </c>
      <c r="G1849" s="12">
        <v>1847</v>
      </c>
      <c r="H1849" s="12">
        <f t="shared" si="56"/>
        <v>10</v>
      </c>
      <c r="I1849" s="12">
        <f t="shared" si="57"/>
        <v>9</v>
      </c>
    </row>
    <row r="1850" spans="1:35" s="5" customFormat="1" ht="27.75" customHeight="1" x14ac:dyDescent="0.4">
      <c r="A1850" s="13" t="s">
        <v>3503</v>
      </c>
      <c r="B1850" s="9" t="s">
        <v>3664</v>
      </c>
      <c r="C1850" s="9" t="s">
        <v>3665</v>
      </c>
      <c r="D1850" s="18">
        <v>1441940634</v>
      </c>
      <c r="E1850" s="11">
        <v>47938</v>
      </c>
      <c r="F1850" s="9" t="s">
        <v>9</v>
      </c>
      <c r="G1850" s="5">
        <v>1848</v>
      </c>
      <c r="H1850" s="12">
        <f t="shared" si="56"/>
        <v>21</v>
      </c>
      <c r="I1850" s="12">
        <f t="shared" si="57"/>
        <v>7</v>
      </c>
      <c r="J1850" s="12"/>
      <c r="K1850" s="12"/>
      <c r="L1850" s="12"/>
      <c r="M1850" s="12"/>
      <c r="N1850" s="12"/>
      <c r="O1850" s="12"/>
      <c r="P1850" s="12"/>
      <c r="Q1850" s="12"/>
      <c r="R1850" s="12"/>
      <c r="S1850" s="12"/>
      <c r="T1850" s="12"/>
      <c r="U1850" s="12"/>
      <c r="V1850" s="12"/>
      <c r="W1850" s="12"/>
      <c r="X1850" s="12"/>
      <c r="Y1850" s="12"/>
      <c r="Z1850" s="12"/>
      <c r="AA1850" s="12"/>
      <c r="AB1850" s="12"/>
      <c r="AC1850" s="12"/>
      <c r="AD1850" s="12"/>
      <c r="AE1850" s="12"/>
      <c r="AF1850" s="12"/>
      <c r="AG1850" s="12"/>
      <c r="AH1850" s="12"/>
      <c r="AI1850" s="12"/>
    </row>
    <row r="1851" spans="1:35" s="5" customFormat="1" ht="27.75" customHeight="1" x14ac:dyDescent="0.4">
      <c r="A1851" s="13" t="s">
        <v>3503</v>
      </c>
      <c r="B1851" s="9" t="s">
        <v>3666</v>
      </c>
      <c r="C1851" s="9" t="s">
        <v>3667</v>
      </c>
      <c r="D1851" s="18">
        <v>1441940402</v>
      </c>
      <c r="E1851" s="11">
        <v>48304</v>
      </c>
      <c r="F1851" s="9" t="s">
        <v>9</v>
      </c>
      <c r="G1851" s="12">
        <v>1849</v>
      </c>
      <c r="H1851" s="12">
        <f t="shared" si="56"/>
        <v>16</v>
      </c>
      <c r="I1851" s="12">
        <f t="shared" si="57"/>
        <v>14</v>
      </c>
      <c r="J1851" s="12"/>
      <c r="K1851" s="12"/>
      <c r="L1851" s="12"/>
      <c r="M1851" s="12"/>
      <c r="N1851" s="12"/>
      <c r="O1851" s="12"/>
      <c r="P1851" s="12"/>
      <c r="Q1851" s="12"/>
      <c r="R1851" s="12"/>
      <c r="S1851" s="12"/>
      <c r="T1851" s="12"/>
      <c r="U1851" s="12"/>
      <c r="V1851" s="12"/>
      <c r="W1851" s="12"/>
      <c r="X1851" s="12"/>
      <c r="Y1851" s="12"/>
      <c r="Z1851" s="12"/>
      <c r="AA1851" s="12"/>
      <c r="AB1851" s="12"/>
      <c r="AC1851" s="12"/>
      <c r="AD1851" s="12"/>
      <c r="AE1851" s="12"/>
      <c r="AF1851" s="12"/>
      <c r="AG1851" s="12"/>
      <c r="AH1851" s="12"/>
      <c r="AI1851" s="12"/>
    </row>
    <row r="1852" spans="1:35" s="5" customFormat="1" ht="27.75" customHeight="1" x14ac:dyDescent="0.4">
      <c r="A1852" s="9" t="s">
        <v>3503</v>
      </c>
      <c r="B1852" s="9" t="s">
        <v>3668</v>
      </c>
      <c r="C1852" s="9" t="s">
        <v>3669</v>
      </c>
      <c r="D1852" s="18">
        <v>1441940808</v>
      </c>
      <c r="E1852" s="11">
        <v>48304</v>
      </c>
      <c r="F1852" s="9" t="s">
        <v>9</v>
      </c>
      <c r="G1852" s="5">
        <v>1850</v>
      </c>
      <c r="H1852" s="12">
        <f t="shared" si="56"/>
        <v>19</v>
      </c>
      <c r="I1852" s="12">
        <f t="shared" si="57"/>
        <v>12</v>
      </c>
      <c r="J1852" s="12"/>
      <c r="K1852" s="12"/>
      <c r="L1852" s="12"/>
      <c r="M1852" s="12"/>
      <c r="N1852" s="12"/>
      <c r="O1852" s="12"/>
      <c r="P1852" s="12"/>
      <c r="Q1852" s="12"/>
      <c r="R1852" s="12"/>
      <c r="S1852" s="12"/>
      <c r="T1852" s="12"/>
      <c r="U1852" s="12"/>
      <c r="V1852" s="12"/>
      <c r="W1852" s="12"/>
      <c r="X1852" s="12"/>
      <c r="Y1852" s="12"/>
      <c r="Z1852" s="12"/>
      <c r="AA1852" s="12"/>
      <c r="AB1852" s="12"/>
      <c r="AC1852" s="12"/>
      <c r="AD1852" s="12"/>
      <c r="AE1852" s="12"/>
      <c r="AF1852" s="12"/>
      <c r="AG1852" s="12"/>
      <c r="AH1852" s="12"/>
      <c r="AI1852" s="12"/>
    </row>
    <row r="1853" spans="1:35" s="5" customFormat="1" ht="27.75" customHeight="1" x14ac:dyDescent="0.4">
      <c r="A1853" s="16" t="s">
        <v>3503</v>
      </c>
      <c r="B1853" s="15" t="s">
        <v>3670</v>
      </c>
      <c r="C1853" s="16" t="s">
        <v>3671</v>
      </c>
      <c r="D1853" s="10">
        <v>1441940683</v>
      </c>
      <c r="E1853" s="11">
        <v>48029</v>
      </c>
      <c r="F1853" s="9" t="s">
        <v>9</v>
      </c>
      <c r="G1853" s="12">
        <v>1851</v>
      </c>
      <c r="H1853" s="12">
        <f t="shared" si="56"/>
        <v>21</v>
      </c>
      <c r="I1853" s="12">
        <f t="shared" si="57"/>
        <v>13</v>
      </c>
      <c r="J1853" s="12"/>
      <c r="K1853" s="12"/>
      <c r="L1853" s="12"/>
      <c r="M1853" s="12"/>
      <c r="N1853" s="12"/>
      <c r="O1853" s="12"/>
      <c r="P1853" s="12"/>
      <c r="Q1853" s="12"/>
      <c r="R1853" s="12"/>
      <c r="S1853" s="12"/>
      <c r="T1853" s="12"/>
      <c r="U1853" s="12"/>
      <c r="V1853" s="12"/>
      <c r="W1853" s="12"/>
      <c r="X1853" s="12"/>
      <c r="Y1853" s="12"/>
      <c r="Z1853" s="12"/>
      <c r="AA1853" s="12"/>
      <c r="AB1853" s="12"/>
      <c r="AC1853" s="12"/>
      <c r="AD1853" s="12"/>
      <c r="AE1853" s="12"/>
      <c r="AF1853" s="12"/>
      <c r="AG1853" s="12"/>
      <c r="AH1853" s="12"/>
      <c r="AI1853" s="12"/>
    </row>
    <row r="1854" spans="1:35" s="5" customFormat="1" ht="27.75" customHeight="1" x14ac:dyDescent="0.4">
      <c r="A1854" s="13" t="s">
        <v>3503</v>
      </c>
      <c r="B1854" s="9" t="s">
        <v>3672</v>
      </c>
      <c r="C1854" s="9" t="s">
        <v>3673</v>
      </c>
      <c r="D1854" s="18">
        <v>1441941418</v>
      </c>
      <c r="E1854" s="11">
        <v>48152</v>
      </c>
      <c r="F1854" s="9" t="s">
        <v>9</v>
      </c>
      <c r="G1854" s="5">
        <v>1852</v>
      </c>
      <c r="H1854" s="12">
        <f t="shared" si="56"/>
        <v>13</v>
      </c>
      <c r="I1854" s="12">
        <f t="shared" si="57"/>
        <v>12</v>
      </c>
      <c r="J1854" s="12"/>
      <c r="K1854" s="12"/>
      <c r="L1854" s="12"/>
      <c r="M1854" s="12"/>
      <c r="N1854" s="12"/>
      <c r="O1854" s="12"/>
      <c r="P1854" s="12"/>
      <c r="Q1854" s="12"/>
      <c r="R1854" s="12"/>
      <c r="S1854" s="12"/>
      <c r="T1854" s="12"/>
      <c r="U1854" s="12"/>
      <c r="V1854" s="12"/>
      <c r="W1854" s="12"/>
      <c r="X1854" s="12"/>
      <c r="Y1854" s="12"/>
      <c r="Z1854" s="12"/>
      <c r="AA1854" s="12"/>
      <c r="AB1854" s="12"/>
      <c r="AC1854" s="12"/>
      <c r="AD1854" s="12"/>
      <c r="AE1854" s="12"/>
      <c r="AF1854" s="12"/>
      <c r="AG1854" s="12"/>
      <c r="AH1854" s="12"/>
      <c r="AI1854" s="12"/>
    </row>
    <row r="1855" spans="1:35" s="5" customFormat="1" ht="27.75" customHeight="1" x14ac:dyDescent="0.4">
      <c r="A1855" s="9" t="s">
        <v>3503</v>
      </c>
      <c r="B1855" s="9" t="s">
        <v>3674</v>
      </c>
      <c r="C1855" s="9" t="s">
        <v>3675</v>
      </c>
      <c r="D1855" s="18">
        <v>1441982818</v>
      </c>
      <c r="E1855" s="11">
        <v>46387</v>
      </c>
      <c r="F1855" s="9" t="s">
        <v>9</v>
      </c>
      <c r="G1855" s="12">
        <v>1853</v>
      </c>
      <c r="H1855" s="12">
        <f t="shared" si="56"/>
        <v>19</v>
      </c>
      <c r="I1855" s="12">
        <f t="shared" si="57"/>
        <v>9</v>
      </c>
      <c r="J1855" s="12"/>
      <c r="K1855" s="12"/>
      <c r="L1855" s="12"/>
      <c r="M1855" s="12"/>
      <c r="N1855" s="12"/>
      <c r="O1855" s="12"/>
      <c r="P1855" s="12"/>
      <c r="Q1855" s="12"/>
      <c r="R1855" s="12"/>
      <c r="S1855" s="12"/>
      <c r="T1855" s="12"/>
      <c r="U1855" s="12"/>
      <c r="V1855" s="12"/>
      <c r="W1855" s="12"/>
      <c r="X1855" s="12"/>
      <c r="Y1855" s="12"/>
      <c r="Z1855" s="12"/>
      <c r="AA1855" s="12"/>
      <c r="AB1855" s="12"/>
      <c r="AC1855" s="12"/>
      <c r="AD1855" s="12"/>
      <c r="AE1855" s="12"/>
      <c r="AF1855" s="12"/>
      <c r="AG1855" s="12"/>
      <c r="AH1855" s="12"/>
      <c r="AI1855" s="12"/>
    </row>
    <row r="1856" spans="1:35" s="5" customFormat="1" ht="27.75" customHeight="1" x14ac:dyDescent="0.4">
      <c r="A1856" s="9" t="s">
        <v>3503</v>
      </c>
      <c r="B1856" s="9" t="s">
        <v>3676</v>
      </c>
      <c r="C1856" s="9" t="s">
        <v>3677</v>
      </c>
      <c r="D1856" s="18">
        <v>1441983550</v>
      </c>
      <c r="E1856" s="11">
        <v>46387</v>
      </c>
      <c r="F1856" s="9" t="s">
        <v>9</v>
      </c>
      <c r="G1856" s="5">
        <v>1854</v>
      </c>
      <c r="H1856" s="12">
        <f t="shared" si="56"/>
        <v>13</v>
      </c>
      <c r="I1856" s="12">
        <f t="shared" si="57"/>
        <v>11</v>
      </c>
      <c r="J1856" s="12"/>
      <c r="K1856" s="12"/>
      <c r="L1856" s="12"/>
      <c r="M1856" s="12"/>
      <c r="N1856" s="12"/>
      <c r="O1856" s="12"/>
      <c r="P1856" s="12"/>
      <c r="Q1856" s="12"/>
      <c r="R1856" s="12"/>
      <c r="S1856" s="12"/>
      <c r="T1856" s="12"/>
      <c r="U1856" s="12"/>
      <c r="V1856" s="12"/>
      <c r="W1856" s="12"/>
      <c r="X1856" s="12"/>
      <c r="Y1856" s="12"/>
      <c r="Z1856" s="12"/>
      <c r="AA1856" s="12"/>
      <c r="AB1856" s="12"/>
      <c r="AC1856" s="12"/>
      <c r="AD1856" s="12"/>
      <c r="AE1856" s="12"/>
      <c r="AF1856" s="12"/>
      <c r="AG1856" s="12"/>
      <c r="AH1856" s="12"/>
      <c r="AI1856" s="12"/>
    </row>
    <row r="1857" spans="1:35" s="5" customFormat="1" ht="27.75" customHeight="1" x14ac:dyDescent="0.4">
      <c r="A1857" s="9" t="s">
        <v>3503</v>
      </c>
      <c r="B1857" s="9" t="s">
        <v>3678</v>
      </c>
      <c r="C1857" s="9" t="s">
        <v>3679</v>
      </c>
      <c r="D1857" s="18">
        <v>1441983188</v>
      </c>
      <c r="E1857" s="11">
        <v>46387</v>
      </c>
      <c r="F1857" s="9" t="s">
        <v>9</v>
      </c>
      <c r="G1857" s="12">
        <v>1855</v>
      </c>
      <c r="H1857" s="12">
        <f t="shared" si="56"/>
        <v>13</v>
      </c>
      <c r="I1857" s="12">
        <f t="shared" si="57"/>
        <v>10</v>
      </c>
      <c r="J1857" s="12"/>
      <c r="K1857" s="12"/>
      <c r="L1857" s="12"/>
      <c r="M1857" s="12"/>
      <c r="N1857" s="12"/>
      <c r="O1857" s="12"/>
      <c r="P1857" s="12"/>
      <c r="Q1857" s="12"/>
      <c r="R1857" s="12"/>
      <c r="S1857" s="12"/>
      <c r="T1857" s="12"/>
      <c r="U1857" s="12"/>
      <c r="V1857" s="12"/>
      <c r="W1857" s="12"/>
      <c r="X1857" s="12"/>
      <c r="Y1857" s="12"/>
      <c r="Z1857" s="12"/>
      <c r="AA1857" s="12"/>
      <c r="AB1857" s="12"/>
      <c r="AC1857" s="12"/>
      <c r="AD1857" s="12"/>
      <c r="AE1857" s="12"/>
      <c r="AF1857" s="12"/>
      <c r="AG1857" s="12"/>
      <c r="AH1857" s="12"/>
      <c r="AI1857" s="12"/>
    </row>
    <row r="1858" spans="1:35" s="5" customFormat="1" ht="27.75" customHeight="1" x14ac:dyDescent="0.4">
      <c r="A1858" s="13" t="s">
        <v>3503</v>
      </c>
      <c r="B1858" s="9" t="s">
        <v>3680</v>
      </c>
      <c r="C1858" s="9" t="s">
        <v>3681</v>
      </c>
      <c r="D1858" s="18">
        <v>1441940642</v>
      </c>
      <c r="E1858" s="11">
        <v>47938</v>
      </c>
      <c r="F1858" s="9" t="s">
        <v>9</v>
      </c>
      <c r="G1858" s="5">
        <v>1856</v>
      </c>
      <c r="H1858" s="12">
        <f t="shared" si="56"/>
        <v>14</v>
      </c>
      <c r="I1858" s="12">
        <f t="shared" si="57"/>
        <v>9</v>
      </c>
      <c r="J1858" s="12"/>
      <c r="K1858" s="12"/>
      <c r="L1858" s="12"/>
      <c r="M1858" s="12"/>
      <c r="N1858" s="12"/>
      <c r="O1858" s="12"/>
      <c r="P1858" s="12"/>
      <c r="Q1858" s="12"/>
      <c r="R1858" s="12"/>
      <c r="S1858" s="12"/>
      <c r="T1858" s="12"/>
      <c r="U1858" s="12"/>
      <c r="V1858" s="12"/>
      <c r="W1858" s="12"/>
      <c r="X1858" s="12"/>
      <c r="Y1858" s="12"/>
      <c r="Z1858" s="12"/>
      <c r="AA1858" s="12"/>
      <c r="AB1858" s="12"/>
      <c r="AC1858" s="12"/>
      <c r="AD1858" s="12"/>
      <c r="AE1858" s="12"/>
      <c r="AF1858" s="12"/>
      <c r="AG1858" s="12"/>
      <c r="AH1858" s="12"/>
      <c r="AI1858" s="12"/>
    </row>
    <row r="1859" spans="1:35" s="5" customFormat="1" ht="27.75" customHeight="1" x14ac:dyDescent="0.4">
      <c r="A1859" s="9" t="s">
        <v>3503</v>
      </c>
      <c r="B1859" s="9" t="s">
        <v>3682</v>
      </c>
      <c r="C1859" s="9" t="s">
        <v>3683</v>
      </c>
      <c r="D1859" s="18">
        <v>1441902246</v>
      </c>
      <c r="E1859" s="11">
        <v>46387</v>
      </c>
      <c r="F1859" s="9" t="s">
        <v>9</v>
      </c>
      <c r="G1859" s="12">
        <v>1857</v>
      </c>
      <c r="H1859" s="12">
        <f t="shared" si="56"/>
        <v>9</v>
      </c>
      <c r="I1859" s="12">
        <f t="shared" si="57"/>
        <v>11</v>
      </c>
      <c r="J1859" s="12"/>
      <c r="K1859" s="12"/>
      <c r="L1859" s="12"/>
      <c r="M1859" s="12"/>
      <c r="N1859" s="12"/>
      <c r="O1859" s="12"/>
      <c r="P1859" s="12"/>
      <c r="Q1859" s="12"/>
      <c r="R1859" s="12"/>
      <c r="S1859" s="12"/>
      <c r="T1859" s="12"/>
      <c r="U1859" s="12"/>
      <c r="V1859" s="12"/>
      <c r="W1859" s="12"/>
      <c r="X1859" s="12"/>
      <c r="Y1859" s="12"/>
      <c r="Z1859" s="12"/>
      <c r="AA1859" s="12"/>
      <c r="AB1859" s="12"/>
      <c r="AC1859" s="12"/>
      <c r="AD1859" s="12"/>
      <c r="AE1859" s="12"/>
      <c r="AF1859" s="12"/>
      <c r="AG1859" s="12"/>
      <c r="AH1859" s="12"/>
      <c r="AI1859" s="12"/>
    </row>
    <row r="1860" spans="1:35" s="5" customFormat="1" ht="27.75" customHeight="1" x14ac:dyDescent="0.4">
      <c r="A1860" s="13" t="s">
        <v>3503</v>
      </c>
      <c r="B1860" s="9" t="s">
        <v>3684</v>
      </c>
      <c r="C1860" s="9" t="s">
        <v>3685</v>
      </c>
      <c r="D1860" s="18">
        <v>1441983592</v>
      </c>
      <c r="E1860" s="11">
        <v>46387</v>
      </c>
      <c r="F1860" s="9" t="s">
        <v>9</v>
      </c>
      <c r="G1860" s="5">
        <v>1858</v>
      </c>
      <c r="H1860" s="12">
        <f t="shared" ref="H1860:H1923" si="58">LEN(C1860)</f>
        <v>11</v>
      </c>
      <c r="I1860" s="12">
        <f t="shared" ref="I1860:I1923" si="59">LEN(B1860)</f>
        <v>8</v>
      </c>
      <c r="J1860" s="12"/>
      <c r="K1860" s="12"/>
      <c r="L1860" s="12"/>
      <c r="M1860" s="12"/>
      <c r="N1860" s="12"/>
      <c r="O1860" s="12"/>
      <c r="P1860" s="12"/>
      <c r="Q1860" s="12"/>
      <c r="R1860" s="12"/>
      <c r="S1860" s="12"/>
      <c r="T1860" s="12"/>
      <c r="U1860" s="12"/>
      <c r="V1860" s="12"/>
      <c r="W1860" s="12"/>
      <c r="X1860" s="12"/>
      <c r="Y1860" s="12"/>
      <c r="Z1860" s="12"/>
      <c r="AA1860" s="12"/>
      <c r="AB1860" s="12"/>
      <c r="AC1860" s="12"/>
      <c r="AD1860" s="12"/>
      <c r="AE1860" s="12"/>
      <c r="AF1860" s="12"/>
      <c r="AG1860" s="12"/>
      <c r="AH1860" s="12"/>
      <c r="AI1860" s="12"/>
    </row>
    <row r="1861" spans="1:35" s="5" customFormat="1" ht="27.75" customHeight="1" x14ac:dyDescent="0.4">
      <c r="A1861" s="13" t="s">
        <v>3503</v>
      </c>
      <c r="B1861" s="9" t="s">
        <v>3686</v>
      </c>
      <c r="C1861" s="9" t="s">
        <v>3687</v>
      </c>
      <c r="D1861" s="18">
        <v>1441983873</v>
      </c>
      <c r="E1861" s="11">
        <v>46387</v>
      </c>
      <c r="F1861" s="9" t="s">
        <v>9</v>
      </c>
      <c r="G1861" s="12">
        <v>1859</v>
      </c>
      <c r="H1861" s="12">
        <f t="shared" si="58"/>
        <v>10</v>
      </c>
      <c r="I1861" s="12">
        <f t="shared" si="59"/>
        <v>8</v>
      </c>
    </row>
    <row r="1862" spans="1:35" s="5" customFormat="1" ht="27.75" customHeight="1" x14ac:dyDescent="0.4">
      <c r="A1862" s="9" t="s">
        <v>3503</v>
      </c>
      <c r="B1862" s="9" t="s">
        <v>3688</v>
      </c>
      <c r="C1862" s="9" t="s">
        <v>3689</v>
      </c>
      <c r="D1862" s="18">
        <v>1441940915</v>
      </c>
      <c r="E1862" s="11">
        <v>46507</v>
      </c>
      <c r="F1862" s="9" t="s">
        <v>9</v>
      </c>
      <c r="G1862" s="5">
        <v>1860</v>
      </c>
      <c r="H1862" s="12">
        <f t="shared" si="58"/>
        <v>11</v>
      </c>
      <c r="I1862" s="12">
        <f t="shared" si="59"/>
        <v>10</v>
      </c>
      <c r="J1862" s="12"/>
      <c r="K1862" s="12"/>
      <c r="L1862" s="12"/>
      <c r="M1862" s="12"/>
      <c r="N1862" s="12"/>
      <c r="O1862" s="12"/>
      <c r="P1862" s="12"/>
      <c r="Q1862" s="12"/>
      <c r="R1862" s="12"/>
      <c r="S1862" s="12"/>
      <c r="T1862" s="12"/>
      <c r="U1862" s="12"/>
      <c r="V1862" s="12"/>
      <c r="W1862" s="12"/>
      <c r="X1862" s="12"/>
      <c r="Y1862" s="12"/>
      <c r="Z1862" s="12"/>
      <c r="AA1862" s="12"/>
      <c r="AB1862" s="12"/>
      <c r="AC1862" s="12"/>
      <c r="AD1862" s="12"/>
      <c r="AE1862" s="12"/>
      <c r="AF1862" s="12"/>
      <c r="AG1862" s="12"/>
      <c r="AH1862" s="12"/>
      <c r="AI1862" s="12"/>
    </row>
    <row r="1863" spans="1:35" s="5" customFormat="1" ht="27.75" customHeight="1" x14ac:dyDescent="0.4">
      <c r="A1863" s="13" t="s">
        <v>3503</v>
      </c>
      <c r="B1863" s="9" t="s">
        <v>3690</v>
      </c>
      <c r="C1863" s="9" t="s">
        <v>303</v>
      </c>
      <c r="D1863" s="18">
        <v>1441940048</v>
      </c>
      <c r="E1863" s="11">
        <v>46387</v>
      </c>
      <c r="F1863" s="9" t="s">
        <v>9</v>
      </c>
      <c r="G1863" s="12">
        <v>1861</v>
      </c>
      <c r="H1863" s="12">
        <f t="shared" si="58"/>
        <v>11</v>
      </c>
      <c r="I1863" s="12">
        <f t="shared" si="59"/>
        <v>9</v>
      </c>
      <c r="J1863" s="12"/>
      <c r="K1863" s="12"/>
      <c r="L1863" s="12"/>
      <c r="M1863" s="12"/>
      <c r="N1863" s="12"/>
      <c r="O1863" s="12"/>
      <c r="P1863" s="12"/>
      <c r="Q1863" s="12"/>
      <c r="R1863" s="12"/>
      <c r="S1863" s="12"/>
      <c r="T1863" s="12"/>
      <c r="U1863" s="12"/>
      <c r="V1863" s="12"/>
      <c r="W1863" s="12"/>
      <c r="X1863" s="12"/>
      <c r="Y1863" s="12"/>
      <c r="Z1863" s="12"/>
      <c r="AA1863" s="12"/>
      <c r="AB1863" s="12"/>
      <c r="AC1863" s="12"/>
      <c r="AD1863" s="12"/>
      <c r="AE1863" s="12"/>
      <c r="AF1863" s="12"/>
      <c r="AG1863" s="12"/>
      <c r="AH1863" s="12"/>
      <c r="AI1863" s="12"/>
    </row>
    <row r="1864" spans="1:35" s="5" customFormat="1" ht="27.75" customHeight="1" x14ac:dyDescent="0.4">
      <c r="A1864" s="13" t="s">
        <v>3503</v>
      </c>
      <c r="B1864" s="9" t="s">
        <v>3691</v>
      </c>
      <c r="C1864" s="9" t="s">
        <v>3692</v>
      </c>
      <c r="D1864" s="18">
        <v>1441940501</v>
      </c>
      <c r="E1864" s="11">
        <v>48426</v>
      </c>
      <c r="F1864" s="9" t="s">
        <v>9</v>
      </c>
      <c r="G1864" s="5">
        <v>1862</v>
      </c>
      <c r="H1864" s="12">
        <f t="shared" si="58"/>
        <v>13</v>
      </c>
      <c r="I1864" s="12">
        <f t="shared" si="59"/>
        <v>8</v>
      </c>
      <c r="J1864" s="12"/>
      <c r="K1864" s="12"/>
      <c r="L1864" s="12"/>
      <c r="M1864" s="12"/>
      <c r="N1864" s="12"/>
      <c r="O1864" s="12"/>
      <c r="P1864" s="12"/>
      <c r="Q1864" s="12"/>
      <c r="R1864" s="12"/>
      <c r="S1864" s="12"/>
      <c r="T1864" s="12"/>
      <c r="U1864" s="12"/>
      <c r="V1864" s="12"/>
      <c r="W1864" s="12"/>
      <c r="X1864" s="12"/>
      <c r="Y1864" s="12"/>
      <c r="Z1864" s="12"/>
      <c r="AA1864" s="12"/>
      <c r="AB1864" s="12"/>
      <c r="AC1864" s="12"/>
      <c r="AD1864" s="12"/>
      <c r="AE1864" s="12"/>
      <c r="AF1864" s="12"/>
      <c r="AG1864" s="12"/>
      <c r="AH1864" s="12"/>
      <c r="AI1864" s="12"/>
    </row>
    <row r="1865" spans="1:35" s="5" customFormat="1" ht="27.75" customHeight="1" x14ac:dyDescent="0.4">
      <c r="A1865" s="13" t="s">
        <v>3503</v>
      </c>
      <c r="B1865" s="9" t="s">
        <v>3693</v>
      </c>
      <c r="C1865" s="9" t="s">
        <v>3694</v>
      </c>
      <c r="D1865" s="18">
        <v>1441941020</v>
      </c>
      <c r="E1865" s="11">
        <v>47208</v>
      </c>
      <c r="F1865" s="9" t="s">
        <v>9</v>
      </c>
      <c r="G1865" s="12">
        <v>1863</v>
      </c>
      <c r="H1865" s="12">
        <f t="shared" si="58"/>
        <v>13</v>
      </c>
      <c r="I1865" s="12">
        <f t="shared" si="59"/>
        <v>7</v>
      </c>
      <c r="J1865" s="12"/>
      <c r="K1865" s="12"/>
      <c r="L1865" s="12"/>
      <c r="M1865" s="12"/>
      <c r="N1865" s="12"/>
      <c r="O1865" s="12"/>
      <c r="P1865" s="12"/>
      <c r="Q1865" s="12"/>
      <c r="R1865" s="12"/>
      <c r="S1865" s="12"/>
      <c r="T1865" s="12"/>
      <c r="U1865" s="12"/>
      <c r="V1865" s="12"/>
      <c r="W1865" s="12"/>
      <c r="X1865" s="12"/>
      <c r="Y1865" s="12"/>
      <c r="Z1865" s="12"/>
      <c r="AA1865" s="12"/>
      <c r="AB1865" s="12"/>
      <c r="AC1865" s="12"/>
      <c r="AD1865" s="12"/>
      <c r="AE1865" s="12"/>
      <c r="AF1865" s="12"/>
      <c r="AG1865" s="12"/>
      <c r="AH1865" s="12"/>
      <c r="AI1865" s="12"/>
    </row>
    <row r="1866" spans="1:35" s="5" customFormat="1" ht="27.75" customHeight="1" x14ac:dyDescent="0.4">
      <c r="A1866" s="9" t="s">
        <v>3503</v>
      </c>
      <c r="B1866" s="9" t="s">
        <v>3695</v>
      </c>
      <c r="C1866" s="9" t="s">
        <v>3696</v>
      </c>
      <c r="D1866" s="18">
        <v>1441940519</v>
      </c>
      <c r="E1866" s="11">
        <v>48426</v>
      </c>
      <c r="F1866" s="9" t="s">
        <v>9</v>
      </c>
      <c r="G1866" s="5">
        <v>1864</v>
      </c>
      <c r="H1866" s="12">
        <f t="shared" si="58"/>
        <v>13</v>
      </c>
      <c r="I1866" s="12">
        <f t="shared" si="59"/>
        <v>6</v>
      </c>
      <c r="J1866" s="12"/>
      <c r="K1866" s="12"/>
      <c r="L1866" s="12"/>
      <c r="M1866" s="12"/>
      <c r="N1866" s="12"/>
      <c r="O1866" s="12"/>
      <c r="P1866" s="12"/>
      <c r="Q1866" s="12"/>
      <c r="R1866" s="12"/>
      <c r="S1866" s="12"/>
      <c r="T1866" s="12"/>
      <c r="U1866" s="12"/>
      <c r="V1866" s="12"/>
      <c r="W1866" s="12"/>
      <c r="X1866" s="12"/>
      <c r="Y1866" s="12"/>
      <c r="Z1866" s="12"/>
      <c r="AA1866" s="12"/>
      <c r="AB1866" s="12"/>
      <c r="AC1866" s="12"/>
      <c r="AD1866" s="12"/>
      <c r="AE1866" s="12"/>
      <c r="AF1866" s="12"/>
      <c r="AG1866" s="12"/>
      <c r="AH1866" s="12"/>
      <c r="AI1866" s="12"/>
    </row>
    <row r="1867" spans="1:35" s="5" customFormat="1" ht="27.75" customHeight="1" x14ac:dyDescent="0.4">
      <c r="A1867" s="13" t="s">
        <v>3503</v>
      </c>
      <c r="B1867" s="9" t="s">
        <v>3697</v>
      </c>
      <c r="C1867" s="9" t="s">
        <v>3698</v>
      </c>
      <c r="D1867" s="18">
        <v>1441940535</v>
      </c>
      <c r="E1867" s="11">
        <v>48029</v>
      </c>
      <c r="F1867" s="9" t="s">
        <v>9</v>
      </c>
      <c r="G1867" s="12">
        <v>1865</v>
      </c>
      <c r="H1867" s="12">
        <f t="shared" si="58"/>
        <v>12</v>
      </c>
      <c r="I1867" s="12">
        <f t="shared" si="59"/>
        <v>7</v>
      </c>
      <c r="J1867" s="12"/>
      <c r="K1867" s="12"/>
      <c r="L1867" s="12"/>
      <c r="M1867" s="12"/>
      <c r="N1867" s="12"/>
      <c r="O1867" s="12"/>
      <c r="P1867" s="12"/>
      <c r="Q1867" s="12"/>
      <c r="R1867" s="12"/>
      <c r="S1867" s="12"/>
      <c r="T1867" s="12"/>
      <c r="U1867" s="12"/>
      <c r="V1867" s="12"/>
      <c r="W1867" s="12"/>
      <c r="X1867" s="12"/>
      <c r="Y1867" s="12"/>
      <c r="Z1867" s="12"/>
      <c r="AA1867" s="12"/>
      <c r="AB1867" s="12"/>
      <c r="AC1867" s="12"/>
      <c r="AD1867" s="12"/>
      <c r="AE1867" s="12"/>
      <c r="AF1867" s="12"/>
      <c r="AG1867" s="12"/>
      <c r="AH1867" s="12"/>
      <c r="AI1867" s="12"/>
    </row>
    <row r="1868" spans="1:35" s="5" customFormat="1" ht="27.75" customHeight="1" x14ac:dyDescent="0.4">
      <c r="A1868" s="9" t="s">
        <v>3503</v>
      </c>
      <c r="B1868" s="9" t="s">
        <v>3699</v>
      </c>
      <c r="C1868" s="9" t="s">
        <v>3700</v>
      </c>
      <c r="D1868" s="18">
        <v>1441941012</v>
      </c>
      <c r="E1868" s="11">
        <v>47149</v>
      </c>
      <c r="F1868" s="9" t="s">
        <v>9</v>
      </c>
      <c r="G1868" s="5">
        <v>1866</v>
      </c>
      <c r="H1868" s="12">
        <f t="shared" si="58"/>
        <v>11</v>
      </c>
      <c r="I1868" s="12">
        <f t="shared" si="59"/>
        <v>13</v>
      </c>
      <c r="J1868" s="12"/>
      <c r="K1868" s="12"/>
      <c r="L1868" s="12"/>
      <c r="M1868" s="12"/>
      <c r="N1868" s="12"/>
      <c r="O1868" s="12"/>
      <c r="P1868" s="12"/>
      <c r="Q1868" s="12"/>
      <c r="R1868" s="12"/>
      <c r="S1868" s="12"/>
      <c r="T1868" s="12"/>
      <c r="U1868" s="12"/>
      <c r="V1868" s="12"/>
      <c r="W1868" s="12"/>
      <c r="X1868" s="12"/>
      <c r="Y1868" s="12"/>
      <c r="Z1868" s="12"/>
      <c r="AA1868" s="12"/>
      <c r="AB1868" s="12"/>
      <c r="AC1868" s="12"/>
      <c r="AD1868" s="12"/>
      <c r="AE1868" s="12"/>
      <c r="AF1868" s="12"/>
      <c r="AG1868" s="12"/>
      <c r="AH1868" s="12"/>
      <c r="AI1868" s="12"/>
    </row>
    <row r="1869" spans="1:35" s="5" customFormat="1" ht="27.75" customHeight="1" x14ac:dyDescent="0.4">
      <c r="A1869" s="9" t="s">
        <v>3503</v>
      </c>
      <c r="B1869" s="9" t="s">
        <v>3701</v>
      </c>
      <c r="C1869" s="9" t="s">
        <v>3702</v>
      </c>
      <c r="D1869" s="18">
        <v>1441983709</v>
      </c>
      <c r="E1869" s="11">
        <v>46387</v>
      </c>
      <c r="F1869" s="9" t="s">
        <v>9</v>
      </c>
      <c r="G1869" s="12">
        <v>1867</v>
      </c>
      <c r="H1869" s="12">
        <f t="shared" si="58"/>
        <v>13</v>
      </c>
      <c r="I1869" s="12">
        <f t="shared" si="59"/>
        <v>4</v>
      </c>
      <c r="J1869" s="12"/>
      <c r="K1869" s="12"/>
      <c r="L1869" s="12"/>
      <c r="M1869" s="12"/>
      <c r="N1869" s="12"/>
      <c r="O1869" s="12"/>
      <c r="P1869" s="12"/>
      <c r="Q1869" s="12"/>
      <c r="R1869" s="12"/>
      <c r="S1869" s="12"/>
      <c r="T1869" s="12"/>
      <c r="U1869" s="12"/>
      <c r="V1869" s="12"/>
      <c r="W1869" s="12"/>
      <c r="X1869" s="12"/>
      <c r="Y1869" s="12"/>
      <c r="Z1869" s="12"/>
      <c r="AA1869" s="12"/>
      <c r="AB1869" s="12"/>
      <c r="AC1869" s="12"/>
      <c r="AD1869" s="12"/>
      <c r="AE1869" s="12"/>
      <c r="AF1869" s="12"/>
      <c r="AG1869" s="12"/>
      <c r="AH1869" s="12"/>
      <c r="AI1869" s="12"/>
    </row>
    <row r="1870" spans="1:35" s="5" customFormat="1" ht="27.75" customHeight="1" x14ac:dyDescent="0.4">
      <c r="A1870" s="13" t="s">
        <v>3503</v>
      </c>
      <c r="B1870" s="9" t="s">
        <v>3703</v>
      </c>
      <c r="C1870" s="9" t="s">
        <v>3704</v>
      </c>
      <c r="D1870" s="18">
        <v>1441940923</v>
      </c>
      <c r="E1870" s="11">
        <v>46691</v>
      </c>
      <c r="F1870" s="9" t="s">
        <v>9</v>
      </c>
      <c r="G1870" s="5">
        <v>1868</v>
      </c>
      <c r="H1870" s="12">
        <f t="shared" si="58"/>
        <v>14</v>
      </c>
      <c r="I1870" s="12">
        <f t="shared" si="59"/>
        <v>5</v>
      </c>
      <c r="J1870" s="12"/>
      <c r="K1870" s="12"/>
      <c r="L1870" s="12"/>
      <c r="M1870" s="12"/>
      <c r="N1870" s="12"/>
      <c r="O1870" s="12"/>
      <c r="P1870" s="12"/>
      <c r="Q1870" s="12"/>
      <c r="R1870" s="12"/>
      <c r="S1870" s="12"/>
      <c r="T1870" s="12"/>
      <c r="U1870" s="12"/>
      <c r="V1870" s="12"/>
      <c r="W1870" s="12"/>
      <c r="X1870" s="12"/>
      <c r="Y1870" s="12"/>
      <c r="Z1870" s="12"/>
      <c r="AA1870" s="12"/>
      <c r="AB1870" s="12"/>
      <c r="AC1870" s="12"/>
      <c r="AD1870" s="12"/>
      <c r="AE1870" s="12"/>
      <c r="AF1870" s="12"/>
      <c r="AG1870" s="12"/>
      <c r="AH1870" s="12"/>
      <c r="AI1870" s="12"/>
    </row>
    <row r="1871" spans="1:35" s="5" customFormat="1" ht="27.75" customHeight="1" x14ac:dyDescent="0.4">
      <c r="A1871" s="13" t="s">
        <v>3503</v>
      </c>
      <c r="B1871" s="9" t="s">
        <v>3705</v>
      </c>
      <c r="C1871" s="9" t="s">
        <v>3706</v>
      </c>
      <c r="D1871" s="18">
        <v>1441902006</v>
      </c>
      <c r="E1871" s="11">
        <v>46387</v>
      </c>
      <c r="F1871" s="9" t="s">
        <v>9</v>
      </c>
      <c r="G1871" s="12">
        <v>1869</v>
      </c>
      <c r="H1871" s="12">
        <f t="shared" si="58"/>
        <v>14</v>
      </c>
      <c r="I1871" s="12">
        <f t="shared" si="59"/>
        <v>8</v>
      </c>
      <c r="J1871" s="12"/>
      <c r="K1871" s="12"/>
      <c r="L1871" s="12"/>
      <c r="M1871" s="12"/>
      <c r="N1871" s="12"/>
      <c r="O1871" s="12"/>
      <c r="P1871" s="12"/>
      <c r="Q1871" s="12"/>
      <c r="R1871" s="12"/>
      <c r="S1871" s="12"/>
      <c r="T1871" s="12"/>
      <c r="U1871" s="12"/>
      <c r="V1871" s="12"/>
      <c r="W1871" s="12"/>
      <c r="X1871" s="12"/>
      <c r="Y1871" s="12"/>
      <c r="Z1871" s="12"/>
      <c r="AA1871" s="12"/>
      <c r="AB1871" s="12"/>
      <c r="AC1871" s="12"/>
      <c r="AD1871" s="12"/>
      <c r="AE1871" s="12"/>
      <c r="AF1871" s="12"/>
      <c r="AG1871" s="12"/>
      <c r="AH1871" s="12"/>
      <c r="AI1871" s="12"/>
    </row>
    <row r="1872" spans="1:35" s="5" customFormat="1" ht="27.75" customHeight="1" x14ac:dyDescent="0.4">
      <c r="A1872" s="9" t="s">
        <v>3503</v>
      </c>
      <c r="B1872" s="9" t="s">
        <v>3707</v>
      </c>
      <c r="C1872" s="9" t="s">
        <v>3708</v>
      </c>
      <c r="D1872" s="18">
        <v>1441940204</v>
      </c>
      <c r="E1872" s="11">
        <v>46387</v>
      </c>
      <c r="F1872" s="9" t="s">
        <v>9</v>
      </c>
      <c r="G1872" s="5">
        <v>1870</v>
      </c>
      <c r="H1872" s="12">
        <f t="shared" si="58"/>
        <v>12</v>
      </c>
      <c r="I1872" s="12">
        <f t="shared" si="59"/>
        <v>12</v>
      </c>
      <c r="J1872" s="12"/>
      <c r="K1872" s="12"/>
      <c r="L1872" s="12"/>
      <c r="M1872" s="12"/>
      <c r="N1872" s="12"/>
      <c r="O1872" s="12"/>
      <c r="P1872" s="12"/>
      <c r="Q1872" s="12"/>
      <c r="R1872" s="12"/>
      <c r="S1872" s="12"/>
      <c r="T1872" s="12"/>
      <c r="U1872" s="12"/>
      <c r="V1872" s="12"/>
      <c r="W1872" s="12"/>
      <c r="X1872" s="12"/>
      <c r="Y1872" s="12"/>
      <c r="Z1872" s="12"/>
      <c r="AA1872" s="12"/>
      <c r="AB1872" s="12"/>
      <c r="AC1872" s="12"/>
      <c r="AD1872" s="12"/>
      <c r="AE1872" s="12"/>
      <c r="AF1872" s="12"/>
      <c r="AG1872" s="12"/>
      <c r="AH1872" s="12"/>
      <c r="AI1872" s="12"/>
    </row>
    <row r="1873" spans="1:35" s="5" customFormat="1" ht="27.75" customHeight="1" x14ac:dyDescent="0.4">
      <c r="A1873" s="9" t="s">
        <v>3503</v>
      </c>
      <c r="B1873" s="9" t="s">
        <v>3709</v>
      </c>
      <c r="C1873" s="9" t="s">
        <v>3710</v>
      </c>
      <c r="D1873" s="23">
        <v>1441984061</v>
      </c>
      <c r="E1873" s="11">
        <v>46387</v>
      </c>
      <c r="F1873" s="9" t="s">
        <v>9</v>
      </c>
      <c r="G1873" s="12">
        <v>1871</v>
      </c>
      <c r="H1873" s="12">
        <f t="shared" si="58"/>
        <v>24</v>
      </c>
      <c r="I1873" s="12">
        <f t="shared" si="59"/>
        <v>12</v>
      </c>
      <c r="J1873" s="12"/>
      <c r="K1873" s="12"/>
      <c r="L1873" s="12"/>
      <c r="M1873" s="12"/>
      <c r="N1873" s="12"/>
      <c r="O1873" s="12"/>
      <c r="P1873" s="12"/>
      <c r="Q1873" s="12"/>
      <c r="R1873" s="12"/>
      <c r="S1873" s="12"/>
      <c r="T1873" s="12"/>
      <c r="U1873" s="12"/>
      <c r="V1873" s="12"/>
      <c r="W1873" s="12"/>
      <c r="X1873" s="12"/>
      <c r="Y1873" s="12"/>
      <c r="Z1873" s="12"/>
      <c r="AA1873" s="12"/>
      <c r="AB1873" s="12"/>
      <c r="AC1873" s="12"/>
      <c r="AD1873" s="12"/>
      <c r="AE1873" s="12"/>
      <c r="AF1873" s="12"/>
      <c r="AG1873" s="12"/>
      <c r="AH1873" s="12"/>
      <c r="AI1873" s="12"/>
    </row>
    <row r="1874" spans="1:35" s="5" customFormat="1" ht="27.75" customHeight="1" x14ac:dyDescent="0.4">
      <c r="A1874" s="9" t="s">
        <v>3503</v>
      </c>
      <c r="B1874" s="9" t="s">
        <v>3711</v>
      </c>
      <c r="C1874" s="9" t="s">
        <v>3712</v>
      </c>
      <c r="D1874" s="18">
        <v>1441982768</v>
      </c>
      <c r="E1874" s="11">
        <v>46387</v>
      </c>
      <c r="F1874" s="9" t="s">
        <v>9</v>
      </c>
      <c r="G1874" s="5">
        <v>1872</v>
      </c>
      <c r="H1874" s="12">
        <f t="shared" si="58"/>
        <v>12</v>
      </c>
      <c r="I1874" s="12">
        <f t="shared" si="59"/>
        <v>4</v>
      </c>
      <c r="J1874" s="12"/>
      <c r="K1874" s="12"/>
      <c r="L1874" s="12"/>
      <c r="M1874" s="12"/>
      <c r="N1874" s="12"/>
      <c r="O1874" s="12"/>
      <c r="P1874" s="12"/>
      <c r="Q1874" s="12"/>
      <c r="R1874" s="12"/>
      <c r="S1874" s="12"/>
      <c r="T1874" s="12"/>
      <c r="U1874" s="12"/>
      <c r="V1874" s="12"/>
      <c r="W1874" s="12"/>
      <c r="X1874" s="12"/>
      <c r="Y1874" s="12"/>
      <c r="Z1874" s="12"/>
      <c r="AA1874" s="12"/>
      <c r="AB1874" s="12"/>
      <c r="AC1874" s="12"/>
      <c r="AD1874" s="12"/>
      <c r="AE1874" s="12"/>
      <c r="AF1874" s="12"/>
      <c r="AG1874" s="12"/>
      <c r="AH1874" s="12"/>
      <c r="AI1874" s="12"/>
    </row>
    <row r="1875" spans="1:35" s="5" customFormat="1" ht="27.75" customHeight="1" x14ac:dyDescent="0.4">
      <c r="A1875" s="13" t="s">
        <v>3503</v>
      </c>
      <c r="B1875" s="9" t="s">
        <v>3713</v>
      </c>
      <c r="C1875" s="9" t="s">
        <v>3714</v>
      </c>
      <c r="D1875" s="18">
        <v>1441941202</v>
      </c>
      <c r="E1875" s="11">
        <v>47695</v>
      </c>
      <c r="F1875" s="9" t="s">
        <v>9</v>
      </c>
      <c r="G1875" s="12">
        <v>1873</v>
      </c>
      <c r="H1875" s="12">
        <f t="shared" si="58"/>
        <v>11</v>
      </c>
      <c r="I1875" s="12">
        <f t="shared" si="59"/>
        <v>15</v>
      </c>
      <c r="J1875" s="12"/>
      <c r="K1875" s="12"/>
      <c r="L1875" s="12"/>
      <c r="M1875" s="12"/>
      <c r="N1875" s="12"/>
      <c r="O1875" s="12"/>
      <c r="P1875" s="12"/>
      <c r="Q1875" s="12"/>
      <c r="R1875" s="12"/>
      <c r="S1875" s="12"/>
      <c r="T1875" s="12"/>
      <c r="U1875" s="12"/>
      <c r="V1875" s="12"/>
      <c r="W1875" s="12"/>
      <c r="X1875" s="12"/>
      <c r="Y1875" s="12"/>
      <c r="Z1875" s="12"/>
      <c r="AA1875" s="12"/>
      <c r="AB1875" s="12"/>
      <c r="AC1875" s="12"/>
      <c r="AD1875" s="12"/>
      <c r="AE1875" s="12"/>
      <c r="AF1875" s="12"/>
      <c r="AG1875" s="12"/>
      <c r="AH1875" s="12"/>
      <c r="AI1875" s="12"/>
    </row>
    <row r="1876" spans="1:35" s="5" customFormat="1" ht="27.75" customHeight="1" x14ac:dyDescent="0.4">
      <c r="A1876" s="9" t="s">
        <v>3503</v>
      </c>
      <c r="B1876" s="13" t="s">
        <v>3715</v>
      </c>
      <c r="C1876" s="13" t="s">
        <v>3716</v>
      </c>
      <c r="D1876" s="18">
        <v>1441984145</v>
      </c>
      <c r="E1876" s="11">
        <v>46387</v>
      </c>
      <c r="F1876" s="9" t="s">
        <v>9</v>
      </c>
      <c r="G1876" s="5">
        <v>1874</v>
      </c>
      <c r="H1876" s="12">
        <f t="shared" si="58"/>
        <v>23</v>
      </c>
      <c r="I1876" s="12">
        <f t="shared" si="59"/>
        <v>10</v>
      </c>
      <c r="J1876" s="12"/>
      <c r="K1876" s="12"/>
      <c r="L1876" s="12"/>
      <c r="M1876" s="12"/>
      <c r="N1876" s="12"/>
      <c r="O1876" s="12"/>
      <c r="P1876" s="12"/>
      <c r="Q1876" s="12"/>
      <c r="R1876" s="12"/>
      <c r="S1876" s="12"/>
      <c r="T1876" s="12"/>
      <c r="U1876" s="12"/>
      <c r="V1876" s="12"/>
      <c r="W1876" s="12"/>
      <c r="X1876" s="12"/>
      <c r="Y1876" s="12"/>
      <c r="Z1876" s="12"/>
      <c r="AA1876" s="12"/>
      <c r="AB1876" s="12"/>
      <c r="AC1876" s="12"/>
      <c r="AD1876" s="12"/>
      <c r="AE1876" s="12"/>
      <c r="AF1876" s="12"/>
      <c r="AG1876" s="12"/>
      <c r="AH1876" s="12"/>
      <c r="AI1876" s="12"/>
    </row>
    <row r="1877" spans="1:35" s="5" customFormat="1" ht="27.75" customHeight="1" x14ac:dyDescent="0.4">
      <c r="A1877" s="9" t="s">
        <v>3503</v>
      </c>
      <c r="B1877" s="13" t="s">
        <v>3717</v>
      </c>
      <c r="C1877" s="9" t="s">
        <v>3718</v>
      </c>
      <c r="D1877" s="18">
        <v>1441984558</v>
      </c>
      <c r="E1877" s="11">
        <v>46387</v>
      </c>
      <c r="F1877" s="9" t="s">
        <v>9</v>
      </c>
      <c r="G1877" s="12">
        <v>1875</v>
      </c>
      <c r="H1877" s="12">
        <f t="shared" si="58"/>
        <v>11</v>
      </c>
      <c r="I1877" s="12">
        <f t="shared" si="59"/>
        <v>11</v>
      </c>
      <c r="J1877" s="12"/>
      <c r="K1877" s="12"/>
      <c r="L1877" s="12"/>
      <c r="M1877" s="12"/>
      <c r="N1877" s="12"/>
      <c r="O1877" s="12"/>
      <c r="P1877" s="12"/>
      <c r="Q1877" s="12"/>
      <c r="R1877" s="12"/>
      <c r="S1877" s="12"/>
      <c r="T1877" s="12"/>
      <c r="U1877" s="12"/>
      <c r="V1877" s="12"/>
      <c r="W1877" s="12"/>
      <c r="X1877" s="12"/>
      <c r="Y1877" s="12"/>
      <c r="Z1877" s="12"/>
      <c r="AA1877" s="12"/>
      <c r="AB1877" s="12"/>
      <c r="AC1877" s="12"/>
      <c r="AD1877" s="12"/>
      <c r="AE1877" s="12"/>
      <c r="AF1877" s="12"/>
      <c r="AG1877" s="12"/>
      <c r="AH1877" s="12"/>
      <c r="AI1877" s="12"/>
    </row>
    <row r="1878" spans="1:35" s="5" customFormat="1" ht="27.75" customHeight="1" x14ac:dyDescent="0.4">
      <c r="A1878" s="16" t="s">
        <v>3503</v>
      </c>
      <c r="B1878" s="15" t="s">
        <v>3719</v>
      </c>
      <c r="C1878" s="16" t="s">
        <v>3720</v>
      </c>
      <c r="D1878" s="10">
        <v>1441940022</v>
      </c>
      <c r="E1878" s="11">
        <v>46387</v>
      </c>
      <c r="F1878" s="9" t="s">
        <v>9</v>
      </c>
      <c r="G1878" s="5">
        <v>1876</v>
      </c>
      <c r="H1878" s="12">
        <f t="shared" si="58"/>
        <v>12</v>
      </c>
      <c r="I1878" s="12">
        <f t="shared" si="59"/>
        <v>10</v>
      </c>
      <c r="J1878" s="12"/>
      <c r="K1878" s="12"/>
      <c r="L1878" s="12"/>
      <c r="M1878" s="12"/>
      <c r="N1878" s="12"/>
      <c r="O1878" s="12"/>
      <c r="P1878" s="12"/>
      <c r="Q1878" s="12"/>
      <c r="R1878" s="12"/>
      <c r="S1878" s="12"/>
      <c r="T1878" s="12"/>
      <c r="U1878" s="12"/>
      <c r="V1878" s="12"/>
      <c r="W1878" s="12"/>
      <c r="X1878" s="12"/>
      <c r="Y1878" s="12"/>
      <c r="Z1878" s="12"/>
      <c r="AA1878" s="12"/>
      <c r="AB1878" s="12"/>
      <c r="AC1878" s="12"/>
      <c r="AD1878" s="12"/>
      <c r="AE1878" s="12"/>
      <c r="AF1878" s="12"/>
      <c r="AG1878" s="12"/>
      <c r="AH1878" s="12"/>
      <c r="AI1878" s="12"/>
    </row>
    <row r="1879" spans="1:35" s="5" customFormat="1" ht="27.75" customHeight="1" x14ac:dyDescent="0.4">
      <c r="A1879" s="13" t="s">
        <v>3503</v>
      </c>
      <c r="B1879" s="9" t="s">
        <v>3721</v>
      </c>
      <c r="C1879" s="9" t="s">
        <v>3722</v>
      </c>
      <c r="D1879" s="18">
        <v>1441940337</v>
      </c>
      <c r="E1879" s="11">
        <v>46812</v>
      </c>
      <c r="F1879" s="9" t="s">
        <v>9</v>
      </c>
      <c r="G1879" s="12">
        <v>1877</v>
      </c>
      <c r="H1879" s="12">
        <f t="shared" si="58"/>
        <v>10</v>
      </c>
      <c r="I1879" s="12">
        <f t="shared" si="59"/>
        <v>17</v>
      </c>
      <c r="J1879" s="12"/>
      <c r="K1879" s="12"/>
      <c r="L1879" s="12"/>
      <c r="M1879" s="12"/>
      <c r="N1879" s="12"/>
      <c r="O1879" s="12"/>
      <c r="P1879" s="12"/>
      <c r="Q1879" s="12"/>
      <c r="R1879" s="12"/>
      <c r="S1879" s="12"/>
      <c r="T1879" s="12"/>
      <c r="U1879" s="12"/>
      <c r="V1879" s="12"/>
      <c r="W1879" s="12"/>
      <c r="X1879" s="12"/>
      <c r="Y1879" s="12"/>
      <c r="Z1879" s="12"/>
      <c r="AA1879" s="12"/>
      <c r="AB1879" s="12"/>
      <c r="AC1879" s="12"/>
      <c r="AD1879" s="12"/>
      <c r="AE1879" s="12"/>
      <c r="AF1879" s="12"/>
      <c r="AG1879" s="12"/>
      <c r="AH1879" s="12"/>
      <c r="AI1879" s="12"/>
    </row>
    <row r="1880" spans="1:35" s="5" customFormat="1" ht="27.75" customHeight="1" x14ac:dyDescent="0.4">
      <c r="A1880" s="13" t="s">
        <v>3503</v>
      </c>
      <c r="B1880" s="9" t="s">
        <v>3723</v>
      </c>
      <c r="C1880" s="9" t="s">
        <v>3724</v>
      </c>
      <c r="D1880" s="18">
        <v>1441901552</v>
      </c>
      <c r="E1880" s="11">
        <v>46387</v>
      </c>
      <c r="F1880" s="9" t="s">
        <v>9</v>
      </c>
      <c r="G1880" s="5">
        <v>1878</v>
      </c>
      <c r="H1880" s="12">
        <f t="shared" si="58"/>
        <v>12</v>
      </c>
      <c r="I1880" s="12">
        <f t="shared" si="59"/>
        <v>8</v>
      </c>
      <c r="J1880" s="12"/>
      <c r="K1880" s="12"/>
      <c r="L1880" s="12"/>
      <c r="M1880" s="12"/>
      <c r="N1880" s="12"/>
      <c r="O1880" s="12"/>
      <c r="P1880" s="12"/>
      <c r="Q1880" s="12"/>
      <c r="R1880" s="12"/>
      <c r="S1880" s="12"/>
      <c r="T1880" s="12"/>
      <c r="U1880" s="12"/>
      <c r="V1880" s="12"/>
      <c r="W1880" s="12"/>
      <c r="X1880" s="12"/>
      <c r="Y1880" s="12"/>
      <c r="Z1880" s="12"/>
      <c r="AA1880" s="12"/>
      <c r="AB1880" s="12"/>
      <c r="AC1880" s="12"/>
      <c r="AD1880" s="12"/>
      <c r="AE1880" s="12"/>
      <c r="AF1880" s="12"/>
      <c r="AG1880" s="12"/>
      <c r="AH1880" s="12"/>
      <c r="AI1880" s="12"/>
    </row>
    <row r="1881" spans="1:35" s="5" customFormat="1" ht="27.75" customHeight="1" x14ac:dyDescent="0.4">
      <c r="A1881" s="9" t="s">
        <v>3503</v>
      </c>
      <c r="B1881" s="13" t="s">
        <v>3725</v>
      </c>
      <c r="C1881" s="9" t="s">
        <v>3726</v>
      </c>
      <c r="D1881" s="18">
        <v>1441940113</v>
      </c>
      <c r="E1881" s="11">
        <v>46387</v>
      </c>
      <c r="F1881" s="9" t="s">
        <v>9</v>
      </c>
      <c r="G1881" s="12">
        <v>1879</v>
      </c>
      <c r="H1881" s="12">
        <f t="shared" si="58"/>
        <v>14</v>
      </c>
      <c r="I1881" s="12">
        <f t="shared" si="59"/>
        <v>11</v>
      </c>
      <c r="J1881" s="12"/>
      <c r="K1881" s="12"/>
      <c r="L1881" s="12"/>
      <c r="M1881" s="12"/>
      <c r="N1881" s="12"/>
      <c r="O1881" s="12"/>
      <c r="P1881" s="12"/>
      <c r="Q1881" s="12"/>
      <c r="R1881" s="12"/>
      <c r="S1881" s="12"/>
      <c r="T1881" s="12"/>
      <c r="U1881" s="12"/>
      <c r="V1881" s="12"/>
      <c r="W1881" s="12"/>
      <c r="X1881" s="12"/>
      <c r="Y1881" s="12"/>
      <c r="Z1881" s="12"/>
      <c r="AA1881" s="12"/>
      <c r="AB1881" s="12"/>
      <c r="AC1881" s="12"/>
      <c r="AD1881" s="12"/>
      <c r="AE1881" s="12"/>
      <c r="AF1881" s="12"/>
      <c r="AG1881" s="12"/>
      <c r="AH1881" s="12"/>
      <c r="AI1881" s="12"/>
    </row>
    <row r="1882" spans="1:35" s="5" customFormat="1" ht="27.75" customHeight="1" x14ac:dyDescent="0.4">
      <c r="A1882" s="13" t="s">
        <v>3503</v>
      </c>
      <c r="B1882" s="9" t="s">
        <v>3727</v>
      </c>
      <c r="C1882" s="9" t="s">
        <v>3728</v>
      </c>
      <c r="D1882" s="18">
        <v>1441940873</v>
      </c>
      <c r="E1882" s="11">
        <v>46446</v>
      </c>
      <c r="F1882" s="9" t="s">
        <v>9</v>
      </c>
      <c r="G1882" s="5">
        <v>1880</v>
      </c>
      <c r="H1882" s="12">
        <f t="shared" si="58"/>
        <v>14</v>
      </c>
      <c r="I1882" s="12">
        <f t="shared" si="59"/>
        <v>8</v>
      </c>
      <c r="J1882" s="12"/>
      <c r="K1882" s="12"/>
      <c r="L1882" s="12"/>
      <c r="M1882" s="12"/>
      <c r="N1882" s="12"/>
      <c r="O1882" s="12"/>
      <c r="P1882" s="12"/>
      <c r="Q1882" s="12"/>
      <c r="R1882" s="12"/>
      <c r="S1882" s="12"/>
      <c r="T1882" s="12"/>
      <c r="U1882" s="12"/>
      <c r="V1882" s="12"/>
      <c r="W1882" s="12"/>
      <c r="X1882" s="12"/>
      <c r="Y1882" s="12"/>
      <c r="Z1882" s="12"/>
      <c r="AA1882" s="12"/>
      <c r="AB1882" s="12"/>
      <c r="AC1882" s="12"/>
      <c r="AD1882" s="12"/>
      <c r="AE1882" s="12"/>
      <c r="AF1882" s="12"/>
      <c r="AG1882" s="12"/>
      <c r="AH1882" s="12"/>
      <c r="AI1882" s="12"/>
    </row>
    <row r="1883" spans="1:35" s="5" customFormat="1" ht="27.75" customHeight="1" x14ac:dyDescent="0.4">
      <c r="A1883" s="9" t="s">
        <v>3503</v>
      </c>
      <c r="B1883" s="9" t="s">
        <v>3729</v>
      </c>
      <c r="C1883" s="9" t="s">
        <v>3730</v>
      </c>
      <c r="D1883" s="18">
        <v>1441941343</v>
      </c>
      <c r="E1883" s="11">
        <v>47938</v>
      </c>
      <c r="F1883" s="9" t="s">
        <v>9</v>
      </c>
      <c r="G1883" s="12">
        <v>1881</v>
      </c>
      <c r="H1883" s="12">
        <f t="shared" si="58"/>
        <v>13</v>
      </c>
      <c r="I1883" s="12">
        <f t="shared" si="59"/>
        <v>8</v>
      </c>
      <c r="J1883" s="12"/>
      <c r="K1883" s="12"/>
      <c r="L1883" s="12"/>
      <c r="M1883" s="12"/>
      <c r="N1883" s="12"/>
      <c r="O1883" s="12"/>
      <c r="P1883" s="12"/>
      <c r="Q1883" s="12"/>
      <c r="R1883" s="12"/>
      <c r="S1883" s="12"/>
      <c r="T1883" s="12"/>
      <c r="U1883" s="12"/>
      <c r="V1883" s="12"/>
      <c r="W1883" s="12"/>
      <c r="X1883" s="12"/>
      <c r="Y1883" s="12"/>
      <c r="Z1883" s="12"/>
      <c r="AA1883" s="12"/>
      <c r="AB1883" s="12"/>
      <c r="AC1883" s="12"/>
      <c r="AD1883" s="12"/>
      <c r="AE1883" s="12"/>
      <c r="AF1883" s="12"/>
      <c r="AG1883" s="12"/>
      <c r="AH1883" s="12"/>
      <c r="AI1883" s="12"/>
    </row>
    <row r="1884" spans="1:35" s="5" customFormat="1" ht="27.75" customHeight="1" x14ac:dyDescent="0.4">
      <c r="A1884" s="17" t="s">
        <v>3503</v>
      </c>
      <c r="B1884" s="19" t="s">
        <v>3731</v>
      </c>
      <c r="C1884" s="19" t="s">
        <v>3732</v>
      </c>
      <c r="D1884" s="20">
        <v>1441941327</v>
      </c>
      <c r="E1884" s="11">
        <v>47938</v>
      </c>
      <c r="F1884" s="9" t="s">
        <v>9</v>
      </c>
      <c r="G1884" s="5">
        <v>1882</v>
      </c>
      <c r="H1884" s="12">
        <f t="shared" si="58"/>
        <v>13</v>
      </c>
      <c r="I1884" s="12">
        <f t="shared" si="59"/>
        <v>8</v>
      </c>
      <c r="J1884" s="12"/>
      <c r="K1884" s="12"/>
      <c r="L1884" s="12"/>
      <c r="M1884" s="12"/>
      <c r="N1884" s="12"/>
      <c r="O1884" s="12"/>
      <c r="P1884" s="12"/>
      <c r="Q1884" s="12"/>
      <c r="R1884" s="12"/>
      <c r="S1884" s="12"/>
      <c r="T1884" s="12"/>
      <c r="U1884" s="12"/>
      <c r="V1884" s="12"/>
      <c r="W1884" s="12"/>
      <c r="X1884" s="12"/>
      <c r="Y1884" s="12"/>
      <c r="Z1884" s="12"/>
      <c r="AA1884" s="12"/>
      <c r="AB1884" s="12"/>
      <c r="AC1884" s="12"/>
      <c r="AD1884" s="12"/>
      <c r="AE1884" s="12"/>
      <c r="AF1884" s="12"/>
      <c r="AG1884" s="12"/>
      <c r="AH1884" s="12"/>
      <c r="AI1884" s="12"/>
    </row>
    <row r="1885" spans="1:35" s="5" customFormat="1" ht="27.75" customHeight="1" x14ac:dyDescent="0.4">
      <c r="A1885" s="13" t="s">
        <v>3503</v>
      </c>
      <c r="B1885" s="9" t="s">
        <v>3733</v>
      </c>
      <c r="C1885" s="9" t="s">
        <v>3734</v>
      </c>
      <c r="D1885" s="18">
        <v>1441940972</v>
      </c>
      <c r="E1885" s="11">
        <v>46904</v>
      </c>
      <c r="F1885" s="9" t="s">
        <v>9</v>
      </c>
      <c r="G1885" s="12">
        <v>1883</v>
      </c>
      <c r="H1885" s="12">
        <f t="shared" si="58"/>
        <v>13</v>
      </c>
      <c r="I1885" s="12">
        <f t="shared" si="59"/>
        <v>10</v>
      </c>
      <c r="J1885" s="12"/>
      <c r="K1885" s="12"/>
      <c r="L1885" s="12"/>
      <c r="M1885" s="12"/>
      <c r="N1885" s="12"/>
      <c r="O1885" s="12"/>
      <c r="P1885" s="12"/>
      <c r="Q1885" s="12"/>
      <c r="R1885" s="12"/>
      <c r="S1885" s="12"/>
      <c r="T1885" s="12"/>
      <c r="U1885" s="12"/>
      <c r="V1885" s="12"/>
      <c r="W1885" s="12"/>
      <c r="X1885" s="12"/>
      <c r="Y1885" s="12"/>
      <c r="Z1885" s="12"/>
      <c r="AA1885" s="12"/>
      <c r="AB1885" s="12"/>
      <c r="AC1885" s="12"/>
      <c r="AD1885" s="12"/>
      <c r="AE1885" s="12"/>
      <c r="AF1885" s="12"/>
      <c r="AG1885" s="12"/>
      <c r="AH1885" s="12"/>
      <c r="AI1885" s="12"/>
    </row>
    <row r="1886" spans="1:35" s="5" customFormat="1" ht="27.75" customHeight="1" x14ac:dyDescent="0.4">
      <c r="A1886" s="13" t="s">
        <v>3503</v>
      </c>
      <c r="B1886" s="9" t="s">
        <v>3735</v>
      </c>
      <c r="C1886" s="9" t="s">
        <v>3736</v>
      </c>
      <c r="D1886" s="18">
        <v>1441984483</v>
      </c>
      <c r="E1886" s="11">
        <v>46356</v>
      </c>
      <c r="F1886" s="9" t="s">
        <v>9</v>
      </c>
      <c r="G1886" s="5">
        <v>1884</v>
      </c>
      <c r="H1886" s="12">
        <f t="shared" si="58"/>
        <v>15</v>
      </c>
      <c r="I1886" s="12">
        <f t="shared" si="59"/>
        <v>13</v>
      </c>
      <c r="J1886" s="12"/>
      <c r="K1886" s="12"/>
      <c r="L1886" s="12"/>
      <c r="M1886" s="12"/>
      <c r="N1886" s="12"/>
      <c r="O1886" s="12"/>
      <c r="P1886" s="12"/>
      <c r="Q1886" s="12"/>
      <c r="R1886" s="12"/>
      <c r="S1886" s="12"/>
      <c r="T1886" s="12"/>
      <c r="U1886" s="12"/>
      <c r="V1886" s="12"/>
      <c r="W1886" s="12"/>
      <c r="X1886" s="12"/>
      <c r="Y1886" s="12"/>
      <c r="Z1886" s="12"/>
      <c r="AA1886" s="12"/>
      <c r="AB1886" s="12"/>
      <c r="AC1886" s="12"/>
      <c r="AD1886" s="12"/>
      <c r="AE1886" s="12"/>
      <c r="AF1886" s="12"/>
      <c r="AG1886" s="12"/>
      <c r="AH1886" s="12"/>
      <c r="AI1886" s="12"/>
    </row>
    <row r="1887" spans="1:35" s="5" customFormat="1" ht="27.75" customHeight="1" x14ac:dyDescent="0.4">
      <c r="A1887" s="13" t="s">
        <v>3503</v>
      </c>
      <c r="B1887" s="9" t="s">
        <v>3737</v>
      </c>
      <c r="C1887" s="9" t="s">
        <v>3738</v>
      </c>
      <c r="D1887" s="18">
        <v>1441941038</v>
      </c>
      <c r="E1887" s="11">
        <v>47208</v>
      </c>
      <c r="F1887" s="9" t="s">
        <v>9</v>
      </c>
      <c r="G1887" s="12">
        <v>1885</v>
      </c>
      <c r="H1887" s="12">
        <f t="shared" si="58"/>
        <v>13</v>
      </c>
      <c r="I1887" s="12">
        <f t="shared" si="59"/>
        <v>5</v>
      </c>
      <c r="J1887" s="12"/>
      <c r="K1887" s="12"/>
      <c r="L1887" s="12"/>
      <c r="M1887" s="12"/>
      <c r="N1887" s="12"/>
      <c r="O1887" s="12"/>
      <c r="P1887" s="12"/>
      <c r="Q1887" s="12"/>
      <c r="R1887" s="12"/>
      <c r="S1887" s="12"/>
      <c r="T1887" s="12"/>
      <c r="U1887" s="12"/>
      <c r="V1887" s="12"/>
      <c r="W1887" s="12"/>
      <c r="X1887" s="12"/>
      <c r="Y1887" s="12"/>
      <c r="Z1887" s="12"/>
      <c r="AA1887" s="12"/>
      <c r="AB1887" s="12"/>
      <c r="AC1887" s="12"/>
      <c r="AD1887" s="12"/>
      <c r="AE1887" s="12"/>
      <c r="AF1887" s="12"/>
      <c r="AG1887" s="12"/>
      <c r="AH1887" s="12"/>
      <c r="AI1887" s="12"/>
    </row>
    <row r="1888" spans="1:35" s="5" customFormat="1" ht="27.75" customHeight="1" x14ac:dyDescent="0.4">
      <c r="A1888" s="9" t="s">
        <v>3503</v>
      </c>
      <c r="B1888" s="9" t="s">
        <v>3739</v>
      </c>
      <c r="C1888" s="9" t="s">
        <v>3740</v>
      </c>
      <c r="D1888" s="18">
        <v>1441984343</v>
      </c>
      <c r="E1888" s="11">
        <v>47057</v>
      </c>
      <c r="F1888" s="9" t="s">
        <v>9</v>
      </c>
      <c r="G1888" s="5">
        <v>1886</v>
      </c>
      <c r="H1888" s="12">
        <f t="shared" si="58"/>
        <v>11</v>
      </c>
      <c r="I1888" s="12">
        <f t="shared" si="59"/>
        <v>6</v>
      </c>
      <c r="J1888" s="12"/>
      <c r="K1888" s="12"/>
      <c r="L1888" s="12"/>
      <c r="M1888" s="12"/>
      <c r="N1888" s="12"/>
      <c r="O1888" s="12"/>
      <c r="P1888" s="12"/>
      <c r="Q1888" s="12"/>
      <c r="R1888" s="12"/>
      <c r="S1888" s="12"/>
      <c r="T1888" s="12"/>
      <c r="U1888" s="12"/>
      <c r="V1888" s="12"/>
      <c r="W1888" s="12"/>
      <c r="X1888" s="12"/>
      <c r="Y1888" s="12"/>
      <c r="Z1888" s="12"/>
      <c r="AA1888" s="12"/>
      <c r="AB1888" s="12"/>
      <c r="AC1888" s="12"/>
      <c r="AD1888" s="12"/>
      <c r="AE1888" s="12"/>
      <c r="AF1888" s="12"/>
      <c r="AG1888" s="12"/>
      <c r="AH1888" s="12"/>
      <c r="AI1888" s="12"/>
    </row>
    <row r="1889" spans="1:35" s="5" customFormat="1" ht="27.75" customHeight="1" x14ac:dyDescent="0.4">
      <c r="A1889" s="9" t="s">
        <v>3503</v>
      </c>
      <c r="B1889" s="9" t="s">
        <v>3741</v>
      </c>
      <c r="C1889" s="9" t="s">
        <v>3742</v>
      </c>
      <c r="D1889" s="18">
        <v>1441902568</v>
      </c>
      <c r="E1889" s="11">
        <v>46387</v>
      </c>
      <c r="F1889" s="9" t="s">
        <v>9</v>
      </c>
      <c r="G1889" s="12">
        <v>1887</v>
      </c>
      <c r="H1889" s="12">
        <f t="shared" si="58"/>
        <v>11</v>
      </c>
      <c r="I1889" s="12">
        <f t="shared" si="59"/>
        <v>15</v>
      </c>
      <c r="J1889" s="12"/>
      <c r="K1889" s="12"/>
      <c r="L1889" s="12"/>
      <c r="M1889" s="12"/>
      <c r="N1889" s="12"/>
      <c r="O1889" s="12"/>
      <c r="P1889" s="12"/>
      <c r="Q1889" s="12"/>
      <c r="R1889" s="12"/>
      <c r="S1889" s="12"/>
      <c r="T1889" s="12"/>
      <c r="U1889" s="12"/>
      <c r="V1889" s="12"/>
      <c r="W1889" s="12"/>
      <c r="X1889" s="12"/>
      <c r="Y1889" s="12"/>
      <c r="Z1889" s="12"/>
      <c r="AA1889" s="12"/>
      <c r="AB1889" s="12"/>
      <c r="AC1889" s="12"/>
      <c r="AD1889" s="12"/>
      <c r="AE1889" s="12"/>
      <c r="AF1889" s="12"/>
      <c r="AG1889" s="12"/>
      <c r="AH1889" s="12"/>
      <c r="AI1889" s="12"/>
    </row>
    <row r="1890" spans="1:35" s="5" customFormat="1" ht="27.75" customHeight="1" x14ac:dyDescent="0.4">
      <c r="A1890" s="13" t="s">
        <v>3503</v>
      </c>
      <c r="B1890" s="9" t="s">
        <v>3743</v>
      </c>
      <c r="C1890" s="9" t="s">
        <v>3742</v>
      </c>
      <c r="D1890" s="18">
        <v>1441941426</v>
      </c>
      <c r="E1890" s="11">
        <v>48152</v>
      </c>
      <c r="F1890" s="9" t="s">
        <v>9</v>
      </c>
      <c r="G1890" s="5">
        <v>1888</v>
      </c>
      <c r="H1890" s="12">
        <f t="shared" si="58"/>
        <v>11</v>
      </c>
      <c r="I1890" s="12">
        <f t="shared" si="59"/>
        <v>9</v>
      </c>
      <c r="J1890" s="12"/>
      <c r="K1890" s="12"/>
      <c r="L1890" s="12"/>
      <c r="M1890" s="12"/>
      <c r="N1890" s="12"/>
      <c r="O1890" s="12"/>
      <c r="P1890" s="12"/>
      <c r="Q1890" s="12"/>
      <c r="R1890" s="12"/>
      <c r="S1890" s="12"/>
      <c r="T1890" s="12"/>
      <c r="U1890" s="12"/>
      <c r="V1890" s="12"/>
      <c r="W1890" s="12"/>
      <c r="X1890" s="12"/>
      <c r="Y1890" s="12"/>
      <c r="Z1890" s="12"/>
      <c r="AA1890" s="12"/>
      <c r="AB1890" s="12"/>
      <c r="AC1890" s="12"/>
      <c r="AD1890" s="12"/>
      <c r="AE1890" s="12"/>
      <c r="AF1890" s="12"/>
      <c r="AG1890" s="12"/>
      <c r="AH1890" s="12"/>
      <c r="AI1890" s="12"/>
    </row>
    <row r="1891" spans="1:35" s="5" customFormat="1" ht="27.75" customHeight="1" x14ac:dyDescent="0.4">
      <c r="A1891" s="9" t="s">
        <v>3503</v>
      </c>
      <c r="B1891" s="9" t="s">
        <v>3744</v>
      </c>
      <c r="C1891" s="9" t="s">
        <v>3745</v>
      </c>
      <c r="D1891" s="18">
        <v>1441983683</v>
      </c>
      <c r="E1891" s="11">
        <v>46387</v>
      </c>
      <c r="F1891" s="9" t="s">
        <v>9</v>
      </c>
      <c r="G1891" s="12">
        <v>1889</v>
      </c>
      <c r="H1891" s="12">
        <f t="shared" si="58"/>
        <v>15</v>
      </c>
      <c r="I1891" s="12">
        <f t="shared" si="59"/>
        <v>14</v>
      </c>
      <c r="J1891" s="12"/>
      <c r="K1891" s="12"/>
      <c r="L1891" s="12"/>
      <c r="M1891" s="12"/>
      <c r="N1891" s="12"/>
      <c r="O1891" s="12"/>
      <c r="P1891" s="12"/>
      <c r="Q1891" s="12"/>
      <c r="R1891" s="12"/>
      <c r="S1891" s="12"/>
      <c r="T1891" s="12"/>
      <c r="U1891" s="12"/>
      <c r="V1891" s="12"/>
      <c r="W1891" s="12"/>
      <c r="X1891" s="12"/>
      <c r="Y1891" s="12"/>
      <c r="Z1891" s="12"/>
      <c r="AA1891" s="12"/>
      <c r="AB1891" s="12"/>
      <c r="AC1891" s="12"/>
      <c r="AD1891" s="12"/>
      <c r="AE1891" s="12"/>
      <c r="AF1891" s="12"/>
      <c r="AG1891" s="12"/>
      <c r="AH1891" s="12"/>
      <c r="AI1891" s="12"/>
    </row>
    <row r="1892" spans="1:35" s="5" customFormat="1" ht="27.75" customHeight="1" x14ac:dyDescent="0.4">
      <c r="A1892" s="17" t="s">
        <v>3503</v>
      </c>
      <c r="B1892" s="9" t="s">
        <v>3746</v>
      </c>
      <c r="C1892" s="9" t="s">
        <v>3747</v>
      </c>
      <c r="D1892" s="18">
        <v>1441941053</v>
      </c>
      <c r="E1892" s="11">
        <v>47238</v>
      </c>
      <c r="F1892" s="9" t="s">
        <v>9</v>
      </c>
      <c r="G1892" s="5">
        <v>1890</v>
      </c>
      <c r="H1892" s="12">
        <f t="shared" si="58"/>
        <v>12</v>
      </c>
      <c r="I1892" s="12">
        <f t="shared" si="59"/>
        <v>15</v>
      </c>
      <c r="J1892" s="12"/>
      <c r="K1892" s="12"/>
      <c r="L1892" s="12"/>
      <c r="M1892" s="12"/>
      <c r="N1892" s="12"/>
      <c r="O1892" s="12"/>
      <c r="P1892" s="12"/>
      <c r="Q1892" s="12"/>
      <c r="R1892" s="12"/>
      <c r="S1892" s="12"/>
      <c r="T1892" s="12"/>
      <c r="U1892" s="12"/>
      <c r="V1892" s="12"/>
      <c r="W1892" s="12"/>
      <c r="X1892" s="12"/>
      <c r="Y1892" s="12"/>
      <c r="Z1892" s="12"/>
      <c r="AA1892" s="12"/>
      <c r="AB1892" s="12"/>
      <c r="AC1892" s="12"/>
      <c r="AD1892" s="12"/>
      <c r="AE1892" s="12"/>
      <c r="AF1892" s="12"/>
      <c r="AG1892" s="12"/>
      <c r="AH1892" s="12"/>
      <c r="AI1892" s="12"/>
    </row>
    <row r="1893" spans="1:35" s="5" customFormat="1" ht="27.75" customHeight="1" x14ac:dyDescent="0.4">
      <c r="A1893" s="9" t="s">
        <v>3503</v>
      </c>
      <c r="B1893" s="9" t="s">
        <v>3748</v>
      </c>
      <c r="C1893" s="9" t="s">
        <v>343</v>
      </c>
      <c r="D1893" s="18">
        <v>1441901362</v>
      </c>
      <c r="E1893" s="11">
        <v>46507</v>
      </c>
      <c r="F1893" s="9" t="s">
        <v>9</v>
      </c>
      <c r="G1893" s="12">
        <v>1891</v>
      </c>
      <c r="H1893" s="12">
        <f t="shared" si="58"/>
        <v>12</v>
      </c>
      <c r="I1893" s="12">
        <f t="shared" si="59"/>
        <v>10</v>
      </c>
      <c r="J1893" s="12"/>
      <c r="K1893" s="12"/>
      <c r="L1893" s="12"/>
      <c r="M1893" s="12"/>
      <c r="N1893" s="12"/>
      <c r="O1893" s="12"/>
      <c r="P1893" s="12"/>
      <c r="Q1893" s="12"/>
      <c r="R1893" s="12"/>
      <c r="S1893" s="12"/>
      <c r="T1893" s="12"/>
      <c r="U1893" s="12"/>
      <c r="V1893" s="12"/>
      <c r="W1893" s="12"/>
      <c r="X1893" s="12"/>
      <c r="Y1893" s="12"/>
      <c r="Z1893" s="12"/>
      <c r="AA1893" s="12"/>
      <c r="AB1893" s="12"/>
      <c r="AC1893" s="12"/>
      <c r="AD1893" s="12"/>
      <c r="AE1893" s="12"/>
      <c r="AF1893" s="12"/>
      <c r="AG1893" s="12"/>
      <c r="AH1893" s="12"/>
      <c r="AI1893" s="12"/>
    </row>
    <row r="1894" spans="1:35" s="5" customFormat="1" ht="27.75" customHeight="1" x14ac:dyDescent="0.4">
      <c r="A1894" s="9" t="s">
        <v>3503</v>
      </c>
      <c r="B1894" s="13" t="s">
        <v>3749</v>
      </c>
      <c r="C1894" s="13" t="s">
        <v>3750</v>
      </c>
      <c r="D1894" s="18">
        <v>1441940949</v>
      </c>
      <c r="E1894" s="11">
        <v>46752</v>
      </c>
      <c r="F1894" s="9" t="s">
        <v>9</v>
      </c>
      <c r="G1894" s="5">
        <v>1892</v>
      </c>
      <c r="H1894" s="12">
        <f t="shared" si="58"/>
        <v>12</v>
      </c>
      <c r="I1894" s="12">
        <f t="shared" si="59"/>
        <v>14</v>
      </c>
      <c r="J1894" s="12"/>
      <c r="K1894" s="12"/>
      <c r="L1894" s="12"/>
      <c r="M1894" s="12"/>
      <c r="N1894" s="12"/>
      <c r="O1894" s="12"/>
      <c r="P1894" s="12"/>
      <c r="Q1894" s="12"/>
      <c r="R1894" s="12"/>
      <c r="S1894" s="12"/>
      <c r="T1894" s="12"/>
      <c r="U1894" s="12"/>
      <c r="V1894" s="12"/>
      <c r="W1894" s="12"/>
      <c r="X1894" s="12"/>
      <c r="Y1894" s="12"/>
      <c r="Z1894" s="12"/>
      <c r="AA1894" s="12"/>
      <c r="AB1894" s="12"/>
      <c r="AC1894" s="12"/>
      <c r="AD1894" s="12"/>
      <c r="AE1894" s="12"/>
      <c r="AF1894" s="12"/>
      <c r="AG1894" s="12"/>
      <c r="AH1894" s="12"/>
      <c r="AI1894" s="12"/>
    </row>
    <row r="1895" spans="1:35" s="5" customFormat="1" ht="27.75" customHeight="1" x14ac:dyDescent="0.4">
      <c r="A1895" s="9" t="s">
        <v>3503</v>
      </c>
      <c r="B1895" s="9" t="s">
        <v>3751</v>
      </c>
      <c r="C1895" s="9" t="s">
        <v>3752</v>
      </c>
      <c r="D1895" s="18">
        <v>1441940659</v>
      </c>
      <c r="E1895" s="11">
        <v>47938</v>
      </c>
      <c r="F1895" s="9" t="s">
        <v>9</v>
      </c>
      <c r="G1895" s="12">
        <v>1893</v>
      </c>
      <c r="H1895" s="12">
        <f t="shared" si="58"/>
        <v>11</v>
      </c>
      <c r="I1895" s="12">
        <f t="shared" si="59"/>
        <v>7</v>
      </c>
      <c r="J1895" s="12"/>
      <c r="K1895" s="12"/>
      <c r="L1895" s="12"/>
      <c r="M1895" s="12"/>
      <c r="N1895" s="12"/>
      <c r="O1895" s="12"/>
      <c r="P1895" s="12"/>
      <c r="Q1895" s="12"/>
      <c r="R1895" s="12"/>
      <c r="S1895" s="12"/>
      <c r="T1895" s="12"/>
      <c r="U1895" s="12"/>
      <c r="V1895" s="12"/>
      <c r="W1895" s="12"/>
      <c r="X1895" s="12"/>
      <c r="Y1895" s="12"/>
      <c r="Z1895" s="12"/>
      <c r="AA1895" s="12"/>
      <c r="AB1895" s="12"/>
      <c r="AC1895" s="12"/>
      <c r="AD1895" s="12"/>
      <c r="AE1895" s="12"/>
      <c r="AF1895" s="12"/>
      <c r="AG1895" s="12"/>
      <c r="AH1895" s="12"/>
      <c r="AI1895" s="12"/>
    </row>
    <row r="1896" spans="1:35" s="5" customFormat="1" ht="27.75" customHeight="1" x14ac:dyDescent="0.4">
      <c r="A1896" s="9" t="s">
        <v>3503</v>
      </c>
      <c r="B1896" s="9" t="s">
        <v>3753</v>
      </c>
      <c r="C1896" s="9" t="s">
        <v>3754</v>
      </c>
      <c r="D1896" s="18">
        <v>1441900711</v>
      </c>
      <c r="E1896" s="11">
        <v>46387</v>
      </c>
      <c r="F1896" s="9" t="s">
        <v>9</v>
      </c>
      <c r="G1896" s="5">
        <v>1894</v>
      </c>
      <c r="H1896" s="12">
        <f t="shared" si="58"/>
        <v>11</v>
      </c>
      <c r="I1896" s="12">
        <f t="shared" si="59"/>
        <v>12</v>
      </c>
    </row>
    <row r="1897" spans="1:35" s="5" customFormat="1" ht="27.75" customHeight="1" x14ac:dyDescent="0.4">
      <c r="A1897" s="15" t="s">
        <v>3503</v>
      </c>
      <c r="B1897" s="15" t="s">
        <v>3755</v>
      </c>
      <c r="C1897" s="15" t="s">
        <v>3756</v>
      </c>
      <c r="D1897" s="21">
        <v>1441940774</v>
      </c>
      <c r="E1897" s="11">
        <v>48244</v>
      </c>
      <c r="F1897" s="9" t="s">
        <v>9</v>
      </c>
      <c r="G1897" s="12">
        <v>1895</v>
      </c>
      <c r="H1897" s="12">
        <f t="shared" si="58"/>
        <v>12</v>
      </c>
      <c r="I1897" s="12">
        <f t="shared" si="59"/>
        <v>13</v>
      </c>
      <c r="J1897" s="12"/>
      <c r="K1897" s="12"/>
      <c r="L1897" s="12"/>
      <c r="M1897" s="12"/>
      <c r="N1897" s="12"/>
      <c r="O1897" s="12"/>
      <c r="P1897" s="12"/>
      <c r="Q1897" s="12"/>
      <c r="R1897" s="12"/>
      <c r="S1897" s="12"/>
      <c r="T1897" s="12"/>
      <c r="U1897" s="12"/>
      <c r="V1897" s="12"/>
      <c r="W1897" s="12"/>
      <c r="X1897" s="12"/>
      <c r="Y1897" s="12"/>
      <c r="Z1897" s="12"/>
      <c r="AA1897" s="12"/>
      <c r="AB1897" s="12"/>
      <c r="AC1897" s="12"/>
      <c r="AD1897" s="12"/>
      <c r="AE1897" s="12"/>
      <c r="AF1897" s="12"/>
      <c r="AG1897" s="12"/>
      <c r="AH1897" s="12"/>
      <c r="AI1897" s="12"/>
    </row>
    <row r="1898" spans="1:35" s="5" customFormat="1" ht="27.75" customHeight="1" x14ac:dyDescent="0.4">
      <c r="A1898" s="9" t="s">
        <v>3503</v>
      </c>
      <c r="B1898" s="9" t="s">
        <v>3757</v>
      </c>
      <c r="C1898" s="9" t="s">
        <v>3758</v>
      </c>
      <c r="D1898" s="18">
        <v>1441982917</v>
      </c>
      <c r="E1898" s="11">
        <v>46387</v>
      </c>
      <c r="F1898" s="9" t="s">
        <v>9</v>
      </c>
      <c r="G1898" s="5">
        <v>1896</v>
      </c>
      <c r="H1898" s="12">
        <f t="shared" si="58"/>
        <v>14</v>
      </c>
      <c r="I1898" s="12">
        <f t="shared" si="59"/>
        <v>8</v>
      </c>
      <c r="J1898" s="12"/>
      <c r="K1898" s="12"/>
      <c r="L1898" s="12"/>
      <c r="M1898" s="12"/>
      <c r="N1898" s="12"/>
      <c r="O1898" s="12"/>
      <c r="P1898" s="12"/>
      <c r="Q1898" s="12"/>
      <c r="R1898" s="12"/>
      <c r="S1898" s="12"/>
      <c r="T1898" s="12"/>
      <c r="U1898" s="12"/>
      <c r="V1898" s="12"/>
      <c r="W1898" s="12"/>
      <c r="X1898" s="12"/>
      <c r="Y1898" s="12"/>
      <c r="Z1898" s="12"/>
      <c r="AA1898" s="12"/>
      <c r="AB1898" s="12"/>
      <c r="AC1898" s="12"/>
      <c r="AD1898" s="12"/>
      <c r="AE1898" s="12"/>
      <c r="AF1898" s="12"/>
      <c r="AG1898" s="12"/>
      <c r="AH1898" s="12"/>
      <c r="AI1898" s="12"/>
    </row>
    <row r="1899" spans="1:35" s="5" customFormat="1" ht="27.75" customHeight="1" x14ac:dyDescent="0.4">
      <c r="A1899" s="13" t="s">
        <v>3503</v>
      </c>
      <c r="B1899" s="9" t="s">
        <v>3759</v>
      </c>
      <c r="C1899" s="9" t="s">
        <v>3760</v>
      </c>
      <c r="D1899" s="18">
        <v>1441983964</v>
      </c>
      <c r="E1899" s="11">
        <v>46387</v>
      </c>
      <c r="F1899" s="9" t="s">
        <v>9</v>
      </c>
      <c r="G1899" s="12">
        <v>1897</v>
      </c>
      <c r="H1899" s="12">
        <f t="shared" si="58"/>
        <v>21</v>
      </c>
      <c r="I1899" s="12">
        <f t="shared" si="59"/>
        <v>8</v>
      </c>
      <c r="J1899" s="12"/>
      <c r="K1899" s="12"/>
      <c r="L1899" s="12"/>
      <c r="M1899" s="12"/>
      <c r="N1899" s="12"/>
      <c r="O1899" s="12"/>
      <c r="P1899" s="12"/>
      <c r="Q1899" s="12"/>
      <c r="R1899" s="12"/>
      <c r="S1899" s="12"/>
      <c r="T1899" s="12"/>
      <c r="U1899" s="12"/>
      <c r="V1899" s="12"/>
      <c r="W1899" s="12"/>
      <c r="X1899" s="12"/>
      <c r="Y1899" s="12"/>
      <c r="Z1899" s="12"/>
      <c r="AA1899" s="12"/>
      <c r="AB1899" s="12"/>
      <c r="AC1899" s="12"/>
      <c r="AD1899" s="12"/>
      <c r="AE1899" s="12"/>
      <c r="AF1899" s="12"/>
      <c r="AG1899" s="12"/>
      <c r="AH1899" s="12"/>
      <c r="AI1899" s="12"/>
    </row>
    <row r="1900" spans="1:35" s="5" customFormat="1" ht="27.75" customHeight="1" x14ac:dyDescent="0.4">
      <c r="A1900" s="9" t="s">
        <v>3503</v>
      </c>
      <c r="B1900" s="14" t="s">
        <v>3761</v>
      </c>
      <c r="C1900" s="9" t="s">
        <v>3762</v>
      </c>
      <c r="D1900" s="18">
        <v>1441940956</v>
      </c>
      <c r="E1900" s="11">
        <v>46843</v>
      </c>
      <c r="F1900" s="9" t="s">
        <v>9</v>
      </c>
      <c r="G1900" s="5">
        <v>1898</v>
      </c>
      <c r="H1900" s="12">
        <f t="shared" si="58"/>
        <v>13</v>
      </c>
      <c r="I1900" s="12">
        <f t="shared" si="59"/>
        <v>14</v>
      </c>
      <c r="J1900" s="12"/>
      <c r="K1900" s="12"/>
      <c r="L1900" s="12"/>
      <c r="M1900" s="12"/>
      <c r="N1900" s="12"/>
      <c r="O1900" s="12"/>
      <c r="P1900" s="12"/>
      <c r="Q1900" s="12"/>
      <c r="R1900" s="12"/>
      <c r="S1900" s="12"/>
      <c r="T1900" s="12"/>
      <c r="U1900" s="12"/>
      <c r="V1900" s="12"/>
      <c r="W1900" s="12"/>
      <c r="X1900" s="12"/>
      <c r="Y1900" s="12"/>
      <c r="Z1900" s="12"/>
      <c r="AA1900" s="12"/>
      <c r="AB1900" s="12"/>
      <c r="AC1900" s="12"/>
      <c r="AD1900" s="12"/>
      <c r="AE1900" s="12"/>
      <c r="AF1900" s="12"/>
      <c r="AG1900" s="12"/>
      <c r="AH1900" s="12"/>
      <c r="AI1900" s="12"/>
    </row>
    <row r="1901" spans="1:35" s="5" customFormat="1" ht="27.75" customHeight="1" x14ac:dyDescent="0.4">
      <c r="A1901" s="9" t="s">
        <v>3503</v>
      </c>
      <c r="B1901" s="9" t="s">
        <v>3763</v>
      </c>
      <c r="C1901" s="9" t="s">
        <v>3764</v>
      </c>
      <c r="D1901" s="18">
        <v>1441982842</v>
      </c>
      <c r="E1901" s="11">
        <v>46387</v>
      </c>
      <c r="F1901" s="9" t="s">
        <v>9</v>
      </c>
      <c r="G1901" s="12">
        <v>1899</v>
      </c>
      <c r="H1901" s="12">
        <f t="shared" si="58"/>
        <v>12</v>
      </c>
      <c r="I1901" s="12">
        <f t="shared" si="59"/>
        <v>5</v>
      </c>
      <c r="J1901" s="12"/>
      <c r="K1901" s="12"/>
      <c r="L1901" s="12"/>
      <c r="M1901" s="12"/>
      <c r="N1901" s="12"/>
      <c r="O1901" s="12"/>
      <c r="P1901" s="12"/>
      <c r="Q1901" s="12"/>
      <c r="R1901" s="12"/>
      <c r="S1901" s="12"/>
      <c r="T1901" s="12"/>
      <c r="U1901" s="12"/>
      <c r="V1901" s="12"/>
      <c r="W1901" s="12"/>
      <c r="X1901" s="12"/>
      <c r="Y1901" s="12"/>
      <c r="Z1901" s="12"/>
      <c r="AA1901" s="12"/>
      <c r="AB1901" s="12"/>
      <c r="AC1901" s="12"/>
      <c r="AD1901" s="12"/>
      <c r="AE1901" s="12"/>
      <c r="AF1901" s="12"/>
      <c r="AG1901" s="12"/>
      <c r="AH1901" s="12"/>
      <c r="AI1901" s="12"/>
    </row>
    <row r="1902" spans="1:35" s="5" customFormat="1" ht="27.75" customHeight="1" x14ac:dyDescent="0.4">
      <c r="A1902" s="13" t="s">
        <v>3503</v>
      </c>
      <c r="B1902" s="13" t="s">
        <v>3765</v>
      </c>
      <c r="C1902" s="13" t="s">
        <v>3766</v>
      </c>
      <c r="D1902" s="18">
        <v>1441982990</v>
      </c>
      <c r="E1902" s="11">
        <v>46387</v>
      </c>
      <c r="F1902" s="9" t="s">
        <v>9</v>
      </c>
      <c r="G1902" s="5">
        <v>1900</v>
      </c>
      <c r="H1902" s="12">
        <f t="shared" si="58"/>
        <v>14</v>
      </c>
      <c r="I1902" s="12">
        <f t="shared" si="59"/>
        <v>10</v>
      </c>
      <c r="J1902" s="12"/>
      <c r="K1902" s="12"/>
      <c r="L1902" s="12"/>
      <c r="M1902" s="12"/>
      <c r="N1902" s="12"/>
      <c r="O1902" s="12"/>
      <c r="P1902" s="12"/>
      <c r="Q1902" s="12"/>
      <c r="R1902" s="12"/>
      <c r="S1902" s="12"/>
      <c r="T1902" s="12"/>
      <c r="U1902" s="12"/>
      <c r="V1902" s="12"/>
      <c r="W1902" s="12"/>
      <c r="X1902" s="12"/>
      <c r="Y1902" s="12"/>
      <c r="Z1902" s="12"/>
      <c r="AA1902" s="12"/>
      <c r="AB1902" s="12"/>
      <c r="AC1902" s="12"/>
      <c r="AD1902" s="12"/>
      <c r="AE1902" s="12"/>
      <c r="AF1902" s="12"/>
      <c r="AG1902" s="12"/>
      <c r="AH1902" s="12"/>
      <c r="AI1902" s="12"/>
    </row>
    <row r="1903" spans="1:35" s="24" customFormat="1" ht="27.75" customHeight="1" x14ac:dyDescent="0.4">
      <c r="A1903" s="9" t="s">
        <v>3503</v>
      </c>
      <c r="B1903" s="9" t="s">
        <v>3767</v>
      </c>
      <c r="C1903" s="9" t="s">
        <v>3768</v>
      </c>
      <c r="D1903" s="18">
        <v>1441983808</v>
      </c>
      <c r="E1903" s="11">
        <v>46387</v>
      </c>
      <c r="F1903" s="9" t="s">
        <v>9</v>
      </c>
      <c r="G1903" s="12">
        <v>1901</v>
      </c>
      <c r="H1903" s="12">
        <f t="shared" si="58"/>
        <v>13</v>
      </c>
      <c r="I1903" s="12">
        <f t="shared" si="59"/>
        <v>9</v>
      </c>
      <c r="J1903" s="12"/>
      <c r="K1903" s="12"/>
      <c r="L1903" s="12"/>
      <c r="M1903" s="12"/>
      <c r="N1903" s="12"/>
      <c r="O1903" s="12"/>
      <c r="P1903" s="12"/>
      <c r="Q1903" s="12"/>
      <c r="R1903" s="12"/>
      <c r="S1903" s="12"/>
      <c r="T1903" s="12"/>
      <c r="U1903" s="12"/>
      <c r="V1903" s="12"/>
      <c r="W1903" s="12"/>
      <c r="X1903" s="12"/>
      <c r="Y1903" s="12"/>
      <c r="Z1903" s="12"/>
      <c r="AA1903" s="12"/>
      <c r="AB1903" s="12"/>
      <c r="AC1903" s="12"/>
      <c r="AD1903" s="12"/>
      <c r="AE1903" s="12"/>
      <c r="AF1903" s="12"/>
      <c r="AG1903" s="12"/>
      <c r="AH1903" s="12"/>
      <c r="AI1903" s="12"/>
    </row>
    <row r="1904" spans="1:35" s="5" customFormat="1" ht="27.75" customHeight="1" x14ac:dyDescent="0.4">
      <c r="A1904" s="13" t="s">
        <v>3503</v>
      </c>
      <c r="B1904" s="13" t="s">
        <v>3769</v>
      </c>
      <c r="C1904" s="13" t="s">
        <v>3770</v>
      </c>
      <c r="D1904" s="18">
        <v>1441940477</v>
      </c>
      <c r="E1904" s="11">
        <v>47452</v>
      </c>
      <c r="F1904" s="9" t="s">
        <v>9</v>
      </c>
      <c r="G1904" s="5">
        <v>1902</v>
      </c>
      <c r="H1904" s="12">
        <f t="shared" si="58"/>
        <v>13</v>
      </c>
      <c r="I1904" s="12">
        <f t="shared" si="59"/>
        <v>9</v>
      </c>
      <c r="J1904" s="12"/>
      <c r="K1904" s="12"/>
      <c r="L1904" s="12"/>
      <c r="M1904" s="12"/>
      <c r="N1904" s="12"/>
      <c r="O1904" s="12"/>
      <c r="P1904" s="12"/>
      <c r="Q1904" s="12"/>
      <c r="R1904" s="12"/>
      <c r="S1904" s="12"/>
      <c r="T1904" s="12"/>
      <c r="U1904" s="12"/>
      <c r="V1904" s="12"/>
      <c r="W1904" s="12"/>
      <c r="X1904" s="12"/>
      <c r="Y1904" s="12"/>
      <c r="Z1904" s="12"/>
      <c r="AA1904" s="12"/>
      <c r="AB1904" s="12"/>
      <c r="AC1904" s="12"/>
      <c r="AD1904" s="12"/>
      <c r="AE1904" s="12"/>
      <c r="AF1904" s="12"/>
      <c r="AG1904" s="12"/>
      <c r="AH1904" s="12"/>
      <c r="AI1904" s="12"/>
    </row>
    <row r="1905" spans="1:35" s="5" customFormat="1" ht="27.75" customHeight="1" x14ac:dyDescent="0.4">
      <c r="A1905" s="9" t="s">
        <v>3503</v>
      </c>
      <c r="B1905" s="9" t="s">
        <v>3771</v>
      </c>
      <c r="C1905" s="9" t="s">
        <v>3772</v>
      </c>
      <c r="D1905" s="18">
        <v>1441983717</v>
      </c>
      <c r="E1905" s="11">
        <v>46387</v>
      </c>
      <c r="F1905" s="9" t="s">
        <v>9</v>
      </c>
      <c r="G1905" s="12">
        <v>1903</v>
      </c>
      <c r="H1905" s="12">
        <f t="shared" si="58"/>
        <v>13</v>
      </c>
      <c r="I1905" s="12">
        <f t="shared" si="59"/>
        <v>13</v>
      </c>
      <c r="J1905" s="12"/>
      <c r="K1905" s="12"/>
      <c r="L1905" s="12"/>
      <c r="M1905" s="12"/>
      <c r="N1905" s="12"/>
      <c r="O1905" s="12"/>
      <c r="P1905" s="12"/>
      <c r="Q1905" s="12"/>
      <c r="R1905" s="12"/>
      <c r="S1905" s="12"/>
      <c r="T1905" s="12"/>
      <c r="U1905" s="12"/>
      <c r="V1905" s="12"/>
      <c r="W1905" s="12"/>
      <c r="X1905" s="12"/>
      <c r="Y1905" s="12"/>
      <c r="Z1905" s="12"/>
      <c r="AA1905" s="12"/>
      <c r="AB1905" s="12"/>
      <c r="AC1905" s="12"/>
      <c r="AD1905" s="12"/>
      <c r="AE1905" s="12"/>
      <c r="AF1905" s="12"/>
      <c r="AG1905" s="12"/>
      <c r="AH1905" s="12"/>
      <c r="AI1905" s="12"/>
    </row>
    <row r="1906" spans="1:35" s="5" customFormat="1" ht="27.75" customHeight="1" x14ac:dyDescent="0.4">
      <c r="A1906" s="9" t="s">
        <v>3503</v>
      </c>
      <c r="B1906" s="9" t="s">
        <v>3773</v>
      </c>
      <c r="C1906" s="9" t="s">
        <v>3774</v>
      </c>
      <c r="D1906" s="18">
        <v>1441984780</v>
      </c>
      <c r="E1906" s="11">
        <v>46387</v>
      </c>
      <c r="F1906" s="9" t="s">
        <v>9</v>
      </c>
      <c r="G1906" s="5">
        <v>1904</v>
      </c>
      <c r="H1906" s="12">
        <f t="shared" si="58"/>
        <v>12</v>
      </c>
      <c r="I1906" s="12">
        <f t="shared" si="59"/>
        <v>5</v>
      </c>
      <c r="J1906" s="12"/>
      <c r="K1906" s="12"/>
      <c r="L1906" s="12"/>
      <c r="M1906" s="12"/>
      <c r="N1906" s="12"/>
      <c r="O1906" s="12"/>
      <c r="P1906" s="12"/>
      <c r="Q1906" s="12"/>
      <c r="R1906" s="12"/>
      <c r="S1906" s="12"/>
      <c r="T1906" s="12"/>
      <c r="U1906" s="12"/>
      <c r="V1906" s="12"/>
      <c r="W1906" s="12"/>
      <c r="X1906" s="12"/>
      <c r="Y1906" s="12"/>
      <c r="Z1906" s="12"/>
      <c r="AA1906" s="12"/>
      <c r="AB1906" s="12"/>
      <c r="AC1906" s="12"/>
      <c r="AD1906" s="12"/>
      <c r="AE1906" s="12"/>
      <c r="AF1906" s="12"/>
      <c r="AG1906" s="12"/>
      <c r="AH1906" s="12"/>
      <c r="AI1906" s="12"/>
    </row>
    <row r="1907" spans="1:35" s="5" customFormat="1" ht="27.75" customHeight="1" x14ac:dyDescent="0.4">
      <c r="A1907" s="9" t="s">
        <v>3503</v>
      </c>
      <c r="B1907" s="9" t="s">
        <v>3775</v>
      </c>
      <c r="C1907" s="9" t="s">
        <v>3776</v>
      </c>
      <c r="D1907" s="18">
        <v>1441941236</v>
      </c>
      <c r="E1907" s="11">
        <v>47695</v>
      </c>
      <c r="F1907" s="9" t="s">
        <v>9</v>
      </c>
      <c r="G1907" s="12">
        <v>1905</v>
      </c>
      <c r="H1907" s="12">
        <f t="shared" si="58"/>
        <v>10</v>
      </c>
      <c r="I1907" s="12">
        <f t="shared" si="59"/>
        <v>12</v>
      </c>
      <c r="J1907" s="12"/>
      <c r="K1907" s="12"/>
      <c r="L1907" s="12"/>
      <c r="M1907" s="12"/>
      <c r="N1907" s="12"/>
      <c r="O1907" s="12"/>
      <c r="P1907" s="12"/>
      <c r="Q1907" s="12"/>
      <c r="R1907" s="12"/>
      <c r="S1907" s="12"/>
      <c r="T1907" s="12"/>
      <c r="U1907" s="12"/>
      <c r="V1907" s="12"/>
      <c r="W1907" s="12"/>
      <c r="X1907" s="12"/>
      <c r="Y1907" s="12"/>
      <c r="Z1907" s="12"/>
      <c r="AA1907" s="12"/>
      <c r="AB1907" s="12"/>
      <c r="AC1907" s="12"/>
      <c r="AD1907" s="12"/>
      <c r="AE1907" s="12"/>
      <c r="AF1907" s="12"/>
      <c r="AG1907" s="12"/>
      <c r="AH1907" s="12"/>
      <c r="AI1907" s="12"/>
    </row>
    <row r="1908" spans="1:35" s="5" customFormat="1" ht="27.75" customHeight="1" x14ac:dyDescent="0.4">
      <c r="A1908" s="9" t="s">
        <v>3503</v>
      </c>
      <c r="B1908" s="9" t="s">
        <v>3777</v>
      </c>
      <c r="C1908" s="9" t="s">
        <v>3778</v>
      </c>
      <c r="D1908" s="18">
        <v>1441982784</v>
      </c>
      <c r="E1908" s="11">
        <v>46387</v>
      </c>
      <c r="F1908" s="9" t="s">
        <v>9</v>
      </c>
      <c r="G1908" s="5">
        <v>1906</v>
      </c>
      <c r="H1908" s="12">
        <f t="shared" si="58"/>
        <v>10</v>
      </c>
      <c r="I1908" s="12">
        <f t="shared" si="59"/>
        <v>12</v>
      </c>
      <c r="J1908" s="12"/>
      <c r="K1908" s="12"/>
      <c r="L1908" s="12"/>
      <c r="M1908" s="12"/>
      <c r="N1908" s="12"/>
      <c r="O1908" s="12"/>
      <c r="P1908" s="12"/>
      <c r="Q1908" s="12"/>
      <c r="R1908" s="12"/>
      <c r="S1908" s="12"/>
      <c r="T1908" s="12"/>
      <c r="U1908" s="12"/>
      <c r="V1908" s="12"/>
      <c r="W1908" s="12"/>
      <c r="X1908" s="12"/>
      <c r="Y1908" s="12"/>
      <c r="Z1908" s="12"/>
      <c r="AA1908" s="12"/>
      <c r="AB1908" s="12"/>
      <c r="AC1908" s="12"/>
      <c r="AD1908" s="12"/>
      <c r="AE1908" s="12"/>
      <c r="AF1908" s="12"/>
      <c r="AG1908" s="12"/>
      <c r="AH1908" s="12"/>
      <c r="AI1908" s="12"/>
    </row>
    <row r="1909" spans="1:35" s="5" customFormat="1" ht="27.75" customHeight="1" x14ac:dyDescent="0.4">
      <c r="A1909" s="9" t="s">
        <v>3503</v>
      </c>
      <c r="B1909" s="9" t="s">
        <v>3779</v>
      </c>
      <c r="C1909" s="9" t="s">
        <v>3780</v>
      </c>
      <c r="D1909" s="18">
        <v>1441900281</v>
      </c>
      <c r="E1909" s="11">
        <v>46387</v>
      </c>
      <c r="F1909" s="9" t="s">
        <v>9</v>
      </c>
      <c r="G1909" s="12">
        <v>1907</v>
      </c>
      <c r="H1909" s="12">
        <f t="shared" si="58"/>
        <v>12</v>
      </c>
      <c r="I1909" s="12">
        <f t="shared" si="59"/>
        <v>9</v>
      </c>
      <c r="J1909" s="12"/>
      <c r="K1909" s="12"/>
      <c r="L1909" s="12"/>
      <c r="M1909" s="12"/>
      <c r="N1909" s="12"/>
      <c r="O1909" s="12"/>
      <c r="P1909" s="12"/>
      <c r="Q1909" s="12"/>
      <c r="R1909" s="12"/>
      <c r="S1909" s="12"/>
      <c r="T1909" s="12"/>
      <c r="U1909" s="12"/>
      <c r="V1909" s="12"/>
      <c r="W1909" s="12"/>
      <c r="X1909" s="12"/>
      <c r="Y1909" s="12"/>
      <c r="Z1909" s="12"/>
      <c r="AA1909" s="12"/>
      <c r="AB1909" s="12"/>
      <c r="AC1909" s="12"/>
      <c r="AD1909" s="12"/>
      <c r="AE1909" s="12"/>
      <c r="AF1909" s="12"/>
      <c r="AG1909" s="12"/>
      <c r="AH1909" s="12"/>
      <c r="AI1909" s="12"/>
    </row>
    <row r="1910" spans="1:35" s="5" customFormat="1" ht="27.75" customHeight="1" x14ac:dyDescent="0.4">
      <c r="A1910" s="9" t="s">
        <v>3503</v>
      </c>
      <c r="B1910" s="9" t="s">
        <v>3781</v>
      </c>
      <c r="C1910" s="9" t="s">
        <v>3782</v>
      </c>
      <c r="D1910" s="18">
        <v>1441902584</v>
      </c>
      <c r="E1910" s="11">
        <v>46387</v>
      </c>
      <c r="F1910" s="9" t="s">
        <v>9</v>
      </c>
      <c r="G1910" s="5">
        <v>1908</v>
      </c>
      <c r="H1910" s="12">
        <f t="shared" si="58"/>
        <v>14</v>
      </c>
      <c r="I1910" s="12">
        <f t="shared" si="59"/>
        <v>9</v>
      </c>
      <c r="J1910" s="12"/>
      <c r="K1910" s="12"/>
      <c r="L1910" s="12"/>
      <c r="M1910" s="12"/>
      <c r="N1910" s="12"/>
      <c r="O1910" s="12"/>
      <c r="P1910" s="12"/>
      <c r="Q1910" s="12"/>
      <c r="R1910" s="12"/>
      <c r="S1910" s="12"/>
      <c r="T1910" s="12"/>
      <c r="U1910" s="12"/>
      <c r="V1910" s="12"/>
      <c r="W1910" s="12"/>
      <c r="X1910" s="12"/>
      <c r="Y1910" s="12"/>
      <c r="Z1910" s="12"/>
      <c r="AA1910" s="12"/>
      <c r="AB1910" s="12"/>
      <c r="AC1910" s="12"/>
      <c r="AD1910" s="12"/>
      <c r="AE1910" s="12"/>
      <c r="AF1910" s="12"/>
      <c r="AG1910" s="12"/>
      <c r="AH1910" s="12"/>
      <c r="AI1910" s="12"/>
    </row>
    <row r="1911" spans="1:35" s="5" customFormat="1" ht="27.75" customHeight="1" x14ac:dyDescent="0.4">
      <c r="A1911" s="13" t="s">
        <v>3503</v>
      </c>
      <c r="B1911" s="9" t="s">
        <v>3783</v>
      </c>
      <c r="C1911" s="9" t="s">
        <v>3784</v>
      </c>
      <c r="D1911" s="18">
        <v>1441983436</v>
      </c>
      <c r="E1911" s="11">
        <v>46387</v>
      </c>
      <c r="F1911" s="9" t="s">
        <v>9</v>
      </c>
      <c r="G1911" s="12">
        <v>1909</v>
      </c>
      <c r="H1911" s="12">
        <f t="shared" si="58"/>
        <v>14</v>
      </c>
      <c r="I1911" s="12">
        <f t="shared" si="59"/>
        <v>5</v>
      </c>
      <c r="J1911" s="12"/>
      <c r="K1911" s="12"/>
      <c r="L1911" s="12"/>
      <c r="M1911" s="12"/>
      <c r="N1911" s="12"/>
      <c r="O1911" s="12"/>
      <c r="P1911" s="12"/>
      <c r="Q1911" s="12"/>
      <c r="R1911" s="12"/>
      <c r="S1911" s="12"/>
      <c r="T1911" s="12"/>
      <c r="U1911" s="12"/>
      <c r="V1911" s="12"/>
      <c r="W1911" s="12"/>
      <c r="X1911" s="12"/>
      <c r="Y1911" s="12"/>
      <c r="Z1911" s="12"/>
      <c r="AA1911" s="12"/>
      <c r="AB1911" s="12"/>
      <c r="AC1911" s="12"/>
      <c r="AD1911" s="12"/>
      <c r="AE1911" s="12"/>
      <c r="AF1911" s="12"/>
      <c r="AG1911" s="12"/>
      <c r="AH1911" s="12"/>
      <c r="AI1911" s="12"/>
    </row>
    <row r="1912" spans="1:35" s="5" customFormat="1" ht="27.75" customHeight="1" x14ac:dyDescent="0.4">
      <c r="A1912" s="9" t="s">
        <v>3503</v>
      </c>
      <c r="B1912" s="9" t="s">
        <v>3785</v>
      </c>
      <c r="C1912" s="9" t="s">
        <v>3786</v>
      </c>
      <c r="D1912" s="18">
        <v>1441983071</v>
      </c>
      <c r="E1912" s="11">
        <v>46387</v>
      </c>
      <c r="F1912" s="9" t="s">
        <v>9</v>
      </c>
      <c r="G1912" s="5">
        <v>1910</v>
      </c>
      <c r="H1912" s="12">
        <f t="shared" si="58"/>
        <v>14</v>
      </c>
      <c r="I1912" s="12">
        <f t="shared" si="59"/>
        <v>7</v>
      </c>
      <c r="J1912" s="12"/>
      <c r="K1912" s="12"/>
      <c r="L1912" s="12"/>
      <c r="M1912" s="12"/>
      <c r="N1912" s="12"/>
      <c r="O1912" s="12"/>
      <c r="P1912" s="12"/>
      <c r="Q1912" s="12"/>
      <c r="R1912" s="12"/>
      <c r="S1912" s="12"/>
      <c r="T1912" s="12"/>
      <c r="U1912" s="12"/>
      <c r="V1912" s="12"/>
      <c r="W1912" s="12"/>
      <c r="X1912" s="12"/>
      <c r="Y1912" s="12"/>
      <c r="Z1912" s="12"/>
      <c r="AA1912" s="12"/>
      <c r="AB1912" s="12"/>
      <c r="AC1912" s="12"/>
      <c r="AD1912" s="12"/>
      <c r="AE1912" s="12"/>
      <c r="AF1912" s="12"/>
      <c r="AG1912" s="12"/>
      <c r="AH1912" s="12"/>
      <c r="AI1912" s="12"/>
    </row>
    <row r="1913" spans="1:35" s="5" customFormat="1" ht="27.75" customHeight="1" x14ac:dyDescent="0.4">
      <c r="A1913" s="13" t="s">
        <v>3503</v>
      </c>
      <c r="B1913" s="9" t="s">
        <v>3787</v>
      </c>
      <c r="C1913" s="9" t="s">
        <v>3788</v>
      </c>
      <c r="D1913" s="18">
        <v>1441984442</v>
      </c>
      <c r="E1913" s="11">
        <v>46387</v>
      </c>
      <c r="F1913" s="9" t="s">
        <v>9</v>
      </c>
      <c r="G1913" s="12">
        <v>1911</v>
      </c>
      <c r="H1913" s="12">
        <f t="shared" si="58"/>
        <v>24</v>
      </c>
      <c r="I1913" s="12">
        <f t="shared" si="59"/>
        <v>9</v>
      </c>
      <c r="J1913" s="12"/>
      <c r="K1913" s="12"/>
      <c r="L1913" s="12"/>
      <c r="M1913" s="12"/>
      <c r="N1913" s="12"/>
      <c r="O1913" s="12"/>
      <c r="P1913" s="12"/>
      <c r="Q1913" s="12"/>
      <c r="R1913" s="12"/>
      <c r="S1913" s="12"/>
      <c r="T1913" s="12"/>
      <c r="U1913" s="12"/>
      <c r="V1913" s="12"/>
      <c r="W1913" s="12"/>
      <c r="X1913" s="12"/>
      <c r="Y1913" s="12"/>
      <c r="Z1913" s="12"/>
      <c r="AA1913" s="12"/>
      <c r="AB1913" s="12"/>
      <c r="AC1913" s="12"/>
      <c r="AD1913" s="12"/>
      <c r="AE1913" s="12"/>
      <c r="AF1913" s="12"/>
      <c r="AG1913" s="12"/>
      <c r="AH1913" s="12"/>
      <c r="AI1913" s="12"/>
    </row>
    <row r="1914" spans="1:35" s="5" customFormat="1" ht="27.75" customHeight="1" x14ac:dyDescent="0.4">
      <c r="A1914" s="29" t="s">
        <v>3503</v>
      </c>
      <c r="B1914" s="16" t="s">
        <v>3789</v>
      </c>
      <c r="C1914" s="16" t="s">
        <v>3790</v>
      </c>
      <c r="D1914" s="10">
        <v>1441902378</v>
      </c>
      <c r="E1914" s="11">
        <v>46387</v>
      </c>
      <c r="F1914" s="9" t="s">
        <v>9</v>
      </c>
      <c r="G1914" s="5">
        <v>1912</v>
      </c>
      <c r="H1914" s="12">
        <f t="shared" si="58"/>
        <v>15</v>
      </c>
      <c r="I1914" s="12">
        <f t="shared" si="59"/>
        <v>13</v>
      </c>
      <c r="J1914" s="12"/>
      <c r="K1914" s="12"/>
      <c r="L1914" s="12"/>
      <c r="M1914" s="12"/>
      <c r="N1914" s="12"/>
      <c r="O1914" s="12"/>
      <c r="P1914" s="12"/>
      <c r="Q1914" s="12"/>
      <c r="R1914" s="12"/>
      <c r="S1914" s="12"/>
      <c r="T1914" s="12"/>
      <c r="U1914" s="12"/>
      <c r="V1914" s="12"/>
      <c r="W1914" s="12"/>
      <c r="X1914" s="12"/>
      <c r="Y1914" s="12"/>
      <c r="Z1914" s="12"/>
      <c r="AA1914" s="12"/>
      <c r="AB1914" s="12"/>
      <c r="AC1914" s="12"/>
      <c r="AD1914" s="12"/>
      <c r="AE1914" s="12"/>
      <c r="AF1914" s="12"/>
      <c r="AG1914" s="12"/>
      <c r="AH1914" s="12"/>
      <c r="AI1914" s="12"/>
    </row>
    <row r="1915" spans="1:35" s="5" customFormat="1" ht="27.75" customHeight="1" x14ac:dyDescent="0.4">
      <c r="A1915" s="9" t="s">
        <v>3503</v>
      </c>
      <c r="B1915" s="13" t="s">
        <v>3791</v>
      </c>
      <c r="C1915" s="13" t="s">
        <v>3792</v>
      </c>
      <c r="D1915" s="18">
        <v>1441940964</v>
      </c>
      <c r="E1915" s="11">
        <v>46812</v>
      </c>
      <c r="F1915" s="9" t="s">
        <v>9</v>
      </c>
      <c r="G1915" s="12">
        <v>1913</v>
      </c>
      <c r="H1915" s="12">
        <f t="shared" si="58"/>
        <v>12</v>
      </c>
      <c r="I1915" s="12">
        <f t="shared" si="59"/>
        <v>8</v>
      </c>
      <c r="J1915" s="12"/>
      <c r="K1915" s="12"/>
      <c r="L1915" s="12"/>
      <c r="M1915" s="12"/>
      <c r="N1915" s="12"/>
      <c r="O1915" s="12"/>
      <c r="P1915" s="12"/>
      <c r="Q1915" s="12"/>
      <c r="R1915" s="12"/>
      <c r="S1915" s="12"/>
      <c r="T1915" s="12"/>
      <c r="U1915" s="12"/>
      <c r="V1915" s="12"/>
      <c r="W1915" s="12"/>
      <c r="X1915" s="12"/>
      <c r="Y1915" s="12"/>
      <c r="Z1915" s="12"/>
      <c r="AA1915" s="12"/>
      <c r="AB1915" s="12"/>
      <c r="AC1915" s="12"/>
      <c r="AD1915" s="12"/>
      <c r="AE1915" s="12"/>
      <c r="AF1915" s="12"/>
      <c r="AG1915" s="12"/>
      <c r="AH1915" s="12"/>
      <c r="AI1915" s="12"/>
    </row>
    <row r="1916" spans="1:35" s="5" customFormat="1" ht="27.75" customHeight="1" x14ac:dyDescent="0.4">
      <c r="A1916" s="9" t="s">
        <v>3503</v>
      </c>
      <c r="B1916" s="9" t="s">
        <v>3793</v>
      </c>
      <c r="C1916" s="9" t="s">
        <v>3794</v>
      </c>
      <c r="D1916" s="18">
        <v>1441941061</v>
      </c>
      <c r="E1916" s="11">
        <v>48304</v>
      </c>
      <c r="F1916" s="9" t="s">
        <v>9</v>
      </c>
      <c r="G1916" s="5">
        <v>1914</v>
      </c>
      <c r="H1916" s="12">
        <f t="shared" si="58"/>
        <v>11</v>
      </c>
      <c r="I1916" s="12">
        <f t="shared" si="59"/>
        <v>12</v>
      </c>
      <c r="J1916" s="12"/>
      <c r="K1916" s="12"/>
      <c r="L1916" s="12"/>
      <c r="M1916" s="12"/>
      <c r="N1916" s="12"/>
      <c r="O1916" s="12"/>
      <c r="P1916" s="12"/>
      <c r="Q1916" s="12"/>
      <c r="R1916" s="12"/>
      <c r="S1916" s="12"/>
      <c r="T1916" s="12"/>
      <c r="U1916" s="12"/>
      <c r="V1916" s="12"/>
      <c r="W1916" s="12"/>
      <c r="X1916" s="12"/>
      <c r="Y1916" s="12"/>
      <c r="Z1916" s="12"/>
      <c r="AA1916" s="12"/>
      <c r="AB1916" s="12"/>
      <c r="AC1916" s="12"/>
      <c r="AD1916" s="12"/>
      <c r="AE1916" s="12"/>
      <c r="AF1916" s="12"/>
      <c r="AG1916" s="12"/>
      <c r="AH1916" s="12"/>
      <c r="AI1916" s="12"/>
    </row>
    <row r="1917" spans="1:35" s="5" customFormat="1" ht="27.75" customHeight="1" x14ac:dyDescent="0.4">
      <c r="A1917" s="13" t="s">
        <v>3503</v>
      </c>
      <c r="B1917" s="13" t="s">
        <v>3795</v>
      </c>
      <c r="C1917" s="13" t="s">
        <v>3796</v>
      </c>
      <c r="D1917" s="18">
        <v>1441901164</v>
      </c>
      <c r="E1917" s="11">
        <v>46387</v>
      </c>
      <c r="F1917" s="9" t="s">
        <v>9</v>
      </c>
      <c r="G1917" s="12">
        <v>1915</v>
      </c>
      <c r="H1917" s="12">
        <f t="shared" si="58"/>
        <v>11</v>
      </c>
      <c r="I1917" s="12">
        <f t="shared" si="59"/>
        <v>11</v>
      </c>
      <c r="J1917" s="12"/>
      <c r="K1917" s="12"/>
      <c r="L1917" s="12"/>
      <c r="M1917" s="12"/>
      <c r="N1917" s="12"/>
      <c r="O1917" s="12"/>
      <c r="P1917" s="12"/>
      <c r="Q1917" s="12"/>
      <c r="R1917" s="12"/>
      <c r="S1917" s="12"/>
      <c r="T1917" s="12"/>
      <c r="U1917" s="12"/>
      <c r="V1917" s="12"/>
      <c r="W1917" s="12"/>
      <c r="X1917" s="12"/>
      <c r="Y1917" s="12"/>
      <c r="Z1917" s="12"/>
      <c r="AA1917" s="12"/>
      <c r="AB1917" s="12"/>
      <c r="AC1917" s="12"/>
      <c r="AD1917" s="12"/>
      <c r="AE1917" s="12"/>
      <c r="AF1917" s="12"/>
      <c r="AG1917" s="12"/>
      <c r="AH1917" s="12"/>
      <c r="AI1917" s="12"/>
    </row>
    <row r="1918" spans="1:35" s="5" customFormat="1" ht="27.75" customHeight="1" x14ac:dyDescent="0.4">
      <c r="A1918" s="13" t="s">
        <v>3503</v>
      </c>
      <c r="B1918" s="9" t="s">
        <v>3797</v>
      </c>
      <c r="C1918" s="9" t="s">
        <v>3798</v>
      </c>
      <c r="D1918" s="18">
        <v>1441983584</v>
      </c>
      <c r="E1918" s="11">
        <v>46387</v>
      </c>
      <c r="F1918" s="9" t="s">
        <v>9</v>
      </c>
      <c r="G1918" s="5">
        <v>1916</v>
      </c>
      <c r="H1918" s="12">
        <f t="shared" si="58"/>
        <v>26</v>
      </c>
      <c r="I1918" s="12">
        <f t="shared" si="59"/>
        <v>8</v>
      </c>
      <c r="J1918" s="12"/>
      <c r="K1918" s="12"/>
      <c r="L1918" s="12"/>
      <c r="M1918" s="12"/>
      <c r="N1918" s="12"/>
      <c r="O1918" s="12"/>
      <c r="P1918" s="12"/>
      <c r="Q1918" s="12"/>
      <c r="R1918" s="12"/>
      <c r="S1918" s="12"/>
      <c r="T1918" s="12"/>
      <c r="U1918" s="12"/>
      <c r="V1918" s="12"/>
      <c r="W1918" s="12"/>
      <c r="X1918" s="12"/>
      <c r="Y1918" s="12"/>
      <c r="Z1918" s="12"/>
      <c r="AA1918" s="12"/>
      <c r="AB1918" s="12"/>
      <c r="AC1918" s="12"/>
      <c r="AD1918" s="12"/>
      <c r="AE1918" s="12"/>
      <c r="AF1918" s="12"/>
      <c r="AG1918" s="12"/>
      <c r="AH1918" s="12"/>
      <c r="AI1918" s="12"/>
    </row>
    <row r="1919" spans="1:35" s="5" customFormat="1" ht="27.75" customHeight="1" x14ac:dyDescent="0.4">
      <c r="A1919" s="9" t="s">
        <v>3503</v>
      </c>
      <c r="B1919" s="9" t="s">
        <v>3799</v>
      </c>
      <c r="C1919" s="9" t="s">
        <v>3800</v>
      </c>
      <c r="D1919" s="18">
        <v>1441982941</v>
      </c>
      <c r="E1919" s="11">
        <v>46387</v>
      </c>
      <c r="F1919" s="9" t="s">
        <v>9</v>
      </c>
      <c r="G1919" s="12">
        <v>1917</v>
      </c>
      <c r="H1919" s="12">
        <f t="shared" si="58"/>
        <v>11</v>
      </c>
      <c r="I1919" s="12">
        <f t="shared" si="59"/>
        <v>5</v>
      </c>
      <c r="J1919" s="12"/>
      <c r="K1919" s="12"/>
      <c r="L1919" s="12"/>
      <c r="M1919" s="12"/>
      <c r="N1919" s="12"/>
      <c r="O1919" s="12"/>
      <c r="P1919" s="12"/>
      <c r="Q1919" s="12"/>
      <c r="R1919" s="12"/>
      <c r="S1919" s="12"/>
      <c r="T1919" s="12"/>
      <c r="U1919" s="12"/>
      <c r="V1919" s="12"/>
      <c r="W1919" s="12"/>
      <c r="X1919" s="12"/>
      <c r="Y1919" s="12"/>
      <c r="Z1919" s="12"/>
      <c r="AA1919" s="12"/>
      <c r="AB1919" s="12"/>
      <c r="AC1919" s="12"/>
      <c r="AD1919" s="12"/>
      <c r="AE1919" s="12"/>
      <c r="AF1919" s="12"/>
      <c r="AG1919" s="12"/>
      <c r="AH1919" s="12"/>
      <c r="AI1919" s="12"/>
    </row>
    <row r="1920" spans="1:35" s="5" customFormat="1" ht="27.75" customHeight="1" x14ac:dyDescent="0.4">
      <c r="A1920" s="9" t="s">
        <v>3503</v>
      </c>
      <c r="B1920" s="9" t="s">
        <v>3801</v>
      </c>
      <c r="C1920" s="9" t="s">
        <v>3802</v>
      </c>
      <c r="D1920" s="18">
        <v>1441941137</v>
      </c>
      <c r="E1920" s="11">
        <v>47634</v>
      </c>
      <c r="F1920" s="9" t="s">
        <v>9</v>
      </c>
      <c r="G1920" s="5">
        <v>1918</v>
      </c>
      <c r="H1920" s="12">
        <f t="shared" si="58"/>
        <v>14</v>
      </c>
      <c r="I1920" s="12">
        <f t="shared" si="59"/>
        <v>6</v>
      </c>
      <c r="J1920" s="12"/>
      <c r="K1920" s="12"/>
      <c r="L1920" s="12"/>
      <c r="M1920" s="12"/>
      <c r="N1920" s="12"/>
      <c r="O1920" s="12"/>
      <c r="P1920" s="12"/>
      <c r="Q1920" s="12"/>
      <c r="R1920" s="12"/>
      <c r="S1920" s="12"/>
      <c r="T1920" s="12"/>
      <c r="U1920" s="12"/>
      <c r="V1920" s="12"/>
      <c r="W1920" s="12"/>
      <c r="X1920" s="12"/>
      <c r="Y1920" s="12"/>
      <c r="Z1920" s="12"/>
      <c r="AA1920" s="12"/>
      <c r="AB1920" s="12"/>
      <c r="AC1920" s="12"/>
      <c r="AD1920" s="12"/>
      <c r="AE1920" s="12"/>
      <c r="AF1920" s="12"/>
      <c r="AG1920" s="12"/>
      <c r="AH1920" s="12"/>
      <c r="AI1920" s="12"/>
    </row>
    <row r="1921" spans="1:35" s="5" customFormat="1" ht="27.75" customHeight="1" x14ac:dyDescent="0.4">
      <c r="A1921" s="9" t="s">
        <v>3503</v>
      </c>
      <c r="B1921" s="9" t="s">
        <v>3803</v>
      </c>
      <c r="C1921" s="9" t="s">
        <v>3804</v>
      </c>
      <c r="D1921" s="18">
        <v>1441901545</v>
      </c>
      <c r="E1921" s="11">
        <v>46387</v>
      </c>
      <c r="F1921" s="9" t="s">
        <v>9</v>
      </c>
      <c r="G1921" s="12">
        <v>1919</v>
      </c>
      <c r="H1921" s="12">
        <f t="shared" si="58"/>
        <v>14</v>
      </c>
      <c r="I1921" s="12">
        <f t="shared" si="59"/>
        <v>5</v>
      </c>
      <c r="J1921" s="12"/>
      <c r="K1921" s="12"/>
      <c r="L1921" s="12"/>
      <c r="M1921" s="12"/>
      <c r="N1921" s="12"/>
      <c r="O1921" s="12"/>
      <c r="P1921" s="12"/>
      <c r="Q1921" s="12"/>
      <c r="R1921" s="12"/>
      <c r="S1921" s="12"/>
      <c r="T1921" s="12"/>
      <c r="U1921" s="12"/>
      <c r="V1921" s="12"/>
      <c r="W1921" s="12"/>
      <c r="X1921" s="12"/>
      <c r="Y1921" s="12"/>
      <c r="Z1921" s="12"/>
      <c r="AA1921" s="12"/>
      <c r="AB1921" s="12"/>
      <c r="AC1921" s="12"/>
      <c r="AD1921" s="12"/>
      <c r="AE1921" s="12"/>
      <c r="AF1921" s="12"/>
      <c r="AG1921" s="12"/>
      <c r="AH1921" s="12"/>
      <c r="AI1921" s="12"/>
    </row>
    <row r="1922" spans="1:35" s="5" customFormat="1" ht="27.75" customHeight="1" x14ac:dyDescent="0.4">
      <c r="A1922" s="9" t="s">
        <v>3503</v>
      </c>
      <c r="B1922" s="9" t="s">
        <v>3805</v>
      </c>
      <c r="C1922" s="9" t="s">
        <v>3806</v>
      </c>
      <c r="D1922" s="18">
        <v>1441983139</v>
      </c>
      <c r="E1922" s="11">
        <v>46387</v>
      </c>
      <c r="F1922" s="9" t="s">
        <v>9</v>
      </c>
      <c r="G1922" s="5">
        <v>1920</v>
      </c>
      <c r="H1922" s="12">
        <f t="shared" si="58"/>
        <v>14</v>
      </c>
      <c r="I1922" s="12">
        <f t="shared" si="59"/>
        <v>5</v>
      </c>
      <c r="J1922" s="12"/>
      <c r="K1922" s="12"/>
      <c r="L1922" s="12"/>
      <c r="M1922" s="12"/>
      <c r="N1922" s="12"/>
      <c r="O1922" s="12"/>
      <c r="P1922" s="12"/>
      <c r="Q1922" s="12"/>
      <c r="R1922" s="12"/>
      <c r="S1922" s="12"/>
      <c r="T1922" s="12"/>
      <c r="U1922" s="12"/>
      <c r="V1922" s="12"/>
      <c r="W1922" s="12"/>
      <c r="X1922" s="12"/>
      <c r="Y1922" s="12"/>
      <c r="Z1922" s="12"/>
      <c r="AA1922" s="12"/>
      <c r="AB1922" s="12"/>
      <c r="AC1922" s="12"/>
      <c r="AD1922" s="12"/>
      <c r="AE1922" s="12"/>
      <c r="AF1922" s="12"/>
      <c r="AG1922" s="12"/>
      <c r="AH1922" s="12"/>
      <c r="AI1922" s="12"/>
    </row>
    <row r="1923" spans="1:35" s="5" customFormat="1" ht="27.75" customHeight="1" x14ac:dyDescent="0.4">
      <c r="A1923" s="13" t="s">
        <v>3503</v>
      </c>
      <c r="B1923" s="9" t="s">
        <v>3807</v>
      </c>
      <c r="C1923" s="9" t="s">
        <v>3808</v>
      </c>
      <c r="D1923" s="18">
        <v>1441982875</v>
      </c>
      <c r="E1923" s="11">
        <v>46387</v>
      </c>
      <c r="F1923" s="9" t="s">
        <v>9</v>
      </c>
      <c r="G1923" s="12">
        <v>1921</v>
      </c>
      <c r="H1923" s="12">
        <f t="shared" si="58"/>
        <v>13</v>
      </c>
      <c r="I1923" s="12">
        <f t="shared" si="59"/>
        <v>4</v>
      </c>
      <c r="J1923" s="12"/>
      <c r="K1923" s="12"/>
      <c r="L1923" s="12"/>
      <c r="M1923" s="12"/>
      <c r="N1923" s="12"/>
      <c r="O1923" s="12"/>
      <c r="P1923" s="12"/>
      <c r="Q1923" s="12"/>
      <c r="R1923" s="12"/>
      <c r="S1923" s="12"/>
      <c r="T1923" s="12"/>
      <c r="U1923" s="12"/>
      <c r="V1923" s="12"/>
      <c r="W1923" s="12"/>
      <c r="X1923" s="12"/>
      <c r="Y1923" s="12"/>
      <c r="Z1923" s="12"/>
      <c r="AA1923" s="12"/>
      <c r="AB1923" s="12"/>
      <c r="AC1923" s="12"/>
      <c r="AD1923" s="12"/>
      <c r="AE1923" s="12"/>
      <c r="AF1923" s="12"/>
      <c r="AG1923" s="12"/>
      <c r="AH1923" s="12"/>
      <c r="AI1923" s="12"/>
    </row>
    <row r="1924" spans="1:35" s="5" customFormat="1" ht="27.75" customHeight="1" x14ac:dyDescent="0.4">
      <c r="A1924" s="13" t="s">
        <v>3503</v>
      </c>
      <c r="B1924" s="9" t="s">
        <v>3809</v>
      </c>
      <c r="C1924" s="9" t="s">
        <v>3810</v>
      </c>
      <c r="D1924" s="18">
        <v>1441940469</v>
      </c>
      <c r="E1924" s="11">
        <v>47149</v>
      </c>
      <c r="F1924" s="9" t="s">
        <v>9</v>
      </c>
      <c r="G1924" s="5">
        <v>1922</v>
      </c>
      <c r="H1924" s="12">
        <f t="shared" ref="H1924:H1987" si="60">LEN(C1924)</f>
        <v>13</v>
      </c>
      <c r="I1924" s="12">
        <f t="shared" ref="I1924:I1987" si="61">LEN(B1924)</f>
        <v>12</v>
      </c>
      <c r="J1924" s="12"/>
      <c r="K1924" s="12"/>
      <c r="L1924" s="12"/>
      <c r="M1924" s="12"/>
      <c r="N1924" s="12"/>
      <c r="O1924" s="12"/>
      <c r="P1924" s="12"/>
      <c r="Q1924" s="12"/>
      <c r="R1924" s="12"/>
      <c r="S1924" s="12"/>
      <c r="T1924" s="12"/>
      <c r="U1924" s="12"/>
      <c r="V1924" s="12"/>
      <c r="W1924" s="12"/>
      <c r="X1924" s="12"/>
      <c r="Y1924" s="12"/>
      <c r="Z1924" s="12"/>
      <c r="AA1924" s="12"/>
      <c r="AB1924" s="12"/>
      <c r="AC1924" s="12"/>
      <c r="AD1924" s="12"/>
      <c r="AE1924" s="12"/>
      <c r="AF1924" s="12"/>
      <c r="AG1924" s="12"/>
      <c r="AH1924" s="12"/>
      <c r="AI1924" s="12"/>
    </row>
    <row r="1925" spans="1:35" s="5" customFormat="1" ht="27.75" customHeight="1" x14ac:dyDescent="0.4">
      <c r="A1925" s="9" t="s">
        <v>3503</v>
      </c>
      <c r="B1925" s="9" t="s">
        <v>3811</v>
      </c>
      <c r="C1925" s="9" t="s">
        <v>3812</v>
      </c>
      <c r="D1925" s="18">
        <v>1441901479</v>
      </c>
      <c r="E1925" s="11">
        <v>46387</v>
      </c>
      <c r="F1925" s="9" t="s">
        <v>9</v>
      </c>
      <c r="G1925" s="12">
        <v>1923</v>
      </c>
      <c r="H1925" s="12">
        <f t="shared" si="60"/>
        <v>13</v>
      </c>
      <c r="I1925" s="12">
        <f t="shared" si="61"/>
        <v>6</v>
      </c>
      <c r="J1925" s="12"/>
      <c r="K1925" s="12"/>
      <c r="L1925" s="12"/>
      <c r="M1925" s="12"/>
      <c r="N1925" s="12"/>
      <c r="O1925" s="12"/>
      <c r="P1925" s="12"/>
      <c r="Q1925" s="12"/>
      <c r="R1925" s="12"/>
      <c r="S1925" s="12"/>
      <c r="T1925" s="12"/>
      <c r="U1925" s="12"/>
      <c r="V1925" s="12"/>
      <c r="W1925" s="12"/>
      <c r="X1925" s="12"/>
      <c r="Y1925" s="12"/>
      <c r="Z1925" s="12"/>
      <c r="AA1925" s="12"/>
      <c r="AB1925" s="12"/>
      <c r="AC1925" s="12"/>
      <c r="AD1925" s="12"/>
      <c r="AE1925" s="12"/>
      <c r="AF1925" s="12"/>
      <c r="AG1925" s="12"/>
      <c r="AH1925" s="12"/>
      <c r="AI1925" s="12"/>
    </row>
    <row r="1926" spans="1:35" s="5" customFormat="1" ht="27.75" customHeight="1" x14ac:dyDescent="0.4">
      <c r="A1926" s="13" t="s">
        <v>3503</v>
      </c>
      <c r="B1926" s="9" t="s">
        <v>3813</v>
      </c>
      <c r="C1926" s="9" t="s">
        <v>3814</v>
      </c>
      <c r="D1926" s="18">
        <v>1441984574</v>
      </c>
      <c r="E1926" s="11">
        <v>46387</v>
      </c>
      <c r="F1926" s="9" t="s">
        <v>9</v>
      </c>
      <c r="G1926" s="5">
        <v>1924</v>
      </c>
      <c r="H1926" s="12">
        <f t="shared" si="60"/>
        <v>13</v>
      </c>
      <c r="I1926" s="12">
        <f t="shared" si="61"/>
        <v>9</v>
      </c>
    </row>
    <row r="1927" spans="1:35" s="5" customFormat="1" ht="27.75" customHeight="1" x14ac:dyDescent="0.4">
      <c r="A1927" s="13" t="s">
        <v>3503</v>
      </c>
      <c r="B1927" s="13" t="s">
        <v>3815</v>
      </c>
      <c r="C1927" s="13" t="s">
        <v>3816</v>
      </c>
      <c r="D1927" s="26">
        <v>1441984624</v>
      </c>
      <c r="E1927" s="11">
        <v>46387</v>
      </c>
      <c r="F1927" s="9" t="s">
        <v>9</v>
      </c>
      <c r="G1927" s="12">
        <v>1925</v>
      </c>
      <c r="H1927" s="12">
        <f t="shared" si="60"/>
        <v>12</v>
      </c>
      <c r="I1927" s="12">
        <f t="shared" si="61"/>
        <v>11</v>
      </c>
    </row>
    <row r="1928" spans="1:35" s="5" customFormat="1" ht="27.75" customHeight="1" x14ac:dyDescent="0.4">
      <c r="A1928" s="13" t="s">
        <v>3503</v>
      </c>
      <c r="B1928" s="9" t="s">
        <v>3817</v>
      </c>
      <c r="C1928" s="9" t="s">
        <v>3818</v>
      </c>
      <c r="D1928" s="18">
        <v>1441902063</v>
      </c>
      <c r="E1928" s="11">
        <v>46387</v>
      </c>
      <c r="F1928" s="9" t="s">
        <v>9</v>
      </c>
      <c r="G1928" s="5">
        <v>1926</v>
      </c>
      <c r="H1928" s="12">
        <f t="shared" si="60"/>
        <v>11</v>
      </c>
      <c r="I1928" s="12">
        <f t="shared" si="61"/>
        <v>12</v>
      </c>
      <c r="J1928" s="12"/>
      <c r="K1928" s="12"/>
      <c r="L1928" s="12"/>
      <c r="M1928" s="12"/>
      <c r="N1928" s="12"/>
      <c r="O1928" s="12"/>
      <c r="P1928" s="12"/>
      <c r="Q1928" s="12"/>
      <c r="R1928" s="12"/>
      <c r="S1928" s="12"/>
      <c r="T1928" s="12"/>
      <c r="U1928" s="12"/>
      <c r="V1928" s="12"/>
      <c r="W1928" s="12"/>
      <c r="X1928" s="12"/>
      <c r="Y1928" s="12"/>
      <c r="Z1928" s="12"/>
      <c r="AA1928" s="12"/>
      <c r="AB1928" s="12"/>
      <c r="AC1928" s="12"/>
      <c r="AD1928" s="12"/>
      <c r="AE1928" s="12"/>
      <c r="AF1928" s="12"/>
      <c r="AG1928" s="12"/>
      <c r="AH1928" s="12"/>
      <c r="AI1928" s="12"/>
    </row>
    <row r="1929" spans="1:35" s="5" customFormat="1" ht="27.75" customHeight="1" x14ac:dyDescent="0.4">
      <c r="A1929" s="13" t="s">
        <v>3503</v>
      </c>
      <c r="B1929" s="9" t="s">
        <v>3819</v>
      </c>
      <c r="C1929" s="9" t="s">
        <v>3820</v>
      </c>
      <c r="D1929" s="18">
        <v>1441983113</v>
      </c>
      <c r="E1929" s="11">
        <v>46387</v>
      </c>
      <c r="F1929" s="9" t="s">
        <v>9</v>
      </c>
      <c r="G1929" s="12">
        <v>1927</v>
      </c>
      <c r="H1929" s="12">
        <f t="shared" si="60"/>
        <v>18</v>
      </c>
      <c r="I1929" s="12">
        <f t="shared" si="61"/>
        <v>15</v>
      </c>
      <c r="J1929" s="12"/>
      <c r="K1929" s="12"/>
      <c r="L1929" s="12"/>
      <c r="M1929" s="12"/>
      <c r="N1929" s="12"/>
      <c r="O1929" s="12"/>
      <c r="P1929" s="12"/>
      <c r="Q1929" s="12"/>
      <c r="R1929" s="12"/>
      <c r="S1929" s="12"/>
      <c r="T1929" s="12"/>
      <c r="U1929" s="12"/>
      <c r="V1929" s="12"/>
      <c r="W1929" s="12"/>
      <c r="X1929" s="12"/>
      <c r="Y1929" s="12"/>
      <c r="Z1929" s="12"/>
      <c r="AA1929" s="12"/>
      <c r="AB1929" s="12"/>
      <c r="AC1929" s="12"/>
      <c r="AD1929" s="12"/>
      <c r="AE1929" s="12"/>
      <c r="AF1929" s="12"/>
      <c r="AG1929" s="12"/>
      <c r="AH1929" s="12"/>
      <c r="AI1929" s="12"/>
    </row>
    <row r="1930" spans="1:35" s="5" customFormat="1" ht="27.75" customHeight="1" x14ac:dyDescent="0.4">
      <c r="A1930" s="9" t="s">
        <v>3503</v>
      </c>
      <c r="B1930" s="9" t="s">
        <v>3821</v>
      </c>
      <c r="C1930" s="9" t="s">
        <v>3822</v>
      </c>
      <c r="D1930" s="18">
        <v>1441984772</v>
      </c>
      <c r="E1930" s="11">
        <v>46387</v>
      </c>
      <c r="F1930" s="9" t="s">
        <v>9</v>
      </c>
      <c r="G1930" s="5">
        <v>1928</v>
      </c>
      <c r="H1930" s="12">
        <f t="shared" si="60"/>
        <v>20</v>
      </c>
      <c r="I1930" s="12">
        <f t="shared" si="61"/>
        <v>6</v>
      </c>
      <c r="J1930" s="12"/>
      <c r="K1930" s="12"/>
      <c r="L1930" s="12"/>
      <c r="M1930" s="12"/>
      <c r="N1930" s="12"/>
      <c r="O1930" s="12"/>
      <c r="P1930" s="12"/>
      <c r="Q1930" s="12"/>
      <c r="R1930" s="12"/>
      <c r="S1930" s="12"/>
      <c r="T1930" s="12"/>
      <c r="U1930" s="12"/>
      <c r="V1930" s="12"/>
      <c r="W1930" s="12"/>
      <c r="X1930" s="12"/>
      <c r="Y1930" s="12"/>
      <c r="Z1930" s="12"/>
      <c r="AA1930" s="12"/>
      <c r="AB1930" s="12"/>
      <c r="AC1930" s="12"/>
      <c r="AD1930" s="12"/>
      <c r="AE1930" s="12"/>
      <c r="AF1930" s="12"/>
      <c r="AG1930" s="12"/>
      <c r="AH1930" s="12"/>
      <c r="AI1930" s="12"/>
    </row>
    <row r="1931" spans="1:35" s="5" customFormat="1" ht="27.75" customHeight="1" x14ac:dyDescent="0.4">
      <c r="A1931" s="9" t="s">
        <v>3503</v>
      </c>
      <c r="B1931" s="9" t="s">
        <v>3823</v>
      </c>
      <c r="C1931" s="9" t="s">
        <v>3824</v>
      </c>
      <c r="D1931" s="18">
        <v>1441984541</v>
      </c>
      <c r="E1931" s="11">
        <v>46387</v>
      </c>
      <c r="F1931" s="9" t="s">
        <v>9</v>
      </c>
      <c r="G1931" s="12">
        <v>1929</v>
      </c>
      <c r="H1931" s="12">
        <f t="shared" si="60"/>
        <v>12</v>
      </c>
      <c r="I1931" s="12">
        <f t="shared" si="61"/>
        <v>12</v>
      </c>
      <c r="J1931" s="12"/>
      <c r="K1931" s="12"/>
      <c r="L1931" s="12"/>
      <c r="M1931" s="12"/>
      <c r="N1931" s="12"/>
      <c r="O1931" s="12"/>
      <c r="P1931" s="12"/>
      <c r="Q1931" s="12"/>
      <c r="R1931" s="12"/>
      <c r="S1931" s="12"/>
      <c r="T1931" s="12"/>
      <c r="U1931" s="12"/>
      <c r="V1931" s="12"/>
      <c r="W1931" s="12"/>
      <c r="X1931" s="12"/>
      <c r="Y1931" s="12"/>
      <c r="Z1931" s="12"/>
      <c r="AA1931" s="12"/>
      <c r="AB1931" s="12"/>
      <c r="AC1931" s="12"/>
      <c r="AD1931" s="12"/>
      <c r="AE1931" s="12"/>
      <c r="AF1931" s="12"/>
      <c r="AG1931" s="12"/>
      <c r="AH1931" s="12"/>
      <c r="AI1931" s="12"/>
    </row>
    <row r="1932" spans="1:35" s="5" customFormat="1" ht="27.75" customHeight="1" x14ac:dyDescent="0.4">
      <c r="A1932" s="13" t="s">
        <v>3503</v>
      </c>
      <c r="B1932" s="9" t="s">
        <v>3825</v>
      </c>
      <c r="C1932" s="9" t="s">
        <v>3826</v>
      </c>
      <c r="D1932" s="18">
        <v>1441984111</v>
      </c>
      <c r="E1932" s="11">
        <v>46387</v>
      </c>
      <c r="F1932" s="9" t="s">
        <v>9</v>
      </c>
      <c r="G1932" s="5">
        <v>1930</v>
      </c>
      <c r="H1932" s="12">
        <f t="shared" si="60"/>
        <v>13</v>
      </c>
      <c r="I1932" s="12">
        <f t="shared" si="61"/>
        <v>8</v>
      </c>
    </row>
    <row r="1933" spans="1:35" s="5" customFormat="1" ht="27.75" customHeight="1" x14ac:dyDescent="0.4">
      <c r="A1933" s="9" t="s">
        <v>3503</v>
      </c>
      <c r="B1933" s="13" t="s">
        <v>3827</v>
      </c>
      <c r="C1933" s="13" t="s">
        <v>3828</v>
      </c>
      <c r="D1933" s="18">
        <v>1441940600</v>
      </c>
      <c r="E1933" s="11">
        <v>47938</v>
      </c>
      <c r="F1933" s="9" t="s">
        <v>9</v>
      </c>
      <c r="G1933" s="12">
        <v>1931</v>
      </c>
      <c r="H1933" s="12">
        <f t="shared" si="60"/>
        <v>12</v>
      </c>
      <c r="I1933" s="12">
        <f t="shared" si="61"/>
        <v>9</v>
      </c>
    </row>
    <row r="1934" spans="1:35" s="5" customFormat="1" ht="27.75" customHeight="1" x14ac:dyDescent="0.4">
      <c r="A1934" s="13" t="s">
        <v>3503</v>
      </c>
      <c r="B1934" s="9" t="s">
        <v>3829</v>
      </c>
      <c r="C1934" s="9" t="s">
        <v>3830</v>
      </c>
      <c r="D1934" s="18">
        <v>1441940592</v>
      </c>
      <c r="E1934" s="11">
        <v>47938</v>
      </c>
      <c r="F1934" s="9" t="s">
        <v>9</v>
      </c>
      <c r="G1934" s="5">
        <v>1932</v>
      </c>
      <c r="H1934" s="12">
        <f t="shared" si="60"/>
        <v>19</v>
      </c>
      <c r="I1934" s="12">
        <f t="shared" si="61"/>
        <v>13</v>
      </c>
    </row>
    <row r="1935" spans="1:35" s="5" customFormat="1" ht="27.75" customHeight="1" x14ac:dyDescent="0.4">
      <c r="A1935" s="9" t="s">
        <v>3503</v>
      </c>
      <c r="B1935" s="9" t="s">
        <v>3831</v>
      </c>
      <c r="C1935" s="9" t="s">
        <v>3832</v>
      </c>
      <c r="D1935" s="18">
        <v>1441940311</v>
      </c>
      <c r="E1935" s="11">
        <v>46387</v>
      </c>
      <c r="F1935" s="9" t="s">
        <v>9</v>
      </c>
      <c r="G1935" s="12">
        <v>1933</v>
      </c>
      <c r="H1935" s="12">
        <f t="shared" si="60"/>
        <v>15</v>
      </c>
      <c r="I1935" s="12">
        <f t="shared" si="61"/>
        <v>11</v>
      </c>
    </row>
    <row r="1936" spans="1:35" s="5" customFormat="1" ht="27.75" customHeight="1" x14ac:dyDescent="0.4">
      <c r="A1936" s="13" t="s">
        <v>3503</v>
      </c>
      <c r="B1936" s="9" t="s">
        <v>3833</v>
      </c>
      <c r="C1936" s="9" t="s">
        <v>3834</v>
      </c>
      <c r="D1936" s="18">
        <v>1441940014</v>
      </c>
      <c r="E1936" s="11">
        <v>46387</v>
      </c>
      <c r="F1936" s="9" t="s">
        <v>9</v>
      </c>
      <c r="G1936" s="5">
        <v>1934</v>
      </c>
      <c r="H1936" s="12">
        <f t="shared" si="60"/>
        <v>14</v>
      </c>
      <c r="I1936" s="12">
        <f t="shared" si="61"/>
        <v>13</v>
      </c>
    </row>
    <row r="1937" spans="1:35" s="5" customFormat="1" ht="27.75" customHeight="1" x14ac:dyDescent="0.4">
      <c r="A1937" s="9" t="s">
        <v>3503</v>
      </c>
      <c r="B1937" s="9" t="s">
        <v>3835</v>
      </c>
      <c r="C1937" s="9" t="s">
        <v>3836</v>
      </c>
      <c r="D1937" s="18">
        <v>1441940725</v>
      </c>
      <c r="E1937" s="11">
        <v>48091</v>
      </c>
      <c r="F1937" s="9" t="s">
        <v>9</v>
      </c>
      <c r="G1937" s="12">
        <v>1935</v>
      </c>
      <c r="H1937" s="12">
        <f t="shared" si="60"/>
        <v>12</v>
      </c>
      <c r="I1937" s="12">
        <f t="shared" si="61"/>
        <v>9</v>
      </c>
    </row>
    <row r="1938" spans="1:35" s="5" customFormat="1" ht="27.75" customHeight="1" x14ac:dyDescent="0.4">
      <c r="A1938" s="13" t="s">
        <v>3503</v>
      </c>
      <c r="B1938" s="9" t="s">
        <v>3837</v>
      </c>
      <c r="C1938" s="9" t="s">
        <v>3838</v>
      </c>
      <c r="D1938" s="18">
        <v>1441941251</v>
      </c>
      <c r="E1938" s="11">
        <v>47756</v>
      </c>
      <c r="F1938" s="9" t="s">
        <v>9</v>
      </c>
      <c r="G1938" s="5">
        <v>1936</v>
      </c>
      <c r="H1938" s="12">
        <f t="shared" si="60"/>
        <v>14</v>
      </c>
      <c r="I1938" s="12">
        <f t="shared" si="61"/>
        <v>12</v>
      </c>
    </row>
    <row r="1939" spans="1:35" s="5" customFormat="1" ht="27.75" customHeight="1" x14ac:dyDescent="0.4">
      <c r="A1939" s="9" t="s">
        <v>3503</v>
      </c>
      <c r="B1939" s="9" t="s">
        <v>3839</v>
      </c>
      <c r="C1939" s="9" t="s">
        <v>3840</v>
      </c>
      <c r="D1939" s="18">
        <v>1441983014</v>
      </c>
      <c r="E1939" s="11">
        <v>46387</v>
      </c>
      <c r="F1939" s="9" t="s">
        <v>9</v>
      </c>
      <c r="G1939" s="12">
        <v>1937</v>
      </c>
      <c r="H1939" s="12">
        <f t="shared" si="60"/>
        <v>11</v>
      </c>
      <c r="I1939" s="12">
        <f t="shared" si="61"/>
        <v>5</v>
      </c>
    </row>
    <row r="1940" spans="1:35" s="5" customFormat="1" ht="27.75" customHeight="1" x14ac:dyDescent="0.4">
      <c r="A1940" s="9" t="s">
        <v>3503</v>
      </c>
      <c r="B1940" s="9" t="s">
        <v>3841</v>
      </c>
      <c r="C1940" s="9" t="s">
        <v>3842</v>
      </c>
      <c r="D1940" s="18">
        <v>1441940329</v>
      </c>
      <c r="E1940" s="11">
        <v>46387</v>
      </c>
      <c r="F1940" s="9" t="s">
        <v>9</v>
      </c>
      <c r="G1940" s="5">
        <v>1938</v>
      </c>
      <c r="H1940" s="12">
        <f t="shared" si="60"/>
        <v>13</v>
      </c>
      <c r="I1940" s="12">
        <f t="shared" si="61"/>
        <v>10</v>
      </c>
    </row>
    <row r="1941" spans="1:35" s="5" customFormat="1" ht="27.75" customHeight="1" x14ac:dyDescent="0.4">
      <c r="A1941" s="9" t="s">
        <v>3503</v>
      </c>
      <c r="B1941" s="9" t="s">
        <v>3843</v>
      </c>
      <c r="C1941" s="9" t="s">
        <v>3844</v>
      </c>
      <c r="D1941" s="18">
        <v>1441941434</v>
      </c>
      <c r="E1941" s="11">
        <v>48213</v>
      </c>
      <c r="F1941" s="9" t="s">
        <v>9</v>
      </c>
      <c r="G1941" s="12">
        <v>1939</v>
      </c>
      <c r="H1941" s="12">
        <f t="shared" si="60"/>
        <v>15</v>
      </c>
      <c r="I1941" s="12">
        <f t="shared" si="61"/>
        <v>10</v>
      </c>
      <c r="J1941" s="12"/>
      <c r="K1941" s="12"/>
      <c r="L1941" s="12"/>
      <c r="M1941" s="12"/>
      <c r="N1941" s="12"/>
      <c r="O1941" s="12"/>
      <c r="P1941" s="12"/>
      <c r="Q1941" s="12"/>
      <c r="R1941" s="12"/>
      <c r="S1941" s="12"/>
      <c r="T1941" s="12"/>
      <c r="U1941" s="12"/>
      <c r="V1941" s="12"/>
      <c r="W1941" s="12"/>
      <c r="X1941" s="12"/>
      <c r="Y1941" s="12"/>
      <c r="Z1941" s="12"/>
      <c r="AA1941" s="12"/>
      <c r="AB1941" s="12"/>
      <c r="AC1941" s="12"/>
      <c r="AD1941" s="12"/>
      <c r="AE1941" s="12"/>
      <c r="AF1941" s="12"/>
      <c r="AG1941" s="12"/>
      <c r="AH1941" s="12"/>
      <c r="AI1941" s="12"/>
    </row>
    <row r="1942" spans="1:35" s="5" customFormat="1" ht="27.75" customHeight="1" x14ac:dyDescent="0.4">
      <c r="A1942" s="9" t="s">
        <v>3503</v>
      </c>
      <c r="B1942" s="13" t="s">
        <v>3845</v>
      </c>
      <c r="C1942" s="9" t="s">
        <v>3846</v>
      </c>
      <c r="D1942" s="18">
        <v>1441983899</v>
      </c>
      <c r="E1942" s="11">
        <v>46387</v>
      </c>
      <c r="F1942" s="9" t="s">
        <v>9</v>
      </c>
      <c r="G1942" s="5">
        <v>1940</v>
      </c>
      <c r="H1942" s="12">
        <f t="shared" si="60"/>
        <v>13</v>
      </c>
      <c r="I1942" s="12">
        <f t="shared" si="61"/>
        <v>8</v>
      </c>
    </row>
    <row r="1943" spans="1:35" s="5" customFormat="1" ht="27.75" customHeight="1" x14ac:dyDescent="0.4">
      <c r="A1943" s="9" t="s">
        <v>3503</v>
      </c>
      <c r="B1943" s="9" t="s">
        <v>3847</v>
      </c>
      <c r="C1943" s="9" t="s">
        <v>3848</v>
      </c>
      <c r="D1943" s="18">
        <v>1441940618</v>
      </c>
      <c r="E1943" s="11">
        <v>47938</v>
      </c>
      <c r="F1943" s="9" t="s">
        <v>9</v>
      </c>
      <c r="G1943" s="12">
        <v>1941</v>
      </c>
      <c r="H1943" s="12">
        <f t="shared" si="60"/>
        <v>12</v>
      </c>
      <c r="I1943" s="12">
        <f t="shared" si="61"/>
        <v>7</v>
      </c>
    </row>
    <row r="1944" spans="1:35" s="5" customFormat="1" ht="27.75" customHeight="1" x14ac:dyDescent="0.4">
      <c r="A1944" s="9" t="s">
        <v>3503</v>
      </c>
      <c r="B1944" s="9" t="s">
        <v>3849</v>
      </c>
      <c r="C1944" s="9" t="s">
        <v>3850</v>
      </c>
      <c r="D1944" s="18">
        <v>1441941301</v>
      </c>
      <c r="E1944" s="11">
        <v>47907</v>
      </c>
      <c r="F1944" s="9" t="s">
        <v>9</v>
      </c>
      <c r="G1944" s="5">
        <v>1942</v>
      </c>
      <c r="H1944" s="12">
        <f t="shared" si="60"/>
        <v>12</v>
      </c>
      <c r="I1944" s="12">
        <f t="shared" si="61"/>
        <v>15</v>
      </c>
      <c r="J1944" s="12"/>
      <c r="K1944" s="12"/>
      <c r="L1944" s="12"/>
      <c r="M1944" s="12"/>
      <c r="N1944" s="12"/>
      <c r="O1944" s="12"/>
      <c r="P1944" s="12"/>
      <c r="Q1944" s="12"/>
      <c r="R1944" s="12"/>
      <c r="S1944" s="12"/>
      <c r="T1944" s="12"/>
      <c r="U1944" s="12"/>
      <c r="V1944" s="12"/>
      <c r="W1944" s="12"/>
      <c r="X1944" s="12"/>
      <c r="Y1944" s="12"/>
      <c r="Z1944" s="12"/>
      <c r="AA1944" s="12"/>
      <c r="AB1944" s="12"/>
      <c r="AC1944" s="12"/>
      <c r="AD1944" s="12"/>
      <c r="AE1944" s="12"/>
      <c r="AF1944" s="12"/>
      <c r="AG1944" s="12"/>
      <c r="AH1944" s="12"/>
      <c r="AI1944" s="12"/>
    </row>
    <row r="1945" spans="1:35" s="5" customFormat="1" ht="27.75" customHeight="1" x14ac:dyDescent="0.4">
      <c r="A1945" s="13" t="s">
        <v>3503</v>
      </c>
      <c r="B1945" s="9" t="s">
        <v>3851</v>
      </c>
      <c r="C1945" s="9" t="s">
        <v>432</v>
      </c>
      <c r="D1945" s="18">
        <v>1441984608</v>
      </c>
      <c r="E1945" s="11">
        <v>46387</v>
      </c>
      <c r="F1945" s="9" t="s">
        <v>9</v>
      </c>
      <c r="G1945" s="12">
        <v>1943</v>
      </c>
      <c r="H1945" s="12">
        <f t="shared" si="60"/>
        <v>19</v>
      </c>
      <c r="I1945" s="12">
        <f t="shared" si="61"/>
        <v>7</v>
      </c>
    </row>
    <row r="1946" spans="1:35" s="5" customFormat="1" ht="27.75" customHeight="1" x14ac:dyDescent="0.4">
      <c r="A1946" s="9" t="s">
        <v>3503</v>
      </c>
      <c r="B1946" s="9" t="s">
        <v>3852</v>
      </c>
      <c r="C1946" s="9" t="s">
        <v>3853</v>
      </c>
      <c r="D1946" s="18">
        <v>1441983790</v>
      </c>
      <c r="E1946" s="11">
        <v>46387</v>
      </c>
      <c r="F1946" s="9" t="s">
        <v>9</v>
      </c>
      <c r="G1946" s="5">
        <v>1944</v>
      </c>
      <c r="H1946" s="12">
        <f t="shared" si="60"/>
        <v>13</v>
      </c>
      <c r="I1946" s="12">
        <f t="shared" si="61"/>
        <v>8</v>
      </c>
    </row>
    <row r="1947" spans="1:35" s="5" customFormat="1" ht="27.75" customHeight="1" x14ac:dyDescent="0.4">
      <c r="A1947" s="9" t="s">
        <v>3503</v>
      </c>
      <c r="B1947" s="9" t="s">
        <v>3854</v>
      </c>
      <c r="C1947" s="9" t="s">
        <v>3855</v>
      </c>
      <c r="D1947" s="18">
        <v>1441902220</v>
      </c>
      <c r="E1947" s="11">
        <v>46387</v>
      </c>
      <c r="F1947" s="9" t="s">
        <v>9</v>
      </c>
      <c r="G1947" s="12">
        <v>1945</v>
      </c>
      <c r="H1947" s="12">
        <f t="shared" si="60"/>
        <v>12</v>
      </c>
      <c r="I1947" s="12">
        <f t="shared" si="61"/>
        <v>14</v>
      </c>
    </row>
    <row r="1948" spans="1:35" s="5" customFormat="1" ht="27.75" customHeight="1" x14ac:dyDescent="0.4">
      <c r="A1948" s="17" t="s">
        <v>3503</v>
      </c>
      <c r="B1948" s="19" t="s">
        <v>3856</v>
      </c>
      <c r="C1948" s="19" t="s">
        <v>3857</v>
      </c>
      <c r="D1948" s="20">
        <v>1441941194</v>
      </c>
      <c r="E1948" s="11">
        <v>47634</v>
      </c>
      <c r="F1948" s="9" t="s">
        <v>9</v>
      </c>
      <c r="G1948" s="5">
        <v>1946</v>
      </c>
      <c r="H1948" s="12">
        <f t="shared" si="60"/>
        <v>12</v>
      </c>
      <c r="I1948" s="12">
        <f t="shared" si="61"/>
        <v>8</v>
      </c>
    </row>
    <row r="1949" spans="1:35" s="5" customFormat="1" ht="27.75" customHeight="1" x14ac:dyDescent="0.4">
      <c r="A1949" s="9" t="s">
        <v>3503</v>
      </c>
      <c r="B1949" s="9" t="s">
        <v>3858</v>
      </c>
      <c r="C1949" s="9" t="s">
        <v>3859</v>
      </c>
      <c r="D1949" s="18">
        <v>1441984509</v>
      </c>
      <c r="E1949" s="11">
        <v>46387</v>
      </c>
      <c r="F1949" s="9" t="s">
        <v>9</v>
      </c>
      <c r="G1949" s="12">
        <v>1947</v>
      </c>
      <c r="H1949" s="12">
        <f t="shared" si="60"/>
        <v>11</v>
      </c>
      <c r="I1949" s="12">
        <f t="shared" si="61"/>
        <v>5</v>
      </c>
    </row>
    <row r="1950" spans="1:35" s="5" customFormat="1" ht="27.75" customHeight="1" x14ac:dyDescent="0.4">
      <c r="A1950" s="9" t="s">
        <v>3503</v>
      </c>
      <c r="B1950" s="9" t="s">
        <v>3860</v>
      </c>
      <c r="C1950" s="9" t="s">
        <v>3861</v>
      </c>
      <c r="D1950" s="18">
        <v>1441984426</v>
      </c>
      <c r="E1950" s="11">
        <v>46387</v>
      </c>
      <c r="F1950" s="9" t="s">
        <v>9</v>
      </c>
      <c r="G1950" s="5">
        <v>1948</v>
      </c>
      <c r="H1950" s="12">
        <f t="shared" si="60"/>
        <v>12</v>
      </c>
      <c r="I1950" s="12">
        <f t="shared" si="61"/>
        <v>12</v>
      </c>
    </row>
    <row r="1951" spans="1:35" s="5" customFormat="1" ht="27.75" customHeight="1" x14ac:dyDescent="0.4">
      <c r="A1951" s="16" t="s">
        <v>3503</v>
      </c>
      <c r="B1951" s="15" t="s">
        <v>3862</v>
      </c>
      <c r="C1951" s="16" t="s">
        <v>3863</v>
      </c>
      <c r="D1951" s="10">
        <v>1441941400</v>
      </c>
      <c r="E1951" s="11">
        <v>48152</v>
      </c>
      <c r="F1951" s="9" t="s">
        <v>9</v>
      </c>
      <c r="G1951" s="12">
        <v>1949</v>
      </c>
      <c r="H1951" s="12">
        <f t="shared" si="60"/>
        <v>18</v>
      </c>
      <c r="I1951" s="12">
        <f t="shared" si="61"/>
        <v>8</v>
      </c>
    </row>
    <row r="1952" spans="1:35" s="5" customFormat="1" ht="27.75" customHeight="1" x14ac:dyDescent="0.4">
      <c r="A1952" s="9" t="s">
        <v>3503</v>
      </c>
      <c r="B1952" s="9" t="s">
        <v>3864</v>
      </c>
      <c r="C1952" s="9" t="s">
        <v>3865</v>
      </c>
      <c r="D1952" s="18">
        <v>1441900497</v>
      </c>
      <c r="E1952" s="11">
        <v>46387</v>
      </c>
      <c r="F1952" s="9" t="s">
        <v>9</v>
      </c>
      <c r="G1952" s="5">
        <v>1950</v>
      </c>
      <c r="H1952" s="12">
        <f t="shared" si="60"/>
        <v>11</v>
      </c>
      <c r="I1952" s="12">
        <f t="shared" si="61"/>
        <v>9</v>
      </c>
    </row>
    <row r="1953" spans="1:35" s="5" customFormat="1" ht="27.75" customHeight="1" x14ac:dyDescent="0.4">
      <c r="A1953" s="9" t="s">
        <v>3503</v>
      </c>
      <c r="B1953" s="9" t="s">
        <v>3866</v>
      </c>
      <c r="C1953" s="9" t="s">
        <v>458</v>
      </c>
      <c r="D1953" s="23">
        <v>1441902238</v>
      </c>
      <c r="E1953" s="11">
        <v>46387</v>
      </c>
      <c r="F1953" s="9" t="s">
        <v>9</v>
      </c>
      <c r="G1953" s="12">
        <v>1951</v>
      </c>
      <c r="H1953" s="12">
        <f t="shared" si="60"/>
        <v>12</v>
      </c>
      <c r="I1953" s="12">
        <f t="shared" si="61"/>
        <v>9</v>
      </c>
    </row>
    <row r="1954" spans="1:35" s="5" customFormat="1" ht="27.75" customHeight="1" x14ac:dyDescent="0.4">
      <c r="A1954" s="9" t="s">
        <v>3503</v>
      </c>
      <c r="B1954" s="9" t="s">
        <v>3867</v>
      </c>
      <c r="C1954" s="9" t="s">
        <v>3868</v>
      </c>
      <c r="D1954" s="18">
        <v>1441984640</v>
      </c>
      <c r="E1954" s="11">
        <v>46387</v>
      </c>
      <c r="F1954" s="9" t="s">
        <v>9</v>
      </c>
      <c r="G1954" s="5">
        <v>1952</v>
      </c>
      <c r="H1954" s="12">
        <f t="shared" si="60"/>
        <v>11</v>
      </c>
      <c r="I1954" s="12">
        <f t="shared" si="61"/>
        <v>9</v>
      </c>
    </row>
    <row r="1955" spans="1:35" s="5" customFormat="1" ht="27.75" customHeight="1" x14ac:dyDescent="0.4">
      <c r="A1955" s="9" t="s">
        <v>3503</v>
      </c>
      <c r="B1955" s="13" t="s">
        <v>3869</v>
      </c>
      <c r="C1955" s="13" t="s">
        <v>3870</v>
      </c>
      <c r="D1955" s="18">
        <v>1442040426</v>
      </c>
      <c r="E1955" s="11">
        <v>48365</v>
      </c>
      <c r="F1955" s="9" t="s">
        <v>20</v>
      </c>
      <c r="G1955" s="12">
        <v>1953</v>
      </c>
      <c r="H1955" s="12">
        <f t="shared" si="60"/>
        <v>13</v>
      </c>
      <c r="I1955" s="12">
        <f t="shared" si="61"/>
        <v>4</v>
      </c>
    </row>
    <row r="1956" spans="1:35" s="5" customFormat="1" ht="27.75" customHeight="1" x14ac:dyDescent="0.4">
      <c r="A1956" s="9" t="s">
        <v>3503</v>
      </c>
      <c r="B1956" s="9" t="s">
        <v>3871</v>
      </c>
      <c r="C1956" s="9" t="s">
        <v>3872</v>
      </c>
      <c r="D1956" s="18">
        <v>1442000875</v>
      </c>
      <c r="E1956" s="11">
        <v>46387</v>
      </c>
      <c r="F1956" s="9" t="s">
        <v>20</v>
      </c>
      <c r="G1956" s="5">
        <v>1954</v>
      </c>
      <c r="H1956" s="12">
        <f t="shared" si="60"/>
        <v>28</v>
      </c>
      <c r="I1956" s="12">
        <f t="shared" si="61"/>
        <v>9</v>
      </c>
      <c r="J1956" s="28"/>
      <c r="K1956" s="28"/>
      <c r="L1956" s="28"/>
      <c r="M1956" s="28"/>
      <c r="N1956" s="28"/>
      <c r="O1956" s="28"/>
      <c r="P1956" s="28"/>
      <c r="Q1956" s="28"/>
      <c r="R1956" s="28"/>
      <c r="S1956" s="28"/>
      <c r="T1956" s="28"/>
      <c r="U1956" s="28"/>
      <c r="V1956" s="28"/>
      <c r="W1956" s="28"/>
      <c r="X1956" s="28"/>
      <c r="Y1956" s="28"/>
      <c r="Z1956" s="28"/>
      <c r="AA1956" s="28"/>
      <c r="AB1956" s="28"/>
      <c r="AC1956" s="28"/>
      <c r="AD1956" s="28"/>
      <c r="AE1956" s="28"/>
      <c r="AF1956" s="28"/>
      <c r="AG1956" s="28"/>
      <c r="AH1956" s="28"/>
      <c r="AI1956" s="28"/>
    </row>
    <row r="1957" spans="1:35" s="5" customFormat="1" ht="27.75" customHeight="1" x14ac:dyDescent="0.4">
      <c r="A1957" s="9" t="s">
        <v>3503</v>
      </c>
      <c r="B1957" s="13" t="s">
        <v>3873</v>
      </c>
      <c r="C1957" s="13" t="s">
        <v>3874</v>
      </c>
      <c r="D1957" s="18">
        <v>1442040301</v>
      </c>
      <c r="E1957" s="11">
        <v>47573</v>
      </c>
      <c r="F1957" s="9" t="s">
        <v>20</v>
      </c>
      <c r="G1957" s="12">
        <v>1955</v>
      </c>
      <c r="H1957" s="12">
        <f t="shared" si="60"/>
        <v>12</v>
      </c>
      <c r="I1957" s="12">
        <f t="shared" si="61"/>
        <v>13</v>
      </c>
    </row>
    <row r="1958" spans="1:35" s="5" customFormat="1" ht="27.75" customHeight="1" x14ac:dyDescent="0.4">
      <c r="A1958" s="9" t="s">
        <v>3503</v>
      </c>
      <c r="B1958" s="9" t="s">
        <v>3875</v>
      </c>
      <c r="C1958" s="9" t="s">
        <v>3876</v>
      </c>
      <c r="D1958" s="18">
        <v>1442040392</v>
      </c>
      <c r="E1958" s="11">
        <v>48273</v>
      </c>
      <c r="F1958" s="9" t="s">
        <v>20</v>
      </c>
      <c r="G1958" s="5">
        <v>1956</v>
      </c>
      <c r="H1958" s="12">
        <f t="shared" si="60"/>
        <v>10</v>
      </c>
      <c r="I1958" s="12">
        <f t="shared" si="61"/>
        <v>6</v>
      </c>
    </row>
    <row r="1959" spans="1:35" s="5" customFormat="1" ht="27.75" customHeight="1" x14ac:dyDescent="0.4">
      <c r="A1959" s="9" t="s">
        <v>3503</v>
      </c>
      <c r="B1959" s="13" t="s">
        <v>3877</v>
      </c>
      <c r="C1959" s="13" t="s">
        <v>3878</v>
      </c>
      <c r="D1959" s="18">
        <v>1442082238</v>
      </c>
      <c r="E1959" s="11">
        <v>46387</v>
      </c>
      <c r="F1959" s="9" t="s">
        <v>20</v>
      </c>
      <c r="G1959" s="12">
        <v>1957</v>
      </c>
      <c r="H1959" s="12">
        <f t="shared" si="60"/>
        <v>11</v>
      </c>
      <c r="I1959" s="12">
        <f t="shared" si="61"/>
        <v>11</v>
      </c>
      <c r="J1959" s="12"/>
      <c r="K1959" s="12"/>
      <c r="L1959" s="12"/>
      <c r="M1959" s="12"/>
      <c r="N1959" s="12"/>
      <c r="O1959" s="12"/>
      <c r="P1959" s="12"/>
      <c r="Q1959" s="12"/>
      <c r="R1959" s="12"/>
      <c r="S1959" s="12"/>
      <c r="T1959" s="12"/>
      <c r="U1959" s="12"/>
      <c r="V1959" s="12"/>
      <c r="W1959" s="12"/>
      <c r="X1959" s="12"/>
      <c r="Y1959" s="12"/>
      <c r="Z1959" s="12"/>
      <c r="AA1959" s="12"/>
      <c r="AB1959" s="12"/>
      <c r="AC1959" s="12"/>
      <c r="AD1959" s="12"/>
      <c r="AE1959" s="12"/>
      <c r="AF1959" s="12"/>
      <c r="AG1959" s="12"/>
      <c r="AH1959" s="12"/>
      <c r="AI1959" s="12"/>
    </row>
    <row r="1960" spans="1:35" s="5" customFormat="1" ht="27.75" customHeight="1" x14ac:dyDescent="0.4">
      <c r="A1960" s="13" t="s">
        <v>3503</v>
      </c>
      <c r="B1960" s="13" t="s">
        <v>3879</v>
      </c>
      <c r="C1960" s="13" t="s">
        <v>3880</v>
      </c>
      <c r="D1960" s="18">
        <v>1442043586</v>
      </c>
      <c r="E1960" s="11">
        <v>46843</v>
      </c>
      <c r="F1960" s="9" t="s">
        <v>20</v>
      </c>
      <c r="G1960" s="5">
        <v>1958</v>
      </c>
      <c r="H1960" s="12">
        <f t="shared" si="60"/>
        <v>11</v>
      </c>
      <c r="I1960" s="12">
        <f t="shared" si="61"/>
        <v>4</v>
      </c>
    </row>
    <row r="1961" spans="1:35" s="5" customFormat="1" ht="27.75" customHeight="1" x14ac:dyDescent="0.4">
      <c r="A1961" s="9" t="s">
        <v>3503</v>
      </c>
      <c r="B1961" s="9" t="s">
        <v>3881</v>
      </c>
      <c r="C1961" s="9" t="s">
        <v>3882</v>
      </c>
      <c r="D1961" s="18">
        <v>1442040079</v>
      </c>
      <c r="E1961" s="11">
        <v>48457</v>
      </c>
      <c r="F1961" s="9" t="s">
        <v>20</v>
      </c>
      <c r="G1961" s="12">
        <v>1959</v>
      </c>
      <c r="H1961" s="12">
        <f t="shared" si="60"/>
        <v>11</v>
      </c>
      <c r="I1961" s="12">
        <f t="shared" si="61"/>
        <v>6</v>
      </c>
    </row>
    <row r="1962" spans="1:35" s="5" customFormat="1" ht="27.75" customHeight="1" x14ac:dyDescent="0.4">
      <c r="A1962" s="17" t="s">
        <v>3503</v>
      </c>
      <c r="B1962" s="9" t="s">
        <v>3883</v>
      </c>
      <c r="C1962" s="9" t="s">
        <v>3884</v>
      </c>
      <c r="D1962" s="18">
        <v>1442040251</v>
      </c>
      <c r="E1962" s="11">
        <v>47299</v>
      </c>
      <c r="F1962" s="9" t="s">
        <v>20</v>
      </c>
      <c r="G1962" s="5">
        <v>1960</v>
      </c>
      <c r="H1962" s="12">
        <f t="shared" si="60"/>
        <v>11</v>
      </c>
      <c r="I1962" s="12">
        <f t="shared" si="61"/>
        <v>12</v>
      </c>
    </row>
    <row r="1963" spans="1:35" s="5" customFormat="1" ht="27.75" customHeight="1" x14ac:dyDescent="0.4">
      <c r="A1963" s="9" t="s">
        <v>3503</v>
      </c>
      <c r="B1963" s="9" t="s">
        <v>3885</v>
      </c>
      <c r="C1963" s="9" t="s">
        <v>3886</v>
      </c>
      <c r="D1963" s="18">
        <v>1442001030</v>
      </c>
      <c r="E1963" s="11">
        <v>46387</v>
      </c>
      <c r="F1963" s="9" t="s">
        <v>20</v>
      </c>
      <c r="G1963" s="12">
        <v>1961</v>
      </c>
      <c r="H1963" s="12">
        <f t="shared" si="60"/>
        <v>10</v>
      </c>
      <c r="I1963" s="12">
        <f t="shared" si="61"/>
        <v>5</v>
      </c>
    </row>
    <row r="1964" spans="1:35" s="5" customFormat="1" ht="27.75" customHeight="1" x14ac:dyDescent="0.4">
      <c r="A1964" s="13" t="s">
        <v>3503</v>
      </c>
      <c r="B1964" s="9" t="s">
        <v>3887</v>
      </c>
      <c r="C1964" s="9" t="s">
        <v>3888</v>
      </c>
      <c r="D1964" s="18">
        <v>1442043875</v>
      </c>
      <c r="E1964" s="11">
        <v>48091</v>
      </c>
      <c r="F1964" s="9" t="s">
        <v>20</v>
      </c>
      <c r="G1964" s="5">
        <v>1962</v>
      </c>
      <c r="H1964" s="12">
        <f t="shared" si="60"/>
        <v>20</v>
      </c>
      <c r="I1964" s="12">
        <f t="shared" si="61"/>
        <v>11</v>
      </c>
    </row>
    <row r="1965" spans="1:35" s="5" customFormat="1" ht="27.75" customHeight="1" x14ac:dyDescent="0.4">
      <c r="A1965" s="9" t="s">
        <v>3503</v>
      </c>
      <c r="B1965" s="9" t="s">
        <v>3889</v>
      </c>
      <c r="C1965" s="9" t="s">
        <v>3890</v>
      </c>
      <c r="D1965" s="18">
        <v>1442040384</v>
      </c>
      <c r="E1965" s="11">
        <v>48244</v>
      </c>
      <c r="F1965" s="9" t="s">
        <v>20</v>
      </c>
      <c r="G1965" s="12">
        <v>1963</v>
      </c>
      <c r="H1965" s="12">
        <f t="shared" si="60"/>
        <v>10</v>
      </c>
      <c r="I1965" s="12">
        <f t="shared" si="61"/>
        <v>13</v>
      </c>
    </row>
    <row r="1966" spans="1:35" s="5" customFormat="1" ht="27.75" customHeight="1" x14ac:dyDescent="0.4">
      <c r="A1966" s="9" t="s">
        <v>3503</v>
      </c>
      <c r="B1966" s="9" t="s">
        <v>3891</v>
      </c>
      <c r="C1966" s="9" t="s">
        <v>3892</v>
      </c>
      <c r="D1966" s="18">
        <v>1442040350</v>
      </c>
      <c r="E1966" s="11">
        <v>47817</v>
      </c>
      <c r="F1966" s="9" t="s">
        <v>20</v>
      </c>
      <c r="G1966" s="5">
        <v>1964</v>
      </c>
      <c r="H1966" s="12">
        <f t="shared" si="60"/>
        <v>24</v>
      </c>
      <c r="I1966" s="12">
        <f t="shared" si="61"/>
        <v>11</v>
      </c>
      <c r="J1966" s="12"/>
      <c r="K1966" s="12"/>
      <c r="L1966" s="12"/>
      <c r="M1966" s="12"/>
      <c r="N1966" s="12"/>
      <c r="O1966" s="12"/>
      <c r="P1966" s="12"/>
      <c r="Q1966" s="12"/>
      <c r="R1966" s="12"/>
      <c r="S1966" s="12"/>
      <c r="T1966" s="12"/>
      <c r="U1966" s="12"/>
      <c r="V1966" s="12"/>
      <c r="W1966" s="12"/>
      <c r="X1966" s="12"/>
      <c r="Y1966" s="12"/>
      <c r="Z1966" s="12"/>
      <c r="AA1966" s="12"/>
      <c r="AB1966" s="12"/>
      <c r="AC1966" s="12"/>
      <c r="AD1966" s="12"/>
      <c r="AE1966" s="12"/>
      <c r="AF1966" s="12"/>
      <c r="AG1966" s="12"/>
      <c r="AH1966" s="12"/>
      <c r="AI1966" s="12"/>
    </row>
    <row r="1967" spans="1:35" s="5" customFormat="1" ht="27.75" customHeight="1" x14ac:dyDescent="0.4">
      <c r="A1967" s="9" t="s">
        <v>3503</v>
      </c>
      <c r="B1967" s="13" t="s">
        <v>3893</v>
      </c>
      <c r="C1967" s="9" t="s">
        <v>3894</v>
      </c>
      <c r="D1967" s="18">
        <v>1442040368</v>
      </c>
      <c r="E1967" s="11">
        <v>47817</v>
      </c>
      <c r="F1967" s="9" t="s">
        <v>20</v>
      </c>
      <c r="G1967" s="12">
        <v>1965</v>
      </c>
      <c r="H1967" s="12">
        <f t="shared" si="60"/>
        <v>20</v>
      </c>
      <c r="I1967" s="12">
        <f t="shared" si="61"/>
        <v>5</v>
      </c>
    </row>
    <row r="1968" spans="1:35" s="5" customFormat="1" ht="27.75" customHeight="1" x14ac:dyDescent="0.4">
      <c r="A1968" s="13" t="s">
        <v>3503</v>
      </c>
      <c r="B1968" s="9" t="s">
        <v>3895</v>
      </c>
      <c r="C1968" s="9" t="s">
        <v>3896</v>
      </c>
      <c r="D1968" s="18">
        <v>1442081693</v>
      </c>
      <c r="E1968" s="11">
        <v>46387</v>
      </c>
      <c r="F1968" s="9" t="s">
        <v>20</v>
      </c>
      <c r="G1968" s="5">
        <v>1966</v>
      </c>
      <c r="H1968" s="12">
        <f t="shared" si="60"/>
        <v>9</v>
      </c>
      <c r="I1968" s="12">
        <f t="shared" si="61"/>
        <v>6</v>
      </c>
    </row>
    <row r="1969" spans="1:9" s="5" customFormat="1" ht="27.75" customHeight="1" x14ac:dyDescent="0.4">
      <c r="A1969" s="13" t="s">
        <v>3503</v>
      </c>
      <c r="B1969" s="9" t="s">
        <v>3897</v>
      </c>
      <c r="C1969" s="9" t="s">
        <v>3898</v>
      </c>
      <c r="D1969" s="18">
        <v>1442082154</v>
      </c>
      <c r="E1969" s="11">
        <v>46387</v>
      </c>
      <c r="F1969" s="9" t="s">
        <v>20</v>
      </c>
      <c r="G1969" s="12">
        <v>1967</v>
      </c>
      <c r="H1969" s="12">
        <f t="shared" si="60"/>
        <v>9</v>
      </c>
      <c r="I1969" s="12">
        <f t="shared" si="61"/>
        <v>8</v>
      </c>
    </row>
    <row r="1970" spans="1:9" s="5" customFormat="1" ht="27.75" customHeight="1" x14ac:dyDescent="0.4">
      <c r="A1970" s="9" t="s">
        <v>3503</v>
      </c>
      <c r="B1970" s="9" t="s">
        <v>3899</v>
      </c>
      <c r="C1970" s="9" t="s">
        <v>3900</v>
      </c>
      <c r="D1970" s="18">
        <v>1442000255</v>
      </c>
      <c r="E1970" s="11">
        <v>46387</v>
      </c>
      <c r="F1970" s="9" t="s">
        <v>20</v>
      </c>
      <c r="G1970" s="5">
        <v>1968</v>
      </c>
      <c r="H1970" s="12">
        <f t="shared" si="60"/>
        <v>11</v>
      </c>
      <c r="I1970" s="12">
        <f t="shared" si="61"/>
        <v>9</v>
      </c>
    </row>
    <row r="1971" spans="1:9" s="5" customFormat="1" ht="27.75" customHeight="1" x14ac:dyDescent="0.4">
      <c r="A1971" s="9" t="s">
        <v>3503</v>
      </c>
      <c r="B1971" s="13" t="s">
        <v>3901</v>
      </c>
      <c r="C1971" s="9" t="s">
        <v>3902</v>
      </c>
      <c r="D1971" s="18">
        <v>1442082345</v>
      </c>
      <c r="E1971" s="11">
        <v>46387</v>
      </c>
      <c r="F1971" s="9" t="s">
        <v>20</v>
      </c>
      <c r="G1971" s="12">
        <v>1969</v>
      </c>
      <c r="H1971" s="12">
        <f t="shared" si="60"/>
        <v>9</v>
      </c>
      <c r="I1971" s="12">
        <f t="shared" si="61"/>
        <v>9</v>
      </c>
    </row>
    <row r="1972" spans="1:9" s="5" customFormat="1" ht="27.75" customHeight="1" x14ac:dyDescent="0.4">
      <c r="A1972" s="9" t="s">
        <v>3503</v>
      </c>
      <c r="B1972" s="9" t="s">
        <v>3903</v>
      </c>
      <c r="C1972" s="9" t="s">
        <v>3904</v>
      </c>
      <c r="D1972" s="18">
        <v>1442040293</v>
      </c>
      <c r="E1972" s="11">
        <v>47573</v>
      </c>
      <c r="F1972" s="9" t="s">
        <v>20</v>
      </c>
      <c r="G1972" s="5">
        <v>1970</v>
      </c>
      <c r="H1972" s="12">
        <f t="shared" si="60"/>
        <v>23</v>
      </c>
      <c r="I1972" s="12">
        <f t="shared" si="61"/>
        <v>11</v>
      </c>
    </row>
    <row r="1973" spans="1:9" s="5" customFormat="1" ht="27.75" customHeight="1" x14ac:dyDescent="0.4">
      <c r="A1973" s="9" t="s">
        <v>3503</v>
      </c>
      <c r="B1973" s="13" t="s">
        <v>3905</v>
      </c>
      <c r="C1973" s="9" t="s">
        <v>3906</v>
      </c>
      <c r="D1973" s="18">
        <v>1442081651</v>
      </c>
      <c r="E1973" s="11">
        <v>46387</v>
      </c>
      <c r="F1973" s="9" t="s">
        <v>20</v>
      </c>
      <c r="G1973" s="12">
        <v>1971</v>
      </c>
      <c r="H1973" s="12">
        <f t="shared" si="60"/>
        <v>20</v>
      </c>
      <c r="I1973" s="12">
        <f t="shared" si="61"/>
        <v>5</v>
      </c>
    </row>
    <row r="1974" spans="1:9" s="5" customFormat="1" ht="27.75" customHeight="1" x14ac:dyDescent="0.4">
      <c r="A1974" s="13" t="s">
        <v>3503</v>
      </c>
      <c r="B1974" s="9" t="s">
        <v>3907</v>
      </c>
      <c r="C1974" s="9" t="s">
        <v>3908</v>
      </c>
      <c r="D1974" s="18">
        <v>1442001188</v>
      </c>
      <c r="E1974" s="11">
        <v>46387</v>
      </c>
      <c r="F1974" s="9" t="s">
        <v>20</v>
      </c>
      <c r="G1974" s="5">
        <v>1972</v>
      </c>
      <c r="H1974" s="12">
        <f t="shared" si="60"/>
        <v>9</v>
      </c>
      <c r="I1974" s="12">
        <f t="shared" si="61"/>
        <v>6</v>
      </c>
    </row>
    <row r="1975" spans="1:9" s="5" customFormat="1" ht="27.75" customHeight="1" x14ac:dyDescent="0.4">
      <c r="A1975" s="9" t="s">
        <v>3503</v>
      </c>
      <c r="B1975" s="9" t="s">
        <v>3909</v>
      </c>
      <c r="C1975" s="9" t="s">
        <v>3910</v>
      </c>
      <c r="D1975" s="18">
        <v>1442040160</v>
      </c>
      <c r="E1975" s="11">
        <v>46691</v>
      </c>
      <c r="F1975" s="9" t="s">
        <v>20</v>
      </c>
      <c r="G1975" s="12">
        <v>1973</v>
      </c>
      <c r="H1975" s="12">
        <f t="shared" si="60"/>
        <v>10</v>
      </c>
      <c r="I1975" s="12">
        <f t="shared" si="61"/>
        <v>7</v>
      </c>
    </row>
    <row r="1976" spans="1:9" s="5" customFormat="1" ht="27.75" customHeight="1" x14ac:dyDescent="0.4">
      <c r="A1976" s="9" t="s">
        <v>3503</v>
      </c>
      <c r="B1976" s="9" t="s">
        <v>3911</v>
      </c>
      <c r="C1976" s="9" t="s">
        <v>3912</v>
      </c>
      <c r="D1976" s="18">
        <v>1442081875</v>
      </c>
      <c r="E1976" s="11">
        <v>46387</v>
      </c>
      <c r="F1976" s="9" t="s">
        <v>20</v>
      </c>
      <c r="G1976" s="5">
        <v>1974</v>
      </c>
      <c r="H1976" s="12">
        <f t="shared" si="60"/>
        <v>11</v>
      </c>
      <c r="I1976" s="12">
        <f t="shared" si="61"/>
        <v>12</v>
      </c>
    </row>
    <row r="1977" spans="1:9" s="5" customFormat="1" ht="27.75" customHeight="1" x14ac:dyDescent="0.4">
      <c r="A1977" s="9" t="s">
        <v>3503</v>
      </c>
      <c r="B1977" s="9" t="s">
        <v>3913</v>
      </c>
      <c r="C1977" s="9" t="s">
        <v>3914</v>
      </c>
      <c r="D1977" s="18">
        <v>1442043560</v>
      </c>
      <c r="E1977" s="11">
        <v>48029</v>
      </c>
      <c r="F1977" s="9" t="s">
        <v>20</v>
      </c>
      <c r="G1977" s="12">
        <v>1975</v>
      </c>
      <c r="H1977" s="12">
        <f t="shared" si="60"/>
        <v>10</v>
      </c>
      <c r="I1977" s="12">
        <f t="shared" si="61"/>
        <v>6</v>
      </c>
    </row>
    <row r="1978" spans="1:9" s="5" customFormat="1" ht="27.75" customHeight="1" x14ac:dyDescent="0.4">
      <c r="A1978" s="13" t="s">
        <v>3503</v>
      </c>
      <c r="B1978" s="9" t="s">
        <v>3915</v>
      </c>
      <c r="C1978" s="9" t="s">
        <v>3916</v>
      </c>
      <c r="D1978" s="18">
        <v>1442081883</v>
      </c>
      <c r="E1978" s="11">
        <v>46387</v>
      </c>
      <c r="F1978" s="9" t="s">
        <v>20</v>
      </c>
      <c r="G1978" s="5">
        <v>1976</v>
      </c>
      <c r="H1978" s="12">
        <f t="shared" si="60"/>
        <v>11</v>
      </c>
      <c r="I1978" s="12">
        <f t="shared" si="61"/>
        <v>10</v>
      </c>
    </row>
    <row r="1979" spans="1:9" s="5" customFormat="1" ht="27.75" customHeight="1" x14ac:dyDescent="0.4">
      <c r="A1979" s="9" t="s">
        <v>3503</v>
      </c>
      <c r="B1979" s="9" t="s">
        <v>3917</v>
      </c>
      <c r="C1979" s="9" t="s">
        <v>3918</v>
      </c>
      <c r="D1979" s="18">
        <v>1442082360</v>
      </c>
      <c r="E1979" s="11">
        <v>46387</v>
      </c>
      <c r="F1979" s="9" t="s">
        <v>20</v>
      </c>
      <c r="G1979" s="12">
        <v>1977</v>
      </c>
      <c r="H1979" s="12">
        <f t="shared" si="60"/>
        <v>10</v>
      </c>
      <c r="I1979" s="12">
        <f t="shared" si="61"/>
        <v>4</v>
      </c>
    </row>
    <row r="1980" spans="1:9" s="5" customFormat="1" ht="27.75" customHeight="1" x14ac:dyDescent="0.4">
      <c r="A1980" s="13" t="s">
        <v>3503</v>
      </c>
      <c r="B1980" s="13" t="s">
        <v>3919</v>
      </c>
      <c r="C1980" s="13" t="s">
        <v>3920</v>
      </c>
      <c r="D1980" s="26">
        <v>1442043677</v>
      </c>
      <c r="E1980" s="11">
        <v>47299</v>
      </c>
      <c r="F1980" s="9" t="s">
        <v>20</v>
      </c>
      <c r="G1980" s="5">
        <v>1978</v>
      </c>
      <c r="H1980" s="12">
        <f t="shared" si="60"/>
        <v>10</v>
      </c>
      <c r="I1980" s="12">
        <f t="shared" si="61"/>
        <v>8</v>
      </c>
    </row>
    <row r="1981" spans="1:9" s="5" customFormat="1" ht="27.75" customHeight="1" x14ac:dyDescent="0.4">
      <c r="A1981" s="17" t="s">
        <v>3503</v>
      </c>
      <c r="B1981" s="15" t="s">
        <v>3921</v>
      </c>
      <c r="C1981" s="16" t="s">
        <v>3922</v>
      </c>
      <c r="D1981" s="10">
        <v>1442043719</v>
      </c>
      <c r="E1981" s="11">
        <v>47603</v>
      </c>
      <c r="F1981" s="9" t="s">
        <v>20</v>
      </c>
      <c r="G1981" s="12">
        <v>1979</v>
      </c>
      <c r="H1981" s="12">
        <f t="shared" si="60"/>
        <v>25</v>
      </c>
      <c r="I1981" s="12">
        <f t="shared" si="61"/>
        <v>10</v>
      </c>
    </row>
    <row r="1982" spans="1:9" s="5" customFormat="1" ht="27.75" customHeight="1" x14ac:dyDescent="0.4">
      <c r="A1982" s="9" t="s">
        <v>3503</v>
      </c>
      <c r="B1982" s="9" t="s">
        <v>3923</v>
      </c>
      <c r="C1982" s="9" t="s">
        <v>3924</v>
      </c>
      <c r="D1982" s="18">
        <v>1442043768</v>
      </c>
      <c r="E1982" s="11">
        <v>47664</v>
      </c>
      <c r="F1982" s="9" t="s">
        <v>20</v>
      </c>
      <c r="G1982" s="5">
        <v>1980</v>
      </c>
      <c r="H1982" s="12">
        <f t="shared" si="60"/>
        <v>10</v>
      </c>
      <c r="I1982" s="12">
        <f t="shared" si="61"/>
        <v>22</v>
      </c>
    </row>
    <row r="1983" spans="1:9" s="5" customFormat="1" ht="27.75" customHeight="1" x14ac:dyDescent="0.4">
      <c r="A1983" s="9" t="s">
        <v>3503</v>
      </c>
      <c r="B1983" s="9" t="s">
        <v>3925</v>
      </c>
      <c r="C1983" s="9" t="s">
        <v>3926</v>
      </c>
      <c r="D1983" s="18">
        <v>1442040418</v>
      </c>
      <c r="E1983" s="11">
        <v>48304</v>
      </c>
      <c r="F1983" s="9" t="s">
        <v>20</v>
      </c>
      <c r="G1983" s="12">
        <v>1981</v>
      </c>
      <c r="H1983" s="12">
        <f t="shared" si="60"/>
        <v>10</v>
      </c>
      <c r="I1983" s="12">
        <f t="shared" si="61"/>
        <v>13</v>
      </c>
    </row>
    <row r="1984" spans="1:9" s="5" customFormat="1" ht="27.75" customHeight="1" x14ac:dyDescent="0.4">
      <c r="A1984" s="9" t="s">
        <v>3503</v>
      </c>
      <c r="B1984" s="9" t="s">
        <v>3927</v>
      </c>
      <c r="C1984" s="9" t="s">
        <v>3928</v>
      </c>
      <c r="D1984" s="18">
        <v>1442000172</v>
      </c>
      <c r="E1984" s="11">
        <v>46387</v>
      </c>
      <c r="F1984" s="9" t="s">
        <v>20</v>
      </c>
      <c r="G1984" s="5">
        <v>1982</v>
      </c>
      <c r="H1984" s="12">
        <f t="shared" si="60"/>
        <v>13</v>
      </c>
      <c r="I1984" s="12">
        <f t="shared" si="61"/>
        <v>7</v>
      </c>
    </row>
    <row r="1985" spans="1:35" s="5" customFormat="1" ht="27.75" customHeight="1" x14ac:dyDescent="0.4">
      <c r="A1985" s="13" t="s">
        <v>3503</v>
      </c>
      <c r="B1985" s="9" t="s">
        <v>3929</v>
      </c>
      <c r="C1985" s="9" t="s">
        <v>3930</v>
      </c>
      <c r="D1985" s="18">
        <v>1442000388</v>
      </c>
      <c r="E1985" s="11">
        <v>46387</v>
      </c>
      <c r="F1985" s="9" t="s">
        <v>20</v>
      </c>
      <c r="G1985" s="12">
        <v>1983</v>
      </c>
      <c r="H1985" s="12">
        <f t="shared" si="60"/>
        <v>10</v>
      </c>
      <c r="I1985" s="12">
        <f t="shared" si="61"/>
        <v>8</v>
      </c>
    </row>
    <row r="1986" spans="1:35" s="5" customFormat="1" ht="27.75" customHeight="1" x14ac:dyDescent="0.4">
      <c r="A1986" s="13" t="s">
        <v>3503</v>
      </c>
      <c r="B1986" s="9" t="s">
        <v>3931</v>
      </c>
      <c r="C1986" s="9" t="s">
        <v>3932</v>
      </c>
      <c r="D1986" s="18">
        <v>1442040095</v>
      </c>
      <c r="E1986" s="11">
        <v>46387</v>
      </c>
      <c r="F1986" s="9" t="s">
        <v>20</v>
      </c>
      <c r="G1986" s="5">
        <v>1984</v>
      </c>
      <c r="H1986" s="12">
        <f t="shared" si="60"/>
        <v>9</v>
      </c>
      <c r="I1986" s="12">
        <f t="shared" si="61"/>
        <v>13</v>
      </c>
    </row>
    <row r="1987" spans="1:35" s="5" customFormat="1" ht="27.75" customHeight="1" x14ac:dyDescent="0.4">
      <c r="A1987" s="9" t="s">
        <v>3503</v>
      </c>
      <c r="B1987" s="9" t="s">
        <v>3933</v>
      </c>
      <c r="C1987" s="9" t="s">
        <v>3934</v>
      </c>
      <c r="D1987" s="18">
        <v>1442043636</v>
      </c>
      <c r="E1987" s="11">
        <v>47452</v>
      </c>
      <c r="F1987" s="9" t="s">
        <v>20</v>
      </c>
      <c r="G1987" s="12">
        <v>1985</v>
      </c>
      <c r="H1987" s="12">
        <f t="shared" si="60"/>
        <v>11</v>
      </c>
      <c r="I1987" s="12">
        <f t="shared" si="61"/>
        <v>5</v>
      </c>
    </row>
    <row r="1988" spans="1:35" s="5" customFormat="1" ht="27.75" customHeight="1" x14ac:dyDescent="0.4">
      <c r="A1988" s="13" t="s">
        <v>3503</v>
      </c>
      <c r="B1988" s="9" t="s">
        <v>3935</v>
      </c>
      <c r="C1988" s="9" t="s">
        <v>3936</v>
      </c>
      <c r="D1988" s="18">
        <v>1442040327</v>
      </c>
      <c r="E1988" s="11">
        <v>47664</v>
      </c>
      <c r="F1988" s="9" t="s">
        <v>20</v>
      </c>
      <c r="G1988" s="5">
        <v>1986</v>
      </c>
      <c r="H1988" s="12">
        <f t="shared" ref="H1988:H2051" si="62">LEN(C1988)</f>
        <v>12</v>
      </c>
      <c r="I1988" s="12">
        <f t="shared" ref="I1988:I2051" si="63">LEN(B1988)</f>
        <v>5</v>
      </c>
    </row>
    <row r="1989" spans="1:35" s="5" customFormat="1" ht="27.75" customHeight="1" x14ac:dyDescent="0.4">
      <c r="A1989" s="9" t="s">
        <v>3503</v>
      </c>
      <c r="B1989" s="9" t="s">
        <v>3935</v>
      </c>
      <c r="C1989" s="9" t="s">
        <v>3937</v>
      </c>
      <c r="D1989" s="18">
        <v>1442043966</v>
      </c>
      <c r="E1989" s="11">
        <v>48334</v>
      </c>
      <c r="F1989" s="9" t="s">
        <v>20</v>
      </c>
      <c r="G1989" s="12">
        <v>1987</v>
      </c>
      <c r="H1989" s="12">
        <f t="shared" si="62"/>
        <v>12</v>
      </c>
      <c r="I1989" s="12">
        <f t="shared" si="63"/>
        <v>5</v>
      </c>
    </row>
    <row r="1990" spans="1:35" s="5" customFormat="1" ht="27.75" customHeight="1" x14ac:dyDescent="0.4">
      <c r="A1990" s="9" t="s">
        <v>3503</v>
      </c>
      <c r="B1990" s="9" t="s">
        <v>3938</v>
      </c>
      <c r="C1990" s="9" t="s">
        <v>3939</v>
      </c>
      <c r="D1990" s="18">
        <v>1442082188</v>
      </c>
      <c r="E1990" s="11">
        <v>46387</v>
      </c>
      <c r="F1990" s="9" t="s">
        <v>20</v>
      </c>
      <c r="G1990" s="5">
        <v>1988</v>
      </c>
      <c r="H1990" s="12">
        <f t="shared" si="62"/>
        <v>12</v>
      </c>
      <c r="I1990" s="12">
        <f t="shared" si="63"/>
        <v>5</v>
      </c>
      <c r="M1990" s="24"/>
      <c r="N1990" s="24"/>
      <c r="O1990" s="24"/>
      <c r="P1990" s="24"/>
      <c r="Q1990" s="24"/>
      <c r="R1990" s="24"/>
      <c r="S1990" s="24"/>
      <c r="T1990" s="24"/>
      <c r="U1990" s="24"/>
      <c r="V1990" s="24"/>
      <c r="W1990" s="24"/>
      <c r="X1990" s="24"/>
      <c r="Y1990" s="24"/>
      <c r="Z1990" s="24"/>
      <c r="AA1990" s="24"/>
      <c r="AB1990" s="24"/>
      <c r="AC1990" s="24"/>
      <c r="AD1990" s="24"/>
      <c r="AE1990" s="24"/>
      <c r="AF1990" s="24"/>
      <c r="AG1990" s="24"/>
      <c r="AH1990" s="24"/>
      <c r="AI1990" s="24"/>
    </row>
    <row r="1991" spans="1:35" s="5" customFormat="1" ht="27.75" customHeight="1" x14ac:dyDescent="0.4">
      <c r="A1991" s="9" t="s">
        <v>3503</v>
      </c>
      <c r="B1991" s="14" t="s">
        <v>3940</v>
      </c>
      <c r="C1991" s="9" t="s">
        <v>3941</v>
      </c>
      <c r="D1991" s="18">
        <v>1442040343</v>
      </c>
      <c r="E1991" s="11">
        <v>47756</v>
      </c>
      <c r="F1991" s="9" t="s">
        <v>20</v>
      </c>
      <c r="G1991" s="12">
        <v>1989</v>
      </c>
      <c r="H1991" s="12">
        <f t="shared" si="62"/>
        <v>13</v>
      </c>
      <c r="I1991" s="12">
        <f t="shared" si="63"/>
        <v>13</v>
      </c>
    </row>
    <row r="1992" spans="1:35" s="5" customFormat="1" ht="27.75" customHeight="1" x14ac:dyDescent="0.4">
      <c r="A1992" s="9" t="s">
        <v>3503</v>
      </c>
      <c r="B1992" s="9" t="s">
        <v>3942</v>
      </c>
      <c r="C1992" s="9" t="s">
        <v>3943</v>
      </c>
      <c r="D1992" s="18">
        <v>1442043867</v>
      </c>
      <c r="E1992" s="11">
        <v>48121</v>
      </c>
      <c r="F1992" s="9" t="s">
        <v>20</v>
      </c>
      <c r="G1992" s="5">
        <v>1990</v>
      </c>
      <c r="H1992" s="12">
        <f t="shared" si="62"/>
        <v>12</v>
      </c>
      <c r="I1992" s="12">
        <f t="shared" si="63"/>
        <v>13</v>
      </c>
    </row>
    <row r="1993" spans="1:35" s="5" customFormat="1" ht="27.75" customHeight="1" x14ac:dyDescent="0.4">
      <c r="A1993" s="9" t="s">
        <v>3503</v>
      </c>
      <c r="B1993" s="9" t="s">
        <v>3944</v>
      </c>
      <c r="C1993" s="9" t="s">
        <v>3945</v>
      </c>
      <c r="D1993" s="18">
        <v>1442040491</v>
      </c>
      <c r="E1993" s="11">
        <v>46691</v>
      </c>
      <c r="F1993" s="9" t="s">
        <v>20</v>
      </c>
      <c r="G1993" s="12">
        <v>1991</v>
      </c>
      <c r="H1993" s="12">
        <f t="shared" si="62"/>
        <v>11</v>
      </c>
      <c r="I1993" s="12">
        <f t="shared" si="63"/>
        <v>10</v>
      </c>
    </row>
    <row r="1994" spans="1:35" s="5" customFormat="1" ht="27.75" customHeight="1" x14ac:dyDescent="0.4">
      <c r="A1994" s="9" t="s">
        <v>3503</v>
      </c>
      <c r="B1994" s="16" t="s">
        <v>3946</v>
      </c>
      <c r="C1994" s="16" t="s">
        <v>3947</v>
      </c>
      <c r="D1994" s="26">
        <v>1442043594</v>
      </c>
      <c r="E1994" s="11">
        <v>46904</v>
      </c>
      <c r="F1994" s="9" t="s">
        <v>20</v>
      </c>
      <c r="G1994" s="5">
        <v>1992</v>
      </c>
      <c r="H1994" s="12">
        <f t="shared" si="62"/>
        <v>14</v>
      </c>
      <c r="I1994" s="12">
        <f t="shared" si="63"/>
        <v>13</v>
      </c>
    </row>
    <row r="1995" spans="1:35" s="5" customFormat="1" ht="27.75" customHeight="1" x14ac:dyDescent="0.4">
      <c r="A1995" s="9" t="s">
        <v>3503</v>
      </c>
      <c r="B1995" s="9" t="s">
        <v>3948</v>
      </c>
      <c r="C1995" s="9" t="s">
        <v>3949</v>
      </c>
      <c r="D1995" s="18">
        <v>1442043701</v>
      </c>
      <c r="E1995" s="11">
        <v>47514</v>
      </c>
      <c r="F1995" s="9" t="s">
        <v>20</v>
      </c>
      <c r="G1995" s="12">
        <v>1993</v>
      </c>
      <c r="H1995" s="12">
        <f t="shared" si="62"/>
        <v>22</v>
      </c>
      <c r="I1995" s="12">
        <f t="shared" si="63"/>
        <v>16</v>
      </c>
    </row>
    <row r="1996" spans="1:35" s="5" customFormat="1" ht="27.75" customHeight="1" x14ac:dyDescent="0.4">
      <c r="A1996" s="9" t="s">
        <v>3503</v>
      </c>
      <c r="B1996" s="9" t="s">
        <v>3950</v>
      </c>
      <c r="C1996" s="9" t="s">
        <v>3951</v>
      </c>
      <c r="D1996" s="18">
        <v>1442043610</v>
      </c>
      <c r="E1996" s="11">
        <v>46996</v>
      </c>
      <c r="F1996" s="9" t="s">
        <v>20</v>
      </c>
      <c r="G1996" s="5">
        <v>1994</v>
      </c>
      <c r="H1996" s="12">
        <f t="shared" si="62"/>
        <v>12</v>
      </c>
      <c r="I1996" s="12">
        <f t="shared" si="63"/>
        <v>9</v>
      </c>
    </row>
    <row r="1997" spans="1:35" s="5" customFormat="1" ht="27.75" customHeight="1" x14ac:dyDescent="0.4">
      <c r="A1997" s="9" t="s">
        <v>3503</v>
      </c>
      <c r="B1997" s="16" t="s">
        <v>3952</v>
      </c>
      <c r="C1997" s="16" t="s">
        <v>3953</v>
      </c>
      <c r="D1997" s="10">
        <v>1442040400</v>
      </c>
      <c r="E1997" s="11">
        <v>48273</v>
      </c>
      <c r="F1997" s="9" t="s">
        <v>20</v>
      </c>
      <c r="G1997" s="12">
        <v>1995</v>
      </c>
      <c r="H1997" s="12">
        <f t="shared" si="62"/>
        <v>15</v>
      </c>
      <c r="I1997" s="12">
        <f t="shared" si="63"/>
        <v>13</v>
      </c>
    </row>
    <row r="1998" spans="1:35" s="5" customFormat="1" ht="27.75" customHeight="1" x14ac:dyDescent="0.4">
      <c r="A1998" s="9" t="s">
        <v>3503</v>
      </c>
      <c r="B1998" s="9" t="s">
        <v>3954</v>
      </c>
      <c r="C1998" s="9" t="s">
        <v>3955</v>
      </c>
      <c r="D1998" s="18">
        <v>1442040467</v>
      </c>
      <c r="E1998" s="11">
        <v>46507</v>
      </c>
      <c r="F1998" s="9" t="s">
        <v>20</v>
      </c>
      <c r="G1998" s="5">
        <v>1996</v>
      </c>
      <c r="H1998" s="12">
        <f t="shared" si="62"/>
        <v>11</v>
      </c>
      <c r="I1998" s="12">
        <f t="shared" si="63"/>
        <v>14</v>
      </c>
    </row>
    <row r="1999" spans="1:35" s="5" customFormat="1" ht="27.75" customHeight="1" x14ac:dyDescent="0.4">
      <c r="A1999" s="9" t="s">
        <v>3503</v>
      </c>
      <c r="B1999" s="13" t="s">
        <v>3956</v>
      </c>
      <c r="C1999" s="13" t="s">
        <v>3957</v>
      </c>
      <c r="D1999" s="18">
        <v>1442082444</v>
      </c>
      <c r="E1999" s="11">
        <v>46387</v>
      </c>
      <c r="F1999" s="9" t="s">
        <v>20</v>
      </c>
      <c r="G1999" s="12">
        <v>1997</v>
      </c>
      <c r="H1999" s="12">
        <f t="shared" si="62"/>
        <v>9</v>
      </c>
      <c r="I1999" s="12">
        <f t="shared" si="63"/>
        <v>17</v>
      </c>
    </row>
    <row r="2000" spans="1:35" s="5" customFormat="1" ht="27.75" customHeight="1" x14ac:dyDescent="0.4">
      <c r="A2000" s="9" t="s">
        <v>3503</v>
      </c>
      <c r="B2000" s="13" t="s">
        <v>3958</v>
      </c>
      <c r="C2000" s="9" t="s">
        <v>3959</v>
      </c>
      <c r="D2000" s="18">
        <v>1442082139</v>
      </c>
      <c r="E2000" s="11">
        <v>46387</v>
      </c>
      <c r="F2000" s="9" t="s">
        <v>20</v>
      </c>
      <c r="G2000" s="5">
        <v>1998</v>
      </c>
      <c r="H2000" s="12">
        <f t="shared" si="62"/>
        <v>12</v>
      </c>
      <c r="I2000" s="12">
        <f t="shared" si="63"/>
        <v>16</v>
      </c>
    </row>
    <row r="2001" spans="1:9" s="5" customFormat="1" ht="27.75" customHeight="1" x14ac:dyDescent="0.4">
      <c r="A2001" s="9" t="s">
        <v>3503</v>
      </c>
      <c r="B2001" s="9" t="s">
        <v>3960</v>
      </c>
      <c r="C2001" s="9" t="s">
        <v>3961</v>
      </c>
      <c r="D2001" s="18">
        <v>1442040509</v>
      </c>
      <c r="E2001" s="11">
        <v>46783</v>
      </c>
      <c r="F2001" s="9" t="s">
        <v>20</v>
      </c>
      <c r="G2001" s="12">
        <v>1999</v>
      </c>
      <c r="H2001" s="12">
        <f t="shared" si="62"/>
        <v>12</v>
      </c>
      <c r="I2001" s="12">
        <f t="shared" si="63"/>
        <v>6</v>
      </c>
    </row>
    <row r="2002" spans="1:9" s="5" customFormat="1" ht="27.75" customHeight="1" x14ac:dyDescent="0.4">
      <c r="A2002" s="9" t="s">
        <v>3503</v>
      </c>
      <c r="B2002" s="9" t="s">
        <v>3962</v>
      </c>
      <c r="C2002" s="9" t="s">
        <v>3963</v>
      </c>
      <c r="D2002" s="18">
        <v>1442082196</v>
      </c>
      <c r="E2002" s="11">
        <v>46387</v>
      </c>
      <c r="F2002" s="9" t="s">
        <v>20</v>
      </c>
      <c r="G2002" s="5">
        <v>2000</v>
      </c>
      <c r="H2002" s="12">
        <f t="shared" si="62"/>
        <v>10</v>
      </c>
      <c r="I2002" s="12">
        <f t="shared" si="63"/>
        <v>13</v>
      </c>
    </row>
    <row r="2003" spans="1:9" s="5" customFormat="1" ht="27.75" customHeight="1" x14ac:dyDescent="0.4">
      <c r="A2003" s="9" t="s">
        <v>3503</v>
      </c>
      <c r="B2003" s="9" t="s">
        <v>3964</v>
      </c>
      <c r="C2003" s="9" t="s">
        <v>3965</v>
      </c>
      <c r="D2003" s="18">
        <v>1442082055</v>
      </c>
      <c r="E2003" s="11">
        <v>46387</v>
      </c>
      <c r="F2003" s="9" t="s">
        <v>20</v>
      </c>
      <c r="G2003" s="12">
        <v>2001</v>
      </c>
      <c r="H2003" s="12">
        <f t="shared" si="62"/>
        <v>19</v>
      </c>
      <c r="I2003" s="12">
        <f t="shared" si="63"/>
        <v>12</v>
      </c>
    </row>
    <row r="2004" spans="1:9" s="5" customFormat="1" ht="27.75" customHeight="1" x14ac:dyDescent="0.4">
      <c r="A2004" s="9" t="s">
        <v>3503</v>
      </c>
      <c r="B2004" s="9" t="s">
        <v>3966</v>
      </c>
      <c r="C2004" s="9" t="s">
        <v>3967</v>
      </c>
      <c r="D2004" s="18">
        <v>1442082337</v>
      </c>
      <c r="E2004" s="11">
        <v>46387</v>
      </c>
      <c r="F2004" s="9" t="s">
        <v>20</v>
      </c>
      <c r="G2004" s="5">
        <v>2002</v>
      </c>
      <c r="H2004" s="12">
        <f t="shared" si="62"/>
        <v>11</v>
      </c>
      <c r="I2004" s="12">
        <f t="shared" si="63"/>
        <v>6</v>
      </c>
    </row>
    <row r="2005" spans="1:9" s="5" customFormat="1" ht="27.75" customHeight="1" x14ac:dyDescent="0.4">
      <c r="A2005" s="9" t="s">
        <v>3503</v>
      </c>
      <c r="B2005" s="9" t="s">
        <v>3968</v>
      </c>
      <c r="C2005" s="9" t="s">
        <v>3969</v>
      </c>
      <c r="D2005" s="18">
        <v>1442040277</v>
      </c>
      <c r="E2005" s="11">
        <v>47391</v>
      </c>
      <c r="F2005" s="9" t="s">
        <v>20</v>
      </c>
      <c r="G2005" s="12">
        <v>2003</v>
      </c>
      <c r="H2005" s="12">
        <f t="shared" si="62"/>
        <v>11</v>
      </c>
      <c r="I2005" s="12">
        <f t="shared" si="63"/>
        <v>12</v>
      </c>
    </row>
    <row r="2006" spans="1:9" s="5" customFormat="1" ht="27.75" customHeight="1" x14ac:dyDescent="0.4">
      <c r="A2006" s="9" t="s">
        <v>3503</v>
      </c>
      <c r="B2006" s="9" t="s">
        <v>3970</v>
      </c>
      <c r="C2006" s="9" t="s">
        <v>3971</v>
      </c>
      <c r="D2006" s="18">
        <v>1442040434</v>
      </c>
      <c r="E2006" s="11">
        <v>48365</v>
      </c>
      <c r="F2006" s="9" t="s">
        <v>20</v>
      </c>
      <c r="G2006" s="5">
        <v>2004</v>
      </c>
      <c r="H2006" s="12">
        <f t="shared" si="62"/>
        <v>11</v>
      </c>
      <c r="I2006" s="12">
        <f t="shared" si="63"/>
        <v>6</v>
      </c>
    </row>
    <row r="2007" spans="1:9" s="5" customFormat="1" ht="27.75" customHeight="1" x14ac:dyDescent="0.4">
      <c r="A2007" s="9" t="s">
        <v>3503</v>
      </c>
      <c r="B2007" s="9" t="s">
        <v>3972</v>
      </c>
      <c r="C2007" s="9" t="s">
        <v>3973</v>
      </c>
      <c r="D2007" s="18">
        <v>1442043685</v>
      </c>
      <c r="E2007" s="11">
        <v>47391</v>
      </c>
      <c r="F2007" s="9" t="s">
        <v>20</v>
      </c>
      <c r="G2007" s="12">
        <v>2005</v>
      </c>
      <c r="H2007" s="12">
        <f t="shared" si="62"/>
        <v>10</v>
      </c>
      <c r="I2007" s="12">
        <f t="shared" si="63"/>
        <v>9</v>
      </c>
    </row>
    <row r="2008" spans="1:9" s="5" customFormat="1" ht="27.75" customHeight="1" x14ac:dyDescent="0.4">
      <c r="A2008" s="9" t="s">
        <v>3503</v>
      </c>
      <c r="B2008" s="9" t="s">
        <v>3972</v>
      </c>
      <c r="C2008" s="9" t="s">
        <v>3973</v>
      </c>
      <c r="D2008" s="18">
        <v>1442043917</v>
      </c>
      <c r="E2008" s="11">
        <v>48091</v>
      </c>
      <c r="F2008" s="9" t="s">
        <v>20</v>
      </c>
      <c r="G2008" s="5">
        <v>2006</v>
      </c>
      <c r="H2008" s="12">
        <f t="shared" si="62"/>
        <v>10</v>
      </c>
      <c r="I2008" s="12">
        <f t="shared" si="63"/>
        <v>9</v>
      </c>
    </row>
    <row r="2009" spans="1:9" s="5" customFormat="1" ht="27.75" customHeight="1" x14ac:dyDescent="0.4">
      <c r="A2009" s="9" t="s">
        <v>3503</v>
      </c>
      <c r="B2009" s="9" t="s">
        <v>3974</v>
      </c>
      <c r="C2009" s="9" t="s">
        <v>3975</v>
      </c>
      <c r="D2009" s="18">
        <v>1442043818</v>
      </c>
      <c r="E2009" s="11">
        <v>47848</v>
      </c>
      <c r="F2009" s="9" t="s">
        <v>20</v>
      </c>
      <c r="G2009" s="12">
        <v>2007</v>
      </c>
      <c r="H2009" s="12">
        <f t="shared" si="62"/>
        <v>12</v>
      </c>
      <c r="I2009" s="12">
        <f t="shared" si="63"/>
        <v>10</v>
      </c>
    </row>
    <row r="2010" spans="1:9" s="5" customFormat="1" ht="27.75" customHeight="1" x14ac:dyDescent="0.4">
      <c r="A2010" s="13" t="s">
        <v>3503</v>
      </c>
      <c r="B2010" s="9" t="s">
        <v>3976</v>
      </c>
      <c r="C2010" s="9" t="s">
        <v>3977</v>
      </c>
      <c r="D2010" s="18">
        <v>1442043511</v>
      </c>
      <c r="E2010" s="11">
        <v>48457</v>
      </c>
      <c r="F2010" s="9" t="s">
        <v>20</v>
      </c>
      <c r="G2010" s="5">
        <v>2008</v>
      </c>
      <c r="H2010" s="12">
        <f t="shared" si="62"/>
        <v>13</v>
      </c>
      <c r="I2010" s="12">
        <f t="shared" si="63"/>
        <v>6</v>
      </c>
    </row>
    <row r="2011" spans="1:9" s="5" customFormat="1" ht="27.75" customHeight="1" x14ac:dyDescent="0.4">
      <c r="A2011" s="9" t="s">
        <v>3503</v>
      </c>
      <c r="B2011" s="9" t="s">
        <v>3978</v>
      </c>
      <c r="C2011" s="9" t="s">
        <v>3979</v>
      </c>
      <c r="D2011" s="18">
        <v>1442081743</v>
      </c>
      <c r="E2011" s="11">
        <v>46387</v>
      </c>
      <c r="F2011" s="9" t="s">
        <v>20</v>
      </c>
      <c r="G2011" s="12">
        <v>2009</v>
      </c>
      <c r="H2011" s="12">
        <f t="shared" si="62"/>
        <v>9</v>
      </c>
      <c r="I2011" s="12">
        <f t="shared" si="63"/>
        <v>10</v>
      </c>
    </row>
    <row r="2012" spans="1:9" s="5" customFormat="1" ht="27.75" customHeight="1" x14ac:dyDescent="0.4">
      <c r="A2012" s="13" t="s">
        <v>3503</v>
      </c>
      <c r="B2012" s="13" t="s">
        <v>3980</v>
      </c>
      <c r="C2012" s="13" t="s">
        <v>3981</v>
      </c>
      <c r="D2012" s="18">
        <v>1442082485</v>
      </c>
      <c r="E2012" s="11">
        <v>46387</v>
      </c>
      <c r="F2012" s="9" t="s">
        <v>20</v>
      </c>
      <c r="G2012" s="5">
        <v>2010</v>
      </c>
      <c r="H2012" s="12">
        <f t="shared" si="62"/>
        <v>10</v>
      </c>
      <c r="I2012" s="12">
        <f t="shared" si="63"/>
        <v>6</v>
      </c>
    </row>
    <row r="2013" spans="1:9" s="5" customFormat="1" ht="27.75" customHeight="1" x14ac:dyDescent="0.4">
      <c r="A2013" s="13" t="s">
        <v>3503</v>
      </c>
      <c r="B2013" s="13" t="s">
        <v>3982</v>
      </c>
      <c r="C2013" s="13" t="s">
        <v>3983</v>
      </c>
      <c r="D2013" s="18">
        <v>1442043958</v>
      </c>
      <c r="E2013" s="11">
        <v>48273</v>
      </c>
      <c r="F2013" s="9" t="s">
        <v>20</v>
      </c>
      <c r="G2013" s="12">
        <v>2011</v>
      </c>
      <c r="H2013" s="12">
        <f t="shared" si="62"/>
        <v>10</v>
      </c>
      <c r="I2013" s="12">
        <f t="shared" si="63"/>
        <v>10</v>
      </c>
    </row>
    <row r="2014" spans="1:9" s="5" customFormat="1" ht="27.75" customHeight="1" x14ac:dyDescent="0.4">
      <c r="A2014" s="13" t="s">
        <v>3503</v>
      </c>
      <c r="B2014" s="9" t="s">
        <v>3984</v>
      </c>
      <c r="C2014" s="9" t="s">
        <v>3985</v>
      </c>
      <c r="D2014" s="18">
        <v>1442081834</v>
      </c>
      <c r="E2014" s="11">
        <v>46387</v>
      </c>
      <c r="F2014" s="9" t="s">
        <v>20</v>
      </c>
      <c r="G2014" s="5">
        <v>2012</v>
      </c>
      <c r="H2014" s="12">
        <f t="shared" si="62"/>
        <v>19</v>
      </c>
      <c r="I2014" s="12">
        <f t="shared" si="63"/>
        <v>10</v>
      </c>
    </row>
    <row r="2015" spans="1:9" s="5" customFormat="1" ht="27.75" customHeight="1" x14ac:dyDescent="0.4">
      <c r="A2015" s="13" t="s">
        <v>3503</v>
      </c>
      <c r="B2015" s="9" t="s">
        <v>3629</v>
      </c>
      <c r="C2015" s="9" t="s">
        <v>3986</v>
      </c>
      <c r="D2015" s="18">
        <v>1442081792</v>
      </c>
      <c r="E2015" s="11">
        <v>46387</v>
      </c>
      <c r="F2015" s="9" t="s">
        <v>20</v>
      </c>
      <c r="G2015" s="12">
        <v>2013</v>
      </c>
      <c r="H2015" s="12">
        <f t="shared" si="62"/>
        <v>9</v>
      </c>
      <c r="I2015" s="12">
        <f t="shared" si="63"/>
        <v>5</v>
      </c>
    </row>
    <row r="2016" spans="1:9" s="5" customFormat="1" ht="27.75" customHeight="1" x14ac:dyDescent="0.4">
      <c r="A2016" s="9" t="s">
        <v>3503</v>
      </c>
      <c r="B2016" s="9" t="s">
        <v>3987</v>
      </c>
      <c r="C2016" s="9" t="s">
        <v>3988</v>
      </c>
      <c r="D2016" s="18">
        <v>1442043750</v>
      </c>
      <c r="E2016" s="11">
        <v>47664</v>
      </c>
      <c r="F2016" s="9" t="s">
        <v>20</v>
      </c>
      <c r="G2016" s="5">
        <v>2014</v>
      </c>
      <c r="H2016" s="12">
        <f t="shared" si="62"/>
        <v>11</v>
      </c>
      <c r="I2016" s="12">
        <f t="shared" si="63"/>
        <v>11</v>
      </c>
    </row>
    <row r="2017" spans="1:9" s="5" customFormat="1" ht="27.75" customHeight="1" x14ac:dyDescent="0.4">
      <c r="A2017" s="13" t="s">
        <v>3503</v>
      </c>
      <c r="B2017" s="9" t="s">
        <v>3989</v>
      </c>
      <c r="C2017" s="9" t="s">
        <v>3990</v>
      </c>
      <c r="D2017" s="18">
        <v>1442043669</v>
      </c>
      <c r="E2017" s="11">
        <v>47299</v>
      </c>
      <c r="F2017" s="9" t="s">
        <v>20</v>
      </c>
      <c r="G2017" s="12">
        <v>2015</v>
      </c>
      <c r="H2017" s="12">
        <f t="shared" si="62"/>
        <v>17</v>
      </c>
      <c r="I2017" s="12">
        <f t="shared" si="63"/>
        <v>20</v>
      </c>
    </row>
    <row r="2018" spans="1:9" s="5" customFormat="1" ht="27.75" customHeight="1" x14ac:dyDescent="0.4">
      <c r="A2018" s="13" t="s">
        <v>3503</v>
      </c>
      <c r="B2018" s="13" t="s">
        <v>3991</v>
      </c>
      <c r="C2018" s="13" t="s">
        <v>3992</v>
      </c>
      <c r="D2018" s="26">
        <v>1442040178</v>
      </c>
      <c r="E2018" s="11">
        <v>46387</v>
      </c>
      <c r="F2018" s="9" t="s">
        <v>20</v>
      </c>
      <c r="G2018" s="5">
        <v>2016</v>
      </c>
      <c r="H2018" s="12">
        <f t="shared" si="62"/>
        <v>12</v>
      </c>
      <c r="I2018" s="12">
        <f t="shared" si="63"/>
        <v>9</v>
      </c>
    </row>
    <row r="2019" spans="1:9" s="5" customFormat="1" ht="27.75" customHeight="1" x14ac:dyDescent="0.4">
      <c r="A2019" s="9" t="s">
        <v>3503</v>
      </c>
      <c r="B2019" s="9" t="s">
        <v>3993</v>
      </c>
      <c r="C2019" s="9" t="s">
        <v>541</v>
      </c>
      <c r="D2019" s="18">
        <v>1442081701</v>
      </c>
      <c r="E2019" s="11">
        <v>46387</v>
      </c>
      <c r="F2019" s="9" t="s">
        <v>20</v>
      </c>
      <c r="G2019" s="12">
        <v>2017</v>
      </c>
      <c r="H2019" s="12">
        <f t="shared" si="62"/>
        <v>12</v>
      </c>
      <c r="I2019" s="12">
        <f t="shared" si="63"/>
        <v>5</v>
      </c>
    </row>
    <row r="2020" spans="1:9" s="5" customFormat="1" ht="27.75" customHeight="1" x14ac:dyDescent="0.4">
      <c r="A2020" s="13" t="s">
        <v>3503</v>
      </c>
      <c r="B2020" s="9" t="s">
        <v>3994</v>
      </c>
      <c r="C2020" s="9" t="s">
        <v>545</v>
      </c>
      <c r="D2020" s="18">
        <v>1442082295</v>
      </c>
      <c r="E2020" s="11">
        <v>46387</v>
      </c>
      <c r="F2020" s="9" t="s">
        <v>20</v>
      </c>
      <c r="G2020" s="5">
        <v>2018</v>
      </c>
      <c r="H2020" s="12">
        <f t="shared" si="62"/>
        <v>11</v>
      </c>
      <c r="I2020" s="12">
        <f t="shared" si="63"/>
        <v>9</v>
      </c>
    </row>
    <row r="2021" spans="1:9" s="5" customFormat="1" ht="27.75" customHeight="1" x14ac:dyDescent="0.4">
      <c r="A2021" s="9" t="s">
        <v>3503</v>
      </c>
      <c r="B2021" s="9" t="s">
        <v>3995</v>
      </c>
      <c r="C2021" s="9" t="s">
        <v>3996</v>
      </c>
      <c r="D2021" s="18">
        <v>1442082048</v>
      </c>
      <c r="E2021" s="11">
        <v>46387</v>
      </c>
      <c r="F2021" s="9" t="s">
        <v>20</v>
      </c>
      <c r="G2021" s="12">
        <v>2019</v>
      </c>
      <c r="H2021" s="12">
        <f t="shared" si="62"/>
        <v>11</v>
      </c>
      <c r="I2021" s="12">
        <f t="shared" si="63"/>
        <v>18</v>
      </c>
    </row>
    <row r="2022" spans="1:9" s="5" customFormat="1" ht="27.75" customHeight="1" x14ac:dyDescent="0.4">
      <c r="A2022" s="9" t="s">
        <v>3503</v>
      </c>
      <c r="B2022" s="9" t="s">
        <v>3997</v>
      </c>
      <c r="C2022" s="9" t="s">
        <v>3998</v>
      </c>
      <c r="D2022" s="18">
        <v>1442081727</v>
      </c>
      <c r="E2022" s="11">
        <v>46387</v>
      </c>
      <c r="F2022" s="9" t="s">
        <v>20</v>
      </c>
      <c r="G2022" s="5">
        <v>2020</v>
      </c>
      <c r="H2022" s="12">
        <f t="shared" si="62"/>
        <v>11</v>
      </c>
      <c r="I2022" s="12">
        <f t="shared" si="63"/>
        <v>4</v>
      </c>
    </row>
    <row r="2023" spans="1:9" s="5" customFormat="1" ht="27.75" customHeight="1" x14ac:dyDescent="0.4">
      <c r="A2023" s="9" t="s">
        <v>3503</v>
      </c>
      <c r="B2023" s="9" t="s">
        <v>3999</v>
      </c>
      <c r="C2023" s="9" t="s">
        <v>2838</v>
      </c>
      <c r="D2023" s="18">
        <v>1442081370</v>
      </c>
      <c r="E2023" s="11">
        <v>46387</v>
      </c>
      <c r="F2023" s="9" t="s">
        <v>20</v>
      </c>
      <c r="G2023" s="12">
        <v>2021</v>
      </c>
      <c r="H2023" s="12">
        <f t="shared" si="62"/>
        <v>11</v>
      </c>
      <c r="I2023" s="12">
        <f t="shared" si="63"/>
        <v>9</v>
      </c>
    </row>
    <row r="2024" spans="1:9" s="5" customFormat="1" ht="27.75" customHeight="1" x14ac:dyDescent="0.4">
      <c r="A2024" s="13" t="s">
        <v>3503</v>
      </c>
      <c r="B2024" s="9" t="s">
        <v>4000</v>
      </c>
      <c r="C2024" s="9" t="s">
        <v>4001</v>
      </c>
      <c r="D2024" s="18">
        <v>1442043784</v>
      </c>
      <c r="E2024" s="11">
        <v>47695</v>
      </c>
      <c r="F2024" s="9" t="s">
        <v>20</v>
      </c>
      <c r="G2024" s="5">
        <v>2022</v>
      </c>
      <c r="H2024" s="12">
        <f t="shared" si="62"/>
        <v>13</v>
      </c>
      <c r="I2024" s="12">
        <f t="shared" si="63"/>
        <v>12</v>
      </c>
    </row>
    <row r="2025" spans="1:9" s="5" customFormat="1" ht="27.75" customHeight="1" x14ac:dyDescent="0.4">
      <c r="A2025" s="13" t="s">
        <v>3503</v>
      </c>
      <c r="B2025" s="9" t="s">
        <v>4002</v>
      </c>
      <c r="C2025" s="9" t="s">
        <v>4003</v>
      </c>
      <c r="D2025" s="18">
        <v>1442040269</v>
      </c>
      <c r="E2025" s="11">
        <v>47330</v>
      </c>
      <c r="F2025" s="9" t="s">
        <v>20</v>
      </c>
      <c r="G2025" s="12">
        <v>2023</v>
      </c>
      <c r="H2025" s="12">
        <f t="shared" si="62"/>
        <v>11</v>
      </c>
      <c r="I2025" s="12">
        <f t="shared" si="63"/>
        <v>6</v>
      </c>
    </row>
    <row r="2026" spans="1:9" s="5" customFormat="1" ht="27.75" customHeight="1" x14ac:dyDescent="0.4">
      <c r="A2026" s="13" t="s">
        <v>3503</v>
      </c>
      <c r="B2026" s="9" t="s">
        <v>4004</v>
      </c>
      <c r="C2026" s="9" t="s">
        <v>4005</v>
      </c>
      <c r="D2026" s="18">
        <v>1442000057</v>
      </c>
      <c r="E2026" s="11">
        <v>46387</v>
      </c>
      <c r="F2026" s="9" t="s">
        <v>20</v>
      </c>
      <c r="G2026" s="5">
        <v>2024</v>
      </c>
      <c r="H2026" s="12">
        <f t="shared" si="62"/>
        <v>8</v>
      </c>
      <c r="I2026" s="12">
        <f t="shared" si="63"/>
        <v>12</v>
      </c>
    </row>
    <row r="2027" spans="1:9" s="5" customFormat="1" ht="27.75" customHeight="1" x14ac:dyDescent="0.4">
      <c r="A2027" s="13" t="s">
        <v>3503</v>
      </c>
      <c r="B2027" s="9" t="s">
        <v>4006</v>
      </c>
      <c r="C2027" s="9" t="s">
        <v>4007</v>
      </c>
      <c r="D2027" s="18">
        <v>1442043651</v>
      </c>
      <c r="E2027" s="11">
        <v>47149</v>
      </c>
      <c r="F2027" s="9" t="s">
        <v>20</v>
      </c>
      <c r="G2027" s="12">
        <v>2025</v>
      </c>
      <c r="H2027" s="12">
        <f t="shared" si="62"/>
        <v>10</v>
      </c>
      <c r="I2027" s="12">
        <f t="shared" si="63"/>
        <v>12</v>
      </c>
    </row>
    <row r="2028" spans="1:9" s="5" customFormat="1" ht="27.75" customHeight="1" x14ac:dyDescent="0.4">
      <c r="A2028" s="9" t="s">
        <v>3503</v>
      </c>
      <c r="B2028" s="9" t="s">
        <v>4008</v>
      </c>
      <c r="C2028" s="9" t="s">
        <v>4009</v>
      </c>
      <c r="D2028" s="18">
        <v>1442001261</v>
      </c>
      <c r="E2028" s="11">
        <v>46387</v>
      </c>
      <c r="F2028" s="9" t="s">
        <v>20</v>
      </c>
      <c r="G2028" s="5">
        <v>2026</v>
      </c>
      <c r="H2028" s="12">
        <f t="shared" si="62"/>
        <v>8</v>
      </c>
      <c r="I2028" s="12">
        <f t="shared" si="63"/>
        <v>7</v>
      </c>
    </row>
    <row r="2029" spans="1:9" s="5" customFormat="1" ht="27.75" customHeight="1" x14ac:dyDescent="0.4">
      <c r="A2029" s="9" t="s">
        <v>3503</v>
      </c>
      <c r="B2029" s="9" t="s">
        <v>4010</v>
      </c>
      <c r="C2029" s="9" t="s">
        <v>4011</v>
      </c>
      <c r="D2029" s="18">
        <v>1442040202</v>
      </c>
      <c r="E2029" s="11">
        <v>47026</v>
      </c>
      <c r="F2029" s="9" t="s">
        <v>20</v>
      </c>
      <c r="G2029" s="12">
        <v>2027</v>
      </c>
      <c r="H2029" s="12">
        <f t="shared" si="62"/>
        <v>24</v>
      </c>
      <c r="I2029" s="12">
        <f t="shared" si="63"/>
        <v>17</v>
      </c>
    </row>
    <row r="2030" spans="1:9" s="5" customFormat="1" ht="27.75" customHeight="1" x14ac:dyDescent="0.4">
      <c r="A2030" s="9" t="s">
        <v>3503</v>
      </c>
      <c r="B2030" s="9" t="s">
        <v>4012</v>
      </c>
      <c r="C2030" s="9" t="s">
        <v>4013</v>
      </c>
      <c r="D2030" s="18">
        <v>1442043842</v>
      </c>
      <c r="E2030" s="11">
        <v>48060</v>
      </c>
      <c r="F2030" s="9" t="s">
        <v>20</v>
      </c>
      <c r="G2030" s="5">
        <v>2028</v>
      </c>
      <c r="H2030" s="12">
        <f t="shared" si="62"/>
        <v>12</v>
      </c>
      <c r="I2030" s="12">
        <f t="shared" si="63"/>
        <v>18</v>
      </c>
    </row>
    <row r="2031" spans="1:9" s="5" customFormat="1" ht="27.75" customHeight="1" x14ac:dyDescent="0.4">
      <c r="A2031" s="9" t="s">
        <v>3503</v>
      </c>
      <c r="B2031" s="15" t="s">
        <v>4014</v>
      </c>
      <c r="C2031" s="9" t="s">
        <v>4015</v>
      </c>
      <c r="D2031" s="18">
        <v>1442081933</v>
      </c>
      <c r="E2031" s="11">
        <v>46387</v>
      </c>
      <c r="F2031" s="9" t="s">
        <v>20</v>
      </c>
      <c r="G2031" s="12">
        <v>2029</v>
      </c>
      <c r="H2031" s="12">
        <f t="shared" si="62"/>
        <v>11</v>
      </c>
      <c r="I2031" s="12">
        <f t="shared" si="63"/>
        <v>10</v>
      </c>
    </row>
    <row r="2032" spans="1:9" s="5" customFormat="1" ht="27.75" customHeight="1" x14ac:dyDescent="0.4">
      <c r="A2032" s="13" t="s">
        <v>3503</v>
      </c>
      <c r="B2032" s="9" t="s">
        <v>3561</v>
      </c>
      <c r="C2032" s="9" t="s">
        <v>4016</v>
      </c>
      <c r="D2032" s="18">
        <v>1442040236</v>
      </c>
      <c r="E2032" s="11">
        <v>47177</v>
      </c>
      <c r="F2032" s="9" t="s">
        <v>20</v>
      </c>
      <c r="G2032" s="5">
        <v>2030</v>
      </c>
      <c r="H2032" s="12">
        <f t="shared" si="62"/>
        <v>11</v>
      </c>
      <c r="I2032" s="12">
        <f t="shared" si="63"/>
        <v>5</v>
      </c>
    </row>
    <row r="2033" spans="1:35" s="5" customFormat="1" ht="27.75" customHeight="1" x14ac:dyDescent="0.4">
      <c r="A2033" s="9" t="s">
        <v>3503</v>
      </c>
      <c r="B2033" s="9" t="s">
        <v>4017</v>
      </c>
      <c r="C2033" s="9" t="s">
        <v>4018</v>
      </c>
      <c r="D2033" s="18">
        <v>1442082402</v>
      </c>
      <c r="E2033" s="11">
        <v>46387</v>
      </c>
      <c r="F2033" s="9" t="s">
        <v>20</v>
      </c>
      <c r="G2033" s="12">
        <v>2031</v>
      </c>
      <c r="H2033" s="12">
        <f t="shared" si="62"/>
        <v>12</v>
      </c>
      <c r="I2033" s="12">
        <f t="shared" si="63"/>
        <v>12</v>
      </c>
    </row>
    <row r="2034" spans="1:35" s="5" customFormat="1" ht="27.75" customHeight="1" x14ac:dyDescent="0.4">
      <c r="A2034" s="13" t="s">
        <v>3503</v>
      </c>
      <c r="B2034" s="9" t="s">
        <v>4019</v>
      </c>
      <c r="C2034" s="9" t="s">
        <v>4020</v>
      </c>
      <c r="D2034" s="18">
        <v>1442043834</v>
      </c>
      <c r="E2034" s="11">
        <v>48029</v>
      </c>
      <c r="F2034" s="9" t="s">
        <v>20</v>
      </c>
      <c r="G2034" s="5">
        <v>2032</v>
      </c>
      <c r="H2034" s="12">
        <f t="shared" si="62"/>
        <v>11</v>
      </c>
      <c r="I2034" s="12">
        <f t="shared" si="63"/>
        <v>14</v>
      </c>
    </row>
    <row r="2035" spans="1:35" s="5" customFormat="1" ht="27.75" customHeight="1" x14ac:dyDescent="0.4">
      <c r="A2035" s="13" t="s">
        <v>3503</v>
      </c>
      <c r="B2035" s="9" t="s">
        <v>4021</v>
      </c>
      <c r="C2035" s="9" t="s">
        <v>4022</v>
      </c>
      <c r="D2035" s="18">
        <v>1442043891</v>
      </c>
      <c r="E2035" s="11">
        <v>48091</v>
      </c>
      <c r="F2035" s="9" t="s">
        <v>20</v>
      </c>
      <c r="G2035" s="12">
        <v>2033</v>
      </c>
      <c r="H2035" s="12">
        <f t="shared" si="62"/>
        <v>12</v>
      </c>
      <c r="I2035" s="12">
        <f t="shared" si="63"/>
        <v>9</v>
      </c>
    </row>
    <row r="2036" spans="1:35" s="5" customFormat="1" ht="27.75" customHeight="1" x14ac:dyDescent="0.4">
      <c r="A2036" s="13" t="s">
        <v>3503</v>
      </c>
      <c r="B2036" s="9" t="s">
        <v>4023</v>
      </c>
      <c r="C2036" s="9" t="s">
        <v>4024</v>
      </c>
      <c r="D2036" s="18">
        <v>1442001121</v>
      </c>
      <c r="E2036" s="11">
        <v>46387</v>
      </c>
      <c r="F2036" s="9" t="s">
        <v>20</v>
      </c>
      <c r="G2036" s="5">
        <v>2034</v>
      </c>
      <c r="H2036" s="12">
        <f t="shared" si="62"/>
        <v>13</v>
      </c>
      <c r="I2036" s="12">
        <f t="shared" si="63"/>
        <v>7</v>
      </c>
    </row>
    <row r="2037" spans="1:35" s="5" customFormat="1" ht="27.75" customHeight="1" x14ac:dyDescent="0.4">
      <c r="A2037" s="13" t="s">
        <v>3503</v>
      </c>
      <c r="B2037" s="15" t="s">
        <v>4025</v>
      </c>
      <c r="C2037" s="16" t="s">
        <v>4026</v>
      </c>
      <c r="D2037" s="10">
        <v>1442043727</v>
      </c>
      <c r="E2037" s="11">
        <v>47542</v>
      </c>
      <c r="F2037" s="9" t="s">
        <v>20</v>
      </c>
      <c r="G2037" s="12">
        <v>2035</v>
      </c>
      <c r="H2037" s="12">
        <f t="shared" si="62"/>
        <v>12</v>
      </c>
      <c r="I2037" s="12">
        <f t="shared" si="63"/>
        <v>10</v>
      </c>
    </row>
    <row r="2038" spans="1:35" s="5" customFormat="1" ht="27.75" customHeight="1" x14ac:dyDescent="0.4">
      <c r="A2038" s="9" t="s">
        <v>3503</v>
      </c>
      <c r="B2038" s="9" t="s">
        <v>4027</v>
      </c>
      <c r="C2038" s="9" t="s">
        <v>4028</v>
      </c>
      <c r="D2038" s="18">
        <v>1442082022</v>
      </c>
      <c r="E2038" s="11">
        <v>46387</v>
      </c>
      <c r="F2038" s="9" t="s">
        <v>20</v>
      </c>
      <c r="G2038" s="5">
        <v>2036</v>
      </c>
      <c r="H2038" s="12">
        <f t="shared" si="62"/>
        <v>11</v>
      </c>
      <c r="I2038" s="12">
        <f t="shared" si="63"/>
        <v>17</v>
      </c>
    </row>
    <row r="2039" spans="1:35" s="5" customFormat="1" ht="27.75" customHeight="1" x14ac:dyDescent="0.4">
      <c r="A2039" s="9" t="s">
        <v>3503</v>
      </c>
      <c r="B2039" s="9" t="s">
        <v>4029</v>
      </c>
      <c r="C2039" s="9" t="s">
        <v>4030</v>
      </c>
      <c r="D2039" s="18">
        <v>1442040459</v>
      </c>
      <c r="E2039" s="11">
        <v>46326</v>
      </c>
      <c r="F2039" s="9" t="s">
        <v>20</v>
      </c>
      <c r="G2039" s="12">
        <v>2037</v>
      </c>
      <c r="H2039" s="12">
        <f t="shared" si="62"/>
        <v>11</v>
      </c>
      <c r="I2039" s="12">
        <f t="shared" si="63"/>
        <v>6</v>
      </c>
    </row>
    <row r="2040" spans="1:35" s="5" customFormat="1" ht="27.75" customHeight="1" x14ac:dyDescent="0.4">
      <c r="A2040" s="13" t="s">
        <v>3503</v>
      </c>
      <c r="B2040" s="9" t="s">
        <v>4031</v>
      </c>
      <c r="C2040" s="9" t="s">
        <v>4032</v>
      </c>
      <c r="D2040" s="18">
        <v>1442082436</v>
      </c>
      <c r="E2040" s="11">
        <v>46387</v>
      </c>
      <c r="F2040" s="9" t="s">
        <v>20</v>
      </c>
      <c r="G2040" s="5">
        <v>2038</v>
      </c>
      <c r="H2040" s="12">
        <f t="shared" si="62"/>
        <v>14</v>
      </c>
      <c r="I2040" s="12">
        <f t="shared" si="63"/>
        <v>11</v>
      </c>
    </row>
    <row r="2041" spans="1:35" s="5" customFormat="1" ht="27.75" customHeight="1" x14ac:dyDescent="0.4">
      <c r="A2041" s="13" t="s">
        <v>3503</v>
      </c>
      <c r="B2041" s="9" t="s">
        <v>4033</v>
      </c>
      <c r="C2041" s="9" t="s">
        <v>4034</v>
      </c>
      <c r="D2041" s="18">
        <v>1442001303</v>
      </c>
      <c r="E2041" s="11">
        <v>46387</v>
      </c>
      <c r="F2041" s="9" t="s">
        <v>20</v>
      </c>
      <c r="G2041" s="12">
        <v>2039</v>
      </c>
      <c r="H2041" s="12">
        <f t="shared" si="62"/>
        <v>10</v>
      </c>
      <c r="I2041" s="12">
        <f t="shared" si="63"/>
        <v>9</v>
      </c>
    </row>
    <row r="2042" spans="1:35" s="5" customFormat="1" ht="27.75" customHeight="1" x14ac:dyDescent="0.4">
      <c r="A2042" s="13" t="s">
        <v>3503</v>
      </c>
      <c r="B2042" s="9" t="s">
        <v>4035</v>
      </c>
      <c r="C2042" s="9" t="s">
        <v>4036</v>
      </c>
      <c r="D2042" s="18">
        <v>1442081925</v>
      </c>
      <c r="E2042" s="11">
        <v>46387</v>
      </c>
      <c r="F2042" s="9" t="s">
        <v>20</v>
      </c>
      <c r="G2042" s="5">
        <v>2040</v>
      </c>
      <c r="H2042" s="12">
        <f t="shared" si="62"/>
        <v>11</v>
      </c>
      <c r="I2042" s="12">
        <f t="shared" si="63"/>
        <v>9</v>
      </c>
    </row>
    <row r="2043" spans="1:35" s="5" customFormat="1" ht="27.75" customHeight="1" x14ac:dyDescent="0.4">
      <c r="A2043" s="9" t="s">
        <v>3503</v>
      </c>
      <c r="B2043" s="9" t="s">
        <v>4037</v>
      </c>
      <c r="C2043" s="9" t="s">
        <v>4038</v>
      </c>
      <c r="D2043" s="18">
        <v>1442081537</v>
      </c>
      <c r="E2043" s="11">
        <v>46387</v>
      </c>
      <c r="F2043" s="9" t="s">
        <v>20</v>
      </c>
      <c r="G2043" s="12">
        <v>2041</v>
      </c>
      <c r="H2043" s="12">
        <f t="shared" si="62"/>
        <v>10</v>
      </c>
      <c r="I2043" s="12">
        <f t="shared" si="63"/>
        <v>5</v>
      </c>
      <c r="J2043" s="12"/>
      <c r="K2043" s="12"/>
      <c r="L2043" s="12"/>
      <c r="M2043" s="12"/>
      <c r="N2043" s="12"/>
      <c r="O2043" s="12"/>
      <c r="P2043" s="12"/>
      <c r="Q2043" s="12"/>
      <c r="R2043" s="12"/>
      <c r="S2043" s="12"/>
      <c r="T2043" s="12"/>
      <c r="U2043" s="12"/>
      <c r="V2043" s="12"/>
      <c r="W2043" s="12"/>
      <c r="X2043" s="12"/>
      <c r="Y2043" s="12"/>
      <c r="Z2043" s="12"/>
      <c r="AA2043" s="12"/>
      <c r="AB2043" s="12"/>
      <c r="AC2043" s="12"/>
      <c r="AD2043" s="12"/>
      <c r="AE2043" s="12"/>
      <c r="AF2043" s="12"/>
      <c r="AG2043" s="12"/>
      <c r="AH2043" s="12"/>
      <c r="AI2043" s="12"/>
    </row>
    <row r="2044" spans="1:35" s="5" customFormat="1" ht="27.75" customHeight="1" x14ac:dyDescent="0.4">
      <c r="A2044" s="9" t="s">
        <v>3503</v>
      </c>
      <c r="B2044" s="9" t="s">
        <v>4039</v>
      </c>
      <c r="C2044" s="9" t="s">
        <v>573</v>
      </c>
      <c r="D2044" s="23">
        <v>1442040376</v>
      </c>
      <c r="E2044" s="11">
        <v>48273</v>
      </c>
      <c r="F2044" s="9" t="s">
        <v>20</v>
      </c>
      <c r="G2044" s="5">
        <v>2042</v>
      </c>
      <c r="H2044" s="12">
        <f t="shared" si="62"/>
        <v>10</v>
      </c>
      <c r="I2044" s="12">
        <f t="shared" si="63"/>
        <v>4</v>
      </c>
      <c r="M2044" s="24"/>
      <c r="N2044" s="24"/>
      <c r="O2044" s="24"/>
      <c r="P2044" s="24"/>
      <c r="Q2044" s="24"/>
      <c r="R2044" s="24"/>
      <c r="S2044" s="24"/>
      <c r="T2044" s="24"/>
      <c r="U2044" s="24"/>
      <c r="V2044" s="24"/>
      <c r="W2044" s="24"/>
      <c r="X2044" s="24"/>
      <c r="Y2044" s="24"/>
      <c r="Z2044" s="24"/>
      <c r="AA2044" s="24"/>
      <c r="AB2044" s="24"/>
      <c r="AC2044" s="24"/>
      <c r="AD2044" s="24"/>
      <c r="AE2044" s="24"/>
      <c r="AF2044" s="24"/>
      <c r="AG2044" s="24"/>
      <c r="AH2044" s="24"/>
      <c r="AI2044" s="24"/>
    </row>
    <row r="2045" spans="1:35" s="5" customFormat="1" ht="27.75" customHeight="1" x14ac:dyDescent="0.4">
      <c r="A2045" s="9" t="s">
        <v>3503</v>
      </c>
      <c r="B2045" s="9" t="s">
        <v>4040</v>
      </c>
      <c r="C2045" s="9" t="s">
        <v>4041</v>
      </c>
      <c r="D2045" s="18">
        <v>1442081768</v>
      </c>
      <c r="E2045" s="11">
        <v>46387</v>
      </c>
      <c r="F2045" s="9" t="s">
        <v>20</v>
      </c>
      <c r="G2045" s="12">
        <v>2043</v>
      </c>
      <c r="H2045" s="12">
        <f t="shared" si="62"/>
        <v>12</v>
      </c>
      <c r="I2045" s="12">
        <f t="shared" si="63"/>
        <v>5</v>
      </c>
    </row>
    <row r="2046" spans="1:35" s="5" customFormat="1" ht="27.75" customHeight="1" x14ac:dyDescent="0.4">
      <c r="A2046" s="9" t="s">
        <v>3503</v>
      </c>
      <c r="B2046" s="9" t="s">
        <v>4042</v>
      </c>
      <c r="C2046" s="9" t="s">
        <v>4043</v>
      </c>
      <c r="D2046" s="18">
        <v>1442040442</v>
      </c>
      <c r="E2046" s="11">
        <v>48487</v>
      </c>
      <c r="F2046" s="9" t="s">
        <v>20</v>
      </c>
      <c r="G2046" s="5">
        <v>2044</v>
      </c>
      <c r="H2046" s="12">
        <f t="shared" si="62"/>
        <v>11</v>
      </c>
      <c r="I2046" s="12">
        <f t="shared" si="63"/>
        <v>13</v>
      </c>
    </row>
    <row r="2047" spans="1:35" s="5" customFormat="1" ht="27.75" customHeight="1" x14ac:dyDescent="0.4">
      <c r="A2047" s="13" t="s">
        <v>3503</v>
      </c>
      <c r="B2047" s="9" t="s">
        <v>4044</v>
      </c>
      <c r="C2047" s="9" t="s">
        <v>4045</v>
      </c>
      <c r="D2047" s="18">
        <v>1442040285</v>
      </c>
      <c r="E2047" s="11">
        <v>47422</v>
      </c>
      <c r="F2047" s="9" t="s">
        <v>20</v>
      </c>
      <c r="G2047" s="12">
        <v>2045</v>
      </c>
      <c r="H2047" s="12">
        <f t="shared" si="62"/>
        <v>14</v>
      </c>
      <c r="I2047" s="12">
        <f t="shared" si="63"/>
        <v>11</v>
      </c>
    </row>
    <row r="2048" spans="1:35" s="5" customFormat="1" ht="27.75" customHeight="1" x14ac:dyDescent="0.4">
      <c r="A2048" s="13" t="s">
        <v>3503</v>
      </c>
      <c r="B2048" s="9" t="s">
        <v>4046</v>
      </c>
      <c r="C2048" s="9" t="s">
        <v>4047</v>
      </c>
      <c r="D2048" s="18">
        <v>1442081396</v>
      </c>
      <c r="E2048" s="11">
        <v>46387</v>
      </c>
      <c r="F2048" s="9" t="s">
        <v>20</v>
      </c>
      <c r="G2048" s="5">
        <v>2046</v>
      </c>
      <c r="H2048" s="12">
        <f t="shared" si="62"/>
        <v>12</v>
      </c>
      <c r="I2048" s="12">
        <f t="shared" si="63"/>
        <v>21</v>
      </c>
    </row>
    <row r="2049" spans="1:35" s="5" customFormat="1" ht="27.75" customHeight="1" x14ac:dyDescent="0.4">
      <c r="A2049" s="9" t="s">
        <v>3503</v>
      </c>
      <c r="B2049" s="9" t="s">
        <v>4048</v>
      </c>
      <c r="C2049" s="9" t="s">
        <v>4049</v>
      </c>
      <c r="D2049" s="18">
        <v>1442043537</v>
      </c>
      <c r="E2049" s="11">
        <v>47938</v>
      </c>
      <c r="F2049" s="9" t="s">
        <v>20</v>
      </c>
      <c r="G2049" s="12">
        <v>2047</v>
      </c>
      <c r="H2049" s="12">
        <f t="shared" si="62"/>
        <v>11</v>
      </c>
      <c r="I2049" s="12">
        <f t="shared" si="63"/>
        <v>10</v>
      </c>
    </row>
    <row r="2050" spans="1:35" s="5" customFormat="1" ht="27.75" customHeight="1" x14ac:dyDescent="0.4">
      <c r="A2050" s="9" t="s">
        <v>3503</v>
      </c>
      <c r="B2050" s="9" t="s">
        <v>4050</v>
      </c>
      <c r="C2050" s="9" t="s">
        <v>4051</v>
      </c>
      <c r="D2050" s="18">
        <v>1442040061</v>
      </c>
      <c r="E2050" s="11">
        <v>46387</v>
      </c>
      <c r="F2050" s="9" t="s">
        <v>20</v>
      </c>
      <c r="G2050" s="5">
        <v>2048</v>
      </c>
      <c r="H2050" s="12">
        <f t="shared" si="62"/>
        <v>11</v>
      </c>
      <c r="I2050" s="12">
        <f t="shared" si="63"/>
        <v>5</v>
      </c>
    </row>
    <row r="2051" spans="1:35" s="5" customFormat="1" ht="27.75" customHeight="1" x14ac:dyDescent="0.4">
      <c r="A2051" s="9" t="s">
        <v>3503</v>
      </c>
      <c r="B2051" s="9" t="s">
        <v>4052</v>
      </c>
      <c r="C2051" s="9" t="s">
        <v>4053</v>
      </c>
      <c r="D2051" s="18">
        <v>1442082477</v>
      </c>
      <c r="E2051" s="11">
        <v>46387</v>
      </c>
      <c r="F2051" s="9" t="s">
        <v>20</v>
      </c>
      <c r="G2051" s="12">
        <v>2049</v>
      </c>
      <c r="H2051" s="12">
        <f t="shared" si="62"/>
        <v>10</v>
      </c>
      <c r="I2051" s="12">
        <f t="shared" si="63"/>
        <v>6</v>
      </c>
      <c r="J2051" s="12"/>
      <c r="K2051" s="12"/>
      <c r="L2051" s="12"/>
      <c r="M2051" s="12"/>
      <c r="N2051" s="12"/>
      <c r="O2051" s="12"/>
      <c r="P2051" s="12"/>
      <c r="Q2051" s="12"/>
      <c r="R2051" s="12"/>
      <c r="S2051" s="12"/>
      <c r="T2051" s="12"/>
      <c r="U2051" s="12"/>
      <c r="V2051" s="12"/>
      <c r="W2051" s="12"/>
      <c r="X2051" s="12"/>
      <c r="Y2051" s="12"/>
      <c r="Z2051" s="12"/>
      <c r="AA2051" s="12"/>
      <c r="AB2051" s="12"/>
      <c r="AC2051" s="12"/>
      <c r="AD2051" s="12"/>
      <c r="AE2051" s="12"/>
      <c r="AF2051" s="12"/>
      <c r="AG2051" s="12"/>
      <c r="AH2051" s="12"/>
      <c r="AI2051" s="12"/>
    </row>
    <row r="2052" spans="1:35" s="5" customFormat="1" ht="27.75" customHeight="1" x14ac:dyDescent="0.4">
      <c r="A2052" s="9" t="s">
        <v>3503</v>
      </c>
      <c r="B2052" s="14" t="s">
        <v>4054</v>
      </c>
      <c r="C2052" s="9" t="s">
        <v>4055</v>
      </c>
      <c r="D2052" s="18">
        <v>1442000354</v>
      </c>
      <c r="E2052" s="11">
        <v>46387</v>
      </c>
      <c r="F2052" s="9" t="s">
        <v>20</v>
      </c>
      <c r="G2052" s="5">
        <v>2050</v>
      </c>
      <c r="H2052" s="12">
        <f t="shared" ref="H2052:H2115" si="64">LEN(C2052)</f>
        <v>10</v>
      </c>
      <c r="I2052" s="12">
        <f t="shared" ref="I2052:I2115" si="65">LEN(B2052)</f>
        <v>13</v>
      </c>
    </row>
    <row r="2053" spans="1:35" s="5" customFormat="1" ht="27.75" customHeight="1" x14ac:dyDescent="0.4">
      <c r="A2053" s="9" t="s">
        <v>3503</v>
      </c>
      <c r="B2053" s="9" t="s">
        <v>4056</v>
      </c>
      <c r="C2053" s="9" t="s">
        <v>4057</v>
      </c>
      <c r="D2053" s="18">
        <v>1442043859</v>
      </c>
      <c r="E2053" s="11">
        <v>48029</v>
      </c>
      <c r="F2053" s="9" t="s">
        <v>20</v>
      </c>
      <c r="G2053" s="12">
        <v>2051</v>
      </c>
      <c r="H2053" s="12">
        <f t="shared" si="64"/>
        <v>10</v>
      </c>
      <c r="I2053" s="12">
        <f t="shared" si="65"/>
        <v>10</v>
      </c>
      <c r="J2053" s="24"/>
      <c r="K2053" s="24"/>
      <c r="L2053" s="24"/>
    </row>
    <row r="2054" spans="1:35" s="5" customFormat="1" ht="27.75" customHeight="1" x14ac:dyDescent="0.4">
      <c r="A2054" s="9" t="s">
        <v>3503</v>
      </c>
      <c r="B2054" s="13" t="s">
        <v>4058</v>
      </c>
      <c r="C2054" s="13" t="s">
        <v>4059</v>
      </c>
      <c r="D2054" s="18">
        <v>1442081388</v>
      </c>
      <c r="E2054" s="11">
        <v>46387</v>
      </c>
      <c r="F2054" s="9" t="s">
        <v>20</v>
      </c>
      <c r="G2054" s="5">
        <v>2052</v>
      </c>
      <c r="H2054" s="12">
        <f t="shared" si="64"/>
        <v>12</v>
      </c>
      <c r="I2054" s="12">
        <f t="shared" si="65"/>
        <v>7</v>
      </c>
    </row>
    <row r="2055" spans="1:35" s="5" customFormat="1" ht="27.75" customHeight="1" x14ac:dyDescent="0.4">
      <c r="A2055" s="9" t="s">
        <v>3503</v>
      </c>
      <c r="B2055" s="9" t="s">
        <v>4060</v>
      </c>
      <c r="C2055" s="9" t="s">
        <v>4061</v>
      </c>
      <c r="D2055" s="18">
        <v>1442040020</v>
      </c>
      <c r="E2055" s="11">
        <v>46387</v>
      </c>
      <c r="F2055" s="9" t="s">
        <v>20</v>
      </c>
      <c r="G2055" s="12">
        <v>2053</v>
      </c>
      <c r="H2055" s="12">
        <f t="shared" si="64"/>
        <v>10</v>
      </c>
      <c r="I2055" s="12">
        <f t="shared" si="65"/>
        <v>13</v>
      </c>
    </row>
    <row r="2056" spans="1:35" s="5" customFormat="1" ht="27.75" customHeight="1" x14ac:dyDescent="0.4">
      <c r="A2056" s="9" t="s">
        <v>3503</v>
      </c>
      <c r="B2056" s="13" t="s">
        <v>4062</v>
      </c>
      <c r="C2056" s="13" t="s">
        <v>4063</v>
      </c>
      <c r="D2056" s="18">
        <v>1442081941</v>
      </c>
      <c r="E2056" s="11">
        <v>46387</v>
      </c>
      <c r="F2056" s="9" t="s">
        <v>20</v>
      </c>
      <c r="G2056" s="5">
        <v>2054</v>
      </c>
      <c r="H2056" s="12">
        <f t="shared" si="64"/>
        <v>10</v>
      </c>
      <c r="I2056" s="12">
        <f t="shared" si="65"/>
        <v>12</v>
      </c>
    </row>
    <row r="2057" spans="1:35" s="5" customFormat="1" ht="27.75" customHeight="1" x14ac:dyDescent="0.4">
      <c r="A2057" s="9" t="s">
        <v>3503</v>
      </c>
      <c r="B2057" s="13" t="s">
        <v>4064</v>
      </c>
      <c r="C2057" s="13" t="s">
        <v>4065</v>
      </c>
      <c r="D2057" s="18">
        <v>1442000842</v>
      </c>
      <c r="E2057" s="11">
        <v>46387</v>
      </c>
      <c r="F2057" s="9" t="s">
        <v>20</v>
      </c>
      <c r="G2057" s="12">
        <v>2055</v>
      </c>
      <c r="H2057" s="12">
        <f t="shared" si="64"/>
        <v>10</v>
      </c>
      <c r="I2057" s="12">
        <f t="shared" si="65"/>
        <v>5</v>
      </c>
    </row>
    <row r="2058" spans="1:35" s="5" customFormat="1" ht="27.75" customHeight="1" x14ac:dyDescent="0.4">
      <c r="A2058" s="13" t="s">
        <v>3503</v>
      </c>
      <c r="B2058" s="9" t="s">
        <v>4066</v>
      </c>
      <c r="C2058" s="9" t="s">
        <v>4067</v>
      </c>
      <c r="D2058" s="18">
        <v>1442082469</v>
      </c>
      <c r="E2058" s="11">
        <v>46387</v>
      </c>
      <c r="F2058" s="9" t="s">
        <v>20</v>
      </c>
      <c r="G2058" s="5">
        <v>2056</v>
      </c>
      <c r="H2058" s="12">
        <f t="shared" si="64"/>
        <v>26</v>
      </c>
      <c r="I2058" s="12">
        <f t="shared" si="65"/>
        <v>10</v>
      </c>
    </row>
    <row r="2059" spans="1:35" s="5" customFormat="1" ht="27.75" customHeight="1" x14ac:dyDescent="0.4">
      <c r="A2059" s="13" t="s">
        <v>3503</v>
      </c>
      <c r="B2059" s="9" t="s">
        <v>4068</v>
      </c>
      <c r="C2059" s="9" t="s">
        <v>4069</v>
      </c>
      <c r="D2059" s="18">
        <v>1442081479</v>
      </c>
      <c r="E2059" s="11">
        <v>46387</v>
      </c>
      <c r="F2059" s="9" t="s">
        <v>20</v>
      </c>
      <c r="G2059" s="12">
        <v>2057</v>
      </c>
      <c r="H2059" s="12">
        <f t="shared" si="64"/>
        <v>12</v>
      </c>
      <c r="I2059" s="12">
        <f t="shared" si="65"/>
        <v>5</v>
      </c>
    </row>
    <row r="2060" spans="1:35" s="5" customFormat="1" ht="27.75" customHeight="1" x14ac:dyDescent="0.4">
      <c r="A2060" s="13" t="s">
        <v>3503</v>
      </c>
      <c r="B2060" s="9" t="s">
        <v>4070</v>
      </c>
      <c r="C2060" s="9" t="s">
        <v>4071</v>
      </c>
      <c r="D2060" s="18">
        <v>1442040004</v>
      </c>
      <c r="E2060" s="11">
        <v>46387</v>
      </c>
      <c r="F2060" s="9" t="s">
        <v>20</v>
      </c>
      <c r="G2060" s="5">
        <v>2058</v>
      </c>
      <c r="H2060" s="12">
        <f t="shared" si="64"/>
        <v>27</v>
      </c>
      <c r="I2060" s="12">
        <f t="shared" si="65"/>
        <v>9</v>
      </c>
    </row>
    <row r="2061" spans="1:35" s="5" customFormat="1" ht="27.75" customHeight="1" x14ac:dyDescent="0.4">
      <c r="A2061" s="9" t="s">
        <v>3503</v>
      </c>
      <c r="B2061" s="13" t="s">
        <v>4072</v>
      </c>
      <c r="C2061" s="13" t="s">
        <v>4073</v>
      </c>
      <c r="D2061" s="26">
        <v>1442043883</v>
      </c>
      <c r="E2061" s="11">
        <v>48091</v>
      </c>
      <c r="F2061" s="9" t="s">
        <v>20</v>
      </c>
      <c r="G2061" s="12">
        <v>2059</v>
      </c>
      <c r="H2061" s="12">
        <f t="shared" si="64"/>
        <v>17</v>
      </c>
      <c r="I2061" s="12">
        <f t="shared" si="65"/>
        <v>10</v>
      </c>
      <c r="J2061" s="28"/>
      <c r="K2061" s="28"/>
      <c r="L2061" s="28"/>
      <c r="M2061" s="28"/>
      <c r="N2061" s="28"/>
      <c r="O2061" s="28"/>
      <c r="P2061" s="28"/>
      <c r="Q2061" s="28"/>
      <c r="R2061" s="28"/>
      <c r="S2061" s="28"/>
      <c r="T2061" s="28"/>
      <c r="U2061" s="28"/>
      <c r="V2061" s="28"/>
      <c r="W2061" s="28"/>
      <c r="X2061" s="28"/>
      <c r="Y2061" s="28"/>
      <c r="Z2061" s="28"/>
      <c r="AA2061" s="28"/>
      <c r="AB2061" s="28"/>
      <c r="AC2061" s="28"/>
      <c r="AD2061" s="28"/>
      <c r="AE2061" s="28"/>
      <c r="AF2061" s="28"/>
      <c r="AG2061" s="28"/>
      <c r="AH2061" s="28"/>
      <c r="AI2061" s="28"/>
    </row>
    <row r="2062" spans="1:35" s="5" customFormat="1" ht="27.75" customHeight="1" x14ac:dyDescent="0.4">
      <c r="A2062" s="13" t="s">
        <v>3503</v>
      </c>
      <c r="B2062" s="9" t="s">
        <v>4074</v>
      </c>
      <c r="C2062" s="9" t="s">
        <v>4075</v>
      </c>
      <c r="D2062" s="18">
        <v>1442001170</v>
      </c>
      <c r="E2062" s="11">
        <v>46387</v>
      </c>
      <c r="F2062" s="9" t="s">
        <v>20</v>
      </c>
      <c r="G2062" s="5">
        <v>2060</v>
      </c>
      <c r="H2062" s="12">
        <f t="shared" si="64"/>
        <v>11</v>
      </c>
      <c r="I2062" s="12">
        <f t="shared" si="65"/>
        <v>10</v>
      </c>
    </row>
    <row r="2063" spans="1:35" s="5" customFormat="1" ht="27.75" customHeight="1" x14ac:dyDescent="0.4">
      <c r="A2063" s="13" t="s">
        <v>3503</v>
      </c>
      <c r="B2063" s="9" t="s">
        <v>4076</v>
      </c>
      <c r="C2063" s="9" t="s">
        <v>4077</v>
      </c>
      <c r="D2063" s="18">
        <v>1442081529</v>
      </c>
      <c r="E2063" s="11">
        <v>46599</v>
      </c>
      <c r="F2063" s="9" t="s">
        <v>20</v>
      </c>
      <c r="G2063" s="12">
        <v>2061</v>
      </c>
      <c r="H2063" s="12">
        <f t="shared" si="64"/>
        <v>11</v>
      </c>
      <c r="I2063" s="12">
        <f t="shared" si="65"/>
        <v>8</v>
      </c>
    </row>
    <row r="2064" spans="1:35" s="5" customFormat="1" ht="27.75" customHeight="1" x14ac:dyDescent="0.4">
      <c r="A2064" s="9" t="s">
        <v>3503</v>
      </c>
      <c r="B2064" s="9" t="s">
        <v>4078</v>
      </c>
      <c r="C2064" s="9" t="s">
        <v>4079</v>
      </c>
      <c r="D2064" s="18">
        <v>1442040087</v>
      </c>
      <c r="E2064" s="11">
        <v>46387</v>
      </c>
      <c r="F2064" s="9" t="s">
        <v>20</v>
      </c>
      <c r="G2064" s="5">
        <v>2062</v>
      </c>
      <c r="H2064" s="12">
        <f t="shared" si="64"/>
        <v>11</v>
      </c>
      <c r="I2064" s="12">
        <f t="shared" si="65"/>
        <v>13</v>
      </c>
    </row>
    <row r="2065" spans="1:35" s="5" customFormat="1" ht="27.75" customHeight="1" x14ac:dyDescent="0.4">
      <c r="A2065" s="13" t="s">
        <v>3503</v>
      </c>
      <c r="B2065" s="9" t="s">
        <v>4080</v>
      </c>
      <c r="C2065" s="13" t="s">
        <v>4081</v>
      </c>
      <c r="D2065" s="18">
        <v>1442043628</v>
      </c>
      <c r="E2065" s="11">
        <v>46996</v>
      </c>
      <c r="F2065" s="9" t="s">
        <v>20</v>
      </c>
      <c r="G2065" s="12">
        <v>2063</v>
      </c>
      <c r="H2065" s="12">
        <f t="shared" si="64"/>
        <v>12</v>
      </c>
      <c r="I2065" s="12">
        <f t="shared" si="65"/>
        <v>10</v>
      </c>
    </row>
    <row r="2066" spans="1:35" s="5" customFormat="1" ht="27.75" customHeight="1" x14ac:dyDescent="0.4">
      <c r="A2066" s="9" t="s">
        <v>3503</v>
      </c>
      <c r="B2066" s="13" t="s">
        <v>4082</v>
      </c>
      <c r="C2066" s="13" t="s">
        <v>4083</v>
      </c>
      <c r="D2066" s="18">
        <v>1442043743</v>
      </c>
      <c r="E2066" s="11">
        <v>47634</v>
      </c>
      <c r="F2066" s="9" t="s">
        <v>20</v>
      </c>
      <c r="G2066" s="5">
        <v>2064</v>
      </c>
      <c r="H2066" s="12">
        <f t="shared" si="64"/>
        <v>12</v>
      </c>
      <c r="I2066" s="12">
        <f t="shared" si="65"/>
        <v>18</v>
      </c>
    </row>
    <row r="2067" spans="1:35" s="5" customFormat="1" ht="27.75" customHeight="1" x14ac:dyDescent="0.4">
      <c r="A2067" s="9" t="s">
        <v>3503</v>
      </c>
      <c r="B2067" s="9" t="s">
        <v>4084</v>
      </c>
      <c r="C2067" s="9" t="s">
        <v>4085</v>
      </c>
      <c r="D2067" s="18">
        <v>1442081313</v>
      </c>
      <c r="E2067" s="11">
        <v>46387</v>
      </c>
      <c r="F2067" s="9" t="s">
        <v>20</v>
      </c>
      <c r="G2067" s="12">
        <v>2065</v>
      </c>
      <c r="H2067" s="12">
        <f t="shared" si="64"/>
        <v>11</v>
      </c>
      <c r="I2067" s="12">
        <f t="shared" si="65"/>
        <v>6</v>
      </c>
    </row>
    <row r="2068" spans="1:35" s="5" customFormat="1" ht="27.75" customHeight="1" x14ac:dyDescent="0.4">
      <c r="A2068" s="13" t="s">
        <v>3503</v>
      </c>
      <c r="B2068" s="9" t="s">
        <v>4086</v>
      </c>
      <c r="C2068" s="9" t="s">
        <v>4087</v>
      </c>
      <c r="D2068" s="18">
        <v>1442001204</v>
      </c>
      <c r="E2068" s="11">
        <v>46387</v>
      </c>
      <c r="F2068" s="9" t="s">
        <v>20</v>
      </c>
      <c r="G2068" s="5">
        <v>2066</v>
      </c>
      <c r="H2068" s="12">
        <f t="shared" si="64"/>
        <v>11</v>
      </c>
      <c r="I2068" s="12">
        <f t="shared" si="65"/>
        <v>18</v>
      </c>
    </row>
    <row r="2069" spans="1:35" s="5" customFormat="1" ht="27.75" customHeight="1" x14ac:dyDescent="0.4">
      <c r="A2069" s="17" t="s">
        <v>3503</v>
      </c>
      <c r="B2069" s="9" t="s">
        <v>4088</v>
      </c>
      <c r="C2069" s="9" t="s">
        <v>4089</v>
      </c>
      <c r="D2069" s="18">
        <v>1442081784</v>
      </c>
      <c r="E2069" s="11">
        <v>46387</v>
      </c>
      <c r="F2069" s="9" t="s">
        <v>20</v>
      </c>
      <c r="G2069" s="12">
        <v>2067</v>
      </c>
      <c r="H2069" s="12">
        <f t="shared" si="64"/>
        <v>12</v>
      </c>
      <c r="I2069" s="12">
        <f t="shared" si="65"/>
        <v>12</v>
      </c>
    </row>
    <row r="2070" spans="1:35" s="5" customFormat="1" ht="27.75" customHeight="1" x14ac:dyDescent="0.4">
      <c r="A2070" s="13" t="s">
        <v>3503</v>
      </c>
      <c r="B2070" s="9" t="s">
        <v>4090</v>
      </c>
      <c r="C2070" s="9" t="s">
        <v>4091</v>
      </c>
      <c r="D2070" s="18">
        <v>1442040012</v>
      </c>
      <c r="E2070" s="11">
        <v>46387</v>
      </c>
      <c r="F2070" s="9" t="s">
        <v>20</v>
      </c>
      <c r="G2070" s="5">
        <v>2068</v>
      </c>
      <c r="H2070" s="12">
        <f t="shared" si="64"/>
        <v>14</v>
      </c>
      <c r="I2070" s="12">
        <f t="shared" si="65"/>
        <v>8</v>
      </c>
    </row>
    <row r="2071" spans="1:35" s="5" customFormat="1" ht="27.75" customHeight="1" x14ac:dyDescent="0.4">
      <c r="A2071" s="9" t="s">
        <v>3503</v>
      </c>
      <c r="B2071" s="13" t="s">
        <v>4092</v>
      </c>
      <c r="C2071" s="13" t="s">
        <v>4093</v>
      </c>
      <c r="D2071" s="18">
        <v>1442040475</v>
      </c>
      <c r="E2071" s="11">
        <v>46568</v>
      </c>
      <c r="F2071" s="9" t="s">
        <v>20</v>
      </c>
      <c r="G2071" s="12">
        <v>2069</v>
      </c>
      <c r="H2071" s="12">
        <f t="shared" si="64"/>
        <v>12</v>
      </c>
      <c r="I2071" s="12">
        <f t="shared" si="65"/>
        <v>14</v>
      </c>
    </row>
    <row r="2072" spans="1:35" s="5" customFormat="1" ht="27.75" customHeight="1" x14ac:dyDescent="0.4">
      <c r="A2072" s="9" t="s">
        <v>3503</v>
      </c>
      <c r="B2072" s="13" t="s">
        <v>4094</v>
      </c>
      <c r="C2072" s="13" t="s">
        <v>4095</v>
      </c>
      <c r="D2072" s="18">
        <v>1442000289</v>
      </c>
      <c r="E2072" s="11">
        <v>46387</v>
      </c>
      <c r="F2072" s="9" t="s">
        <v>20</v>
      </c>
      <c r="G2072" s="5">
        <v>2070</v>
      </c>
      <c r="H2072" s="12">
        <f t="shared" si="64"/>
        <v>12</v>
      </c>
      <c r="I2072" s="12">
        <f t="shared" si="65"/>
        <v>9</v>
      </c>
    </row>
    <row r="2073" spans="1:35" s="5" customFormat="1" ht="27.75" customHeight="1" x14ac:dyDescent="0.4">
      <c r="A2073" s="13" t="s">
        <v>3503</v>
      </c>
      <c r="B2073" s="9" t="s">
        <v>4096</v>
      </c>
      <c r="C2073" s="9" t="s">
        <v>4097</v>
      </c>
      <c r="D2073" s="18">
        <v>1442081776</v>
      </c>
      <c r="E2073" s="11">
        <v>46387</v>
      </c>
      <c r="F2073" s="9" t="s">
        <v>20</v>
      </c>
      <c r="G2073" s="12">
        <v>2071</v>
      </c>
      <c r="H2073" s="12">
        <f t="shared" si="64"/>
        <v>12</v>
      </c>
      <c r="I2073" s="12">
        <f t="shared" si="65"/>
        <v>6</v>
      </c>
    </row>
    <row r="2074" spans="1:35" s="5" customFormat="1" ht="27.75" customHeight="1" x14ac:dyDescent="0.4">
      <c r="A2074" s="9" t="s">
        <v>3503</v>
      </c>
      <c r="B2074" s="13" t="s">
        <v>4098</v>
      </c>
      <c r="C2074" s="13" t="s">
        <v>4099</v>
      </c>
      <c r="D2074" s="18">
        <v>1442043735</v>
      </c>
      <c r="E2074" s="11">
        <v>47603</v>
      </c>
      <c r="F2074" s="9" t="s">
        <v>20</v>
      </c>
      <c r="G2074" s="5">
        <v>2072</v>
      </c>
      <c r="H2074" s="12">
        <f t="shared" si="64"/>
        <v>11</v>
      </c>
      <c r="I2074" s="12">
        <f t="shared" si="65"/>
        <v>9</v>
      </c>
      <c r="M2074" s="24"/>
      <c r="N2074" s="24"/>
      <c r="O2074" s="24"/>
      <c r="P2074" s="24"/>
      <c r="Q2074" s="24"/>
      <c r="R2074" s="24"/>
      <c r="S2074" s="24"/>
      <c r="T2074" s="24"/>
      <c r="U2074" s="24"/>
      <c r="V2074" s="24"/>
      <c r="W2074" s="24"/>
      <c r="X2074" s="24"/>
      <c r="Y2074" s="24"/>
      <c r="Z2074" s="24"/>
      <c r="AA2074" s="24"/>
      <c r="AB2074" s="24"/>
      <c r="AC2074" s="24"/>
      <c r="AD2074" s="24"/>
      <c r="AE2074" s="24"/>
      <c r="AF2074" s="24"/>
      <c r="AG2074" s="24"/>
      <c r="AH2074" s="24"/>
      <c r="AI2074" s="24"/>
    </row>
    <row r="2075" spans="1:35" s="5" customFormat="1" ht="27.75" customHeight="1" x14ac:dyDescent="0.4">
      <c r="A2075" s="9" t="s">
        <v>3503</v>
      </c>
      <c r="B2075" s="9" t="s">
        <v>4100</v>
      </c>
      <c r="C2075" s="9" t="s">
        <v>4101</v>
      </c>
      <c r="D2075" s="18">
        <v>1442082246</v>
      </c>
      <c r="E2075" s="11">
        <v>46387</v>
      </c>
      <c r="F2075" s="9" t="s">
        <v>20</v>
      </c>
      <c r="G2075" s="12">
        <v>2073</v>
      </c>
      <c r="H2075" s="12">
        <f t="shared" si="64"/>
        <v>10</v>
      </c>
      <c r="I2075" s="12">
        <f t="shared" si="65"/>
        <v>5</v>
      </c>
    </row>
    <row r="2076" spans="1:35" s="5" customFormat="1" ht="27.75" customHeight="1" x14ac:dyDescent="0.4">
      <c r="A2076" s="9" t="s">
        <v>3503</v>
      </c>
      <c r="B2076" s="13" t="s">
        <v>4102</v>
      </c>
      <c r="C2076" s="13" t="s">
        <v>4103</v>
      </c>
      <c r="D2076" s="18">
        <v>1442043693</v>
      </c>
      <c r="E2076" s="11">
        <v>47391</v>
      </c>
      <c r="F2076" s="9" t="s">
        <v>20</v>
      </c>
      <c r="G2076" s="5">
        <v>2074</v>
      </c>
      <c r="H2076" s="12">
        <f t="shared" si="64"/>
        <v>26</v>
      </c>
      <c r="I2076" s="12">
        <f t="shared" si="65"/>
        <v>10</v>
      </c>
    </row>
    <row r="2077" spans="1:35" s="5" customFormat="1" ht="27.75" customHeight="1" x14ac:dyDescent="0.4">
      <c r="A2077" s="9" t="s">
        <v>3503</v>
      </c>
      <c r="B2077" s="9" t="s">
        <v>4104</v>
      </c>
      <c r="C2077" s="9" t="s">
        <v>4105</v>
      </c>
      <c r="D2077" s="18">
        <v>1442043800</v>
      </c>
      <c r="E2077" s="11">
        <v>47848</v>
      </c>
      <c r="F2077" s="9" t="s">
        <v>20</v>
      </c>
      <c r="G2077" s="12">
        <v>2075</v>
      </c>
      <c r="H2077" s="12">
        <f t="shared" si="64"/>
        <v>28</v>
      </c>
      <c r="I2077" s="12">
        <f t="shared" si="65"/>
        <v>13</v>
      </c>
    </row>
    <row r="2078" spans="1:35" s="5" customFormat="1" ht="27.75" customHeight="1" x14ac:dyDescent="0.4">
      <c r="A2078" s="13" t="s">
        <v>3503</v>
      </c>
      <c r="B2078" s="15" t="s">
        <v>4106</v>
      </c>
      <c r="C2078" s="16" t="s">
        <v>4107</v>
      </c>
      <c r="D2078" s="10">
        <v>1442043792</v>
      </c>
      <c r="E2078" s="11">
        <v>47695</v>
      </c>
      <c r="F2078" s="9" t="s">
        <v>20</v>
      </c>
      <c r="G2078" s="5">
        <v>2076</v>
      </c>
      <c r="H2078" s="12">
        <f t="shared" si="64"/>
        <v>18</v>
      </c>
      <c r="I2078" s="12">
        <f t="shared" si="65"/>
        <v>9</v>
      </c>
    </row>
    <row r="2079" spans="1:35" s="5" customFormat="1" ht="27.75" customHeight="1" x14ac:dyDescent="0.4">
      <c r="A2079" s="9" t="s">
        <v>3503</v>
      </c>
      <c r="B2079" s="9" t="s">
        <v>4108</v>
      </c>
      <c r="C2079" s="9" t="s">
        <v>4109</v>
      </c>
      <c r="D2079" s="18">
        <v>1442000818</v>
      </c>
      <c r="E2079" s="11">
        <v>46387</v>
      </c>
      <c r="F2079" s="9" t="s">
        <v>20</v>
      </c>
      <c r="G2079" s="12">
        <v>2077</v>
      </c>
      <c r="H2079" s="12">
        <f t="shared" si="64"/>
        <v>10</v>
      </c>
      <c r="I2079" s="12">
        <f t="shared" si="65"/>
        <v>6</v>
      </c>
    </row>
    <row r="2080" spans="1:35" s="5" customFormat="1" ht="27.75" customHeight="1" x14ac:dyDescent="0.4">
      <c r="A2080" s="9" t="s">
        <v>3503</v>
      </c>
      <c r="B2080" s="9" t="s">
        <v>4110</v>
      </c>
      <c r="C2080" s="9" t="s">
        <v>4111</v>
      </c>
      <c r="D2080" s="18">
        <v>1442040210</v>
      </c>
      <c r="E2080" s="11">
        <v>47787</v>
      </c>
      <c r="F2080" s="9" t="s">
        <v>20</v>
      </c>
      <c r="G2080" s="5">
        <v>2078</v>
      </c>
      <c r="H2080" s="12">
        <f t="shared" si="64"/>
        <v>23</v>
      </c>
      <c r="I2080" s="12">
        <f t="shared" si="65"/>
        <v>10</v>
      </c>
    </row>
    <row r="2081" spans="1:35" s="5" customFormat="1" ht="27.75" customHeight="1" x14ac:dyDescent="0.4">
      <c r="A2081" s="9" t="s">
        <v>3503</v>
      </c>
      <c r="B2081" s="9" t="s">
        <v>4112</v>
      </c>
      <c r="C2081" s="9" t="s">
        <v>4113</v>
      </c>
      <c r="D2081" s="18">
        <v>1442000263</v>
      </c>
      <c r="E2081" s="11">
        <v>46387</v>
      </c>
      <c r="F2081" s="9" t="s">
        <v>20</v>
      </c>
      <c r="G2081" s="12">
        <v>2079</v>
      </c>
      <c r="H2081" s="12">
        <f t="shared" si="64"/>
        <v>9</v>
      </c>
      <c r="I2081" s="12">
        <f t="shared" si="65"/>
        <v>8</v>
      </c>
    </row>
    <row r="2082" spans="1:35" s="5" customFormat="1" ht="27.75" customHeight="1" x14ac:dyDescent="0.4">
      <c r="A2082" s="9" t="s">
        <v>3503</v>
      </c>
      <c r="B2082" s="13" t="s">
        <v>4114</v>
      </c>
      <c r="C2082" s="9" t="s">
        <v>4115</v>
      </c>
      <c r="D2082" s="18">
        <v>1442043776</v>
      </c>
      <c r="E2082" s="11">
        <v>47695</v>
      </c>
      <c r="F2082" s="9" t="s">
        <v>20</v>
      </c>
      <c r="G2082" s="5">
        <v>2080</v>
      </c>
      <c r="H2082" s="12">
        <f t="shared" si="64"/>
        <v>10</v>
      </c>
      <c r="I2082" s="12">
        <f t="shared" si="65"/>
        <v>13</v>
      </c>
    </row>
    <row r="2083" spans="1:35" s="5" customFormat="1" ht="27.75" customHeight="1" x14ac:dyDescent="0.4">
      <c r="A2083" s="16" t="s">
        <v>3503</v>
      </c>
      <c r="B2083" s="15" t="s">
        <v>4116</v>
      </c>
      <c r="C2083" s="16" t="s">
        <v>4117</v>
      </c>
      <c r="D2083" s="10">
        <v>1442043941</v>
      </c>
      <c r="E2083" s="11">
        <v>48273</v>
      </c>
      <c r="F2083" s="9" t="s">
        <v>20</v>
      </c>
      <c r="G2083" s="12">
        <v>2081</v>
      </c>
      <c r="H2083" s="12">
        <f t="shared" si="64"/>
        <v>11</v>
      </c>
      <c r="I2083" s="12">
        <f t="shared" si="65"/>
        <v>11</v>
      </c>
    </row>
    <row r="2084" spans="1:35" s="5" customFormat="1" ht="27.75" customHeight="1" x14ac:dyDescent="0.4">
      <c r="A2084" s="9" t="s">
        <v>3503</v>
      </c>
      <c r="B2084" s="9" t="s">
        <v>4118</v>
      </c>
      <c r="C2084" s="9" t="s">
        <v>4119</v>
      </c>
      <c r="D2084" s="18">
        <v>1442082428</v>
      </c>
      <c r="E2084" s="11">
        <v>46387</v>
      </c>
      <c r="F2084" s="9" t="s">
        <v>20</v>
      </c>
      <c r="G2084" s="5">
        <v>2082</v>
      </c>
      <c r="H2084" s="12">
        <f t="shared" si="64"/>
        <v>13</v>
      </c>
      <c r="I2084" s="12">
        <f t="shared" si="65"/>
        <v>5</v>
      </c>
      <c r="J2084" s="24"/>
      <c r="K2084" s="24"/>
      <c r="L2084" s="24"/>
      <c r="M2084" s="24"/>
      <c r="N2084" s="24"/>
      <c r="O2084" s="24"/>
      <c r="P2084" s="24"/>
      <c r="Q2084" s="24"/>
      <c r="R2084" s="24"/>
      <c r="S2084" s="24"/>
      <c r="T2084" s="24"/>
      <c r="U2084" s="24"/>
      <c r="V2084" s="24"/>
      <c r="W2084" s="24"/>
      <c r="X2084" s="24"/>
      <c r="Y2084" s="24"/>
      <c r="Z2084" s="24"/>
      <c r="AA2084" s="24"/>
      <c r="AB2084" s="24"/>
      <c r="AC2084" s="24"/>
      <c r="AD2084" s="24"/>
      <c r="AE2084" s="24"/>
      <c r="AF2084" s="24"/>
      <c r="AG2084" s="24"/>
      <c r="AH2084" s="24"/>
      <c r="AI2084" s="24"/>
    </row>
    <row r="2085" spans="1:35" s="5" customFormat="1" ht="27.75" customHeight="1" x14ac:dyDescent="0.4">
      <c r="A2085" s="9" t="s">
        <v>3503</v>
      </c>
      <c r="B2085" s="14" t="s">
        <v>4120</v>
      </c>
      <c r="C2085" s="9" t="s">
        <v>4121</v>
      </c>
      <c r="D2085" s="18">
        <v>1442040335</v>
      </c>
      <c r="E2085" s="11">
        <v>48487</v>
      </c>
      <c r="F2085" s="9" t="s">
        <v>20</v>
      </c>
      <c r="G2085" s="12">
        <v>2083</v>
      </c>
      <c r="H2085" s="12">
        <f t="shared" si="64"/>
        <v>14</v>
      </c>
      <c r="I2085" s="12">
        <f t="shared" si="65"/>
        <v>6</v>
      </c>
    </row>
    <row r="2086" spans="1:35" s="5" customFormat="1" ht="27.75" customHeight="1" x14ac:dyDescent="0.4">
      <c r="A2086" s="9" t="s">
        <v>3503</v>
      </c>
      <c r="B2086" s="9" t="s">
        <v>4122</v>
      </c>
      <c r="C2086" s="9" t="s">
        <v>4123</v>
      </c>
      <c r="D2086" s="18">
        <v>1442043545</v>
      </c>
      <c r="E2086" s="11">
        <v>48244</v>
      </c>
      <c r="F2086" s="9" t="s">
        <v>20</v>
      </c>
      <c r="G2086" s="5">
        <v>2084</v>
      </c>
      <c r="H2086" s="12">
        <f t="shared" si="64"/>
        <v>19</v>
      </c>
      <c r="I2086" s="12">
        <f t="shared" si="65"/>
        <v>6</v>
      </c>
    </row>
    <row r="2087" spans="1:35" s="5" customFormat="1" ht="27.75" customHeight="1" x14ac:dyDescent="0.4">
      <c r="A2087" s="13" t="s">
        <v>3503</v>
      </c>
      <c r="B2087" s="9" t="s">
        <v>4124</v>
      </c>
      <c r="C2087" s="9" t="s">
        <v>4125</v>
      </c>
      <c r="D2087" s="18">
        <v>1442000958</v>
      </c>
      <c r="E2087" s="11">
        <v>46387</v>
      </c>
      <c r="F2087" s="9" t="s">
        <v>20</v>
      </c>
      <c r="G2087" s="12">
        <v>2085</v>
      </c>
      <c r="H2087" s="12">
        <f t="shared" si="64"/>
        <v>10</v>
      </c>
      <c r="I2087" s="12">
        <f t="shared" si="65"/>
        <v>10</v>
      </c>
    </row>
    <row r="2088" spans="1:35" s="5" customFormat="1" ht="27.75" customHeight="1" x14ac:dyDescent="0.4">
      <c r="A2088" s="9" t="s">
        <v>3503</v>
      </c>
      <c r="B2088" s="9" t="s">
        <v>4126</v>
      </c>
      <c r="C2088" s="9" t="s">
        <v>4127</v>
      </c>
      <c r="D2088" s="18">
        <v>1442000750</v>
      </c>
      <c r="E2088" s="11">
        <v>46387</v>
      </c>
      <c r="F2088" s="9" t="s">
        <v>20</v>
      </c>
      <c r="G2088" s="5">
        <v>2086</v>
      </c>
      <c r="H2088" s="12">
        <f t="shared" si="64"/>
        <v>9</v>
      </c>
      <c r="I2088" s="12">
        <f t="shared" si="65"/>
        <v>9</v>
      </c>
    </row>
    <row r="2089" spans="1:35" s="5" customFormat="1" ht="27.75" customHeight="1" x14ac:dyDescent="0.4">
      <c r="A2089" s="9" t="s">
        <v>3503</v>
      </c>
      <c r="B2089" s="9" t="s">
        <v>4128</v>
      </c>
      <c r="C2089" s="9" t="s">
        <v>4129</v>
      </c>
      <c r="D2089" s="18">
        <v>1442081917</v>
      </c>
      <c r="E2089" s="11">
        <v>46387</v>
      </c>
      <c r="F2089" s="9" t="s">
        <v>20</v>
      </c>
      <c r="G2089" s="12">
        <v>2087</v>
      </c>
      <c r="H2089" s="12">
        <f t="shared" si="64"/>
        <v>11</v>
      </c>
      <c r="I2089" s="12">
        <f t="shared" si="65"/>
        <v>14</v>
      </c>
      <c r="J2089" s="24"/>
      <c r="K2089" s="24"/>
      <c r="L2089" s="24"/>
    </row>
    <row r="2090" spans="1:35" s="5" customFormat="1" ht="27.75" customHeight="1" x14ac:dyDescent="0.4">
      <c r="A2090" s="9" t="s">
        <v>3503</v>
      </c>
      <c r="B2090" s="9" t="s">
        <v>4130</v>
      </c>
      <c r="C2090" s="9" t="s">
        <v>4131</v>
      </c>
      <c r="D2090" s="18">
        <v>1442040152</v>
      </c>
      <c r="E2090" s="11">
        <v>48121</v>
      </c>
      <c r="F2090" s="9" t="s">
        <v>20</v>
      </c>
      <c r="G2090" s="5">
        <v>2088</v>
      </c>
      <c r="H2090" s="12">
        <f t="shared" si="64"/>
        <v>10</v>
      </c>
      <c r="I2090" s="12">
        <f t="shared" si="65"/>
        <v>4</v>
      </c>
    </row>
    <row r="2091" spans="1:35" s="5" customFormat="1" ht="27.75" customHeight="1" x14ac:dyDescent="0.4">
      <c r="A2091" s="9" t="s">
        <v>3503</v>
      </c>
      <c r="B2091" s="9" t="s">
        <v>4132</v>
      </c>
      <c r="C2091" s="9" t="s">
        <v>4133</v>
      </c>
      <c r="D2091" s="18">
        <v>1442081966</v>
      </c>
      <c r="E2091" s="11">
        <v>46387</v>
      </c>
      <c r="F2091" s="9" t="s">
        <v>20</v>
      </c>
      <c r="G2091" s="12">
        <v>2089</v>
      </c>
      <c r="H2091" s="12">
        <f t="shared" si="64"/>
        <v>11</v>
      </c>
      <c r="I2091" s="12">
        <f t="shared" si="65"/>
        <v>5</v>
      </c>
    </row>
    <row r="2092" spans="1:35" s="5" customFormat="1" ht="27.75" customHeight="1" x14ac:dyDescent="0.4">
      <c r="A2092" s="9" t="s">
        <v>3503</v>
      </c>
      <c r="B2092" s="9" t="s">
        <v>4134</v>
      </c>
      <c r="C2092" s="9" t="s">
        <v>4135</v>
      </c>
      <c r="D2092" s="18">
        <v>1442040186</v>
      </c>
      <c r="E2092" s="11">
        <v>48457</v>
      </c>
      <c r="F2092" s="9" t="s">
        <v>20</v>
      </c>
      <c r="G2092" s="5">
        <v>2090</v>
      </c>
      <c r="H2092" s="12">
        <f t="shared" si="64"/>
        <v>12</v>
      </c>
      <c r="I2092" s="12">
        <f t="shared" si="65"/>
        <v>5</v>
      </c>
      <c r="J2092" s="28"/>
      <c r="K2092" s="28"/>
      <c r="L2092" s="28"/>
      <c r="M2092" s="28"/>
      <c r="N2092" s="28"/>
      <c r="O2092" s="28"/>
      <c r="P2092" s="28"/>
      <c r="Q2092" s="28"/>
      <c r="R2092" s="28"/>
      <c r="S2092" s="28"/>
      <c r="T2092" s="28"/>
      <c r="U2092" s="28"/>
      <c r="V2092" s="28"/>
      <c r="W2092" s="28"/>
      <c r="X2092" s="28"/>
      <c r="Y2092" s="28"/>
      <c r="Z2092" s="28"/>
      <c r="AA2092" s="28"/>
      <c r="AB2092" s="28"/>
      <c r="AC2092" s="28"/>
      <c r="AD2092" s="28"/>
      <c r="AE2092" s="28"/>
      <c r="AF2092" s="28"/>
      <c r="AG2092" s="28"/>
      <c r="AH2092" s="28"/>
      <c r="AI2092" s="28"/>
    </row>
    <row r="2093" spans="1:35" s="5" customFormat="1" ht="27.75" customHeight="1" x14ac:dyDescent="0.4">
      <c r="A2093" s="22" t="s">
        <v>3503</v>
      </c>
      <c r="B2093" s="16" t="s">
        <v>4136</v>
      </c>
      <c r="C2093" s="16" t="s">
        <v>4137</v>
      </c>
      <c r="D2093" s="21">
        <v>1442082121</v>
      </c>
      <c r="E2093" s="11">
        <v>46387</v>
      </c>
      <c r="F2093" s="9" t="s">
        <v>20</v>
      </c>
      <c r="G2093" s="12">
        <v>2091</v>
      </c>
      <c r="H2093" s="12">
        <f t="shared" si="64"/>
        <v>11</v>
      </c>
      <c r="I2093" s="12">
        <f t="shared" si="65"/>
        <v>9</v>
      </c>
    </row>
    <row r="2094" spans="1:35" s="5" customFormat="1" ht="27.75" customHeight="1" x14ac:dyDescent="0.4">
      <c r="A2094" s="9" t="s">
        <v>3503</v>
      </c>
      <c r="B2094" s="13" t="s">
        <v>4138</v>
      </c>
      <c r="C2094" s="13" t="s">
        <v>4139</v>
      </c>
      <c r="D2094" s="18">
        <v>1442081982</v>
      </c>
      <c r="E2094" s="11">
        <v>46387</v>
      </c>
      <c r="F2094" s="9" t="s">
        <v>20</v>
      </c>
      <c r="G2094" s="5">
        <v>2092</v>
      </c>
      <c r="H2094" s="12">
        <f t="shared" si="64"/>
        <v>9</v>
      </c>
      <c r="I2094" s="12">
        <f t="shared" si="65"/>
        <v>12</v>
      </c>
    </row>
    <row r="2095" spans="1:35" s="5" customFormat="1" ht="27.75" customHeight="1" x14ac:dyDescent="0.4">
      <c r="A2095" s="9" t="s">
        <v>3503</v>
      </c>
      <c r="B2095" s="9" t="s">
        <v>4140</v>
      </c>
      <c r="C2095" s="9" t="s">
        <v>4141</v>
      </c>
      <c r="D2095" s="18">
        <v>1442000230</v>
      </c>
      <c r="E2095" s="11">
        <v>46387</v>
      </c>
      <c r="F2095" s="9" t="s">
        <v>20</v>
      </c>
      <c r="G2095" s="12">
        <v>2093</v>
      </c>
      <c r="H2095" s="12">
        <f t="shared" si="64"/>
        <v>10</v>
      </c>
      <c r="I2095" s="12">
        <f t="shared" si="65"/>
        <v>11</v>
      </c>
    </row>
    <row r="2096" spans="1:35" s="5" customFormat="1" ht="27.75" customHeight="1" x14ac:dyDescent="0.4">
      <c r="A2096" s="9" t="s">
        <v>3503</v>
      </c>
      <c r="B2096" s="14" t="s">
        <v>4142</v>
      </c>
      <c r="C2096" s="9" t="s">
        <v>4143</v>
      </c>
      <c r="D2096" s="18">
        <v>1442140333</v>
      </c>
      <c r="E2096" s="11">
        <v>47756</v>
      </c>
      <c r="F2096" s="9" t="s">
        <v>23</v>
      </c>
      <c r="G2096" s="5">
        <v>2094</v>
      </c>
      <c r="H2096" s="12">
        <f t="shared" si="64"/>
        <v>13</v>
      </c>
      <c r="I2096" s="12">
        <f t="shared" si="65"/>
        <v>12</v>
      </c>
    </row>
    <row r="2097" spans="1:35" s="5" customFormat="1" ht="27.75" customHeight="1" x14ac:dyDescent="0.4">
      <c r="A2097" s="9" t="s">
        <v>3503</v>
      </c>
      <c r="B2097" s="9" t="s">
        <v>4144</v>
      </c>
      <c r="C2097" s="9" t="s">
        <v>4145</v>
      </c>
      <c r="D2097" s="18">
        <v>1442140051</v>
      </c>
      <c r="E2097" s="11">
        <v>46387</v>
      </c>
      <c r="F2097" s="9" t="s">
        <v>23</v>
      </c>
      <c r="G2097" s="12">
        <v>2095</v>
      </c>
      <c r="H2097" s="12">
        <f t="shared" si="64"/>
        <v>11</v>
      </c>
      <c r="I2097" s="12">
        <f t="shared" si="65"/>
        <v>14</v>
      </c>
    </row>
    <row r="2098" spans="1:35" s="5" customFormat="1" ht="27.75" customHeight="1" x14ac:dyDescent="0.4">
      <c r="A2098" s="9" t="s">
        <v>3503</v>
      </c>
      <c r="B2098" s="13" t="s">
        <v>4146</v>
      </c>
      <c r="C2098" s="9" t="s">
        <v>637</v>
      </c>
      <c r="D2098" s="18">
        <v>1442140143</v>
      </c>
      <c r="E2098" s="11">
        <v>46387</v>
      </c>
      <c r="F2098" s="9" t="s">
        <v>23</v>
      </c>
      <c r="G2098" s="5">
        <v>2096</v>
      </c>
      <c r="H2098" s="12">
        <f t="shared" si="64"/>
        <v>11</v>
      </c>
      <c r="I2098" s="12">
        <f t="shared" si="65"/>
        <v>11</v>
      </c>
    </row>
    <row r="2099" spans="1:35" s="5" customFormat="1" ht="27.75" customHeight="1" x14ac:dyDescent="0.4">
      <c r="A2099" s="9" t="s">
        <v>3503</v>
      </c>
      <c r="B2099" s="14" t="s">
        <v>4147</v>
      </c>
      <c r="C2099" s="9" t="s">
        <v>4148</v>
      </c>
      <c r="D2099" s="18">
        <v>1442182186</v>
      </c>
      <c r="E2099" s="11">
        <v>46387</v>
      </c>
      <c r="F2099" s="9" t="s">
        <v>23</v>
      </c>
      <c r="G2099" s="12">
        <v>2097</v>
      </c>
      <c r="H2099" s="12">
        <f t="shared" si="64"/>
        <v>21</v>
      </c>
      <c r="I2099" s="12">
        <f t="shared" si="65"/>
        <v>11</v>
      </c>
    </row>
    <row r="2100" spans="1:35" s="5" customFormat="1" ht="27.75" customHeight="1" x14ac:dyDescent="0.4">
      <c r="A2100" s="9" t="s">
        <v>3503</v>
      </c>
      <c r="B2100" s="9" t="s">
        <v>4149</v>
      </c>
      <c r="C2100" s="9" t="s">
        <v>4150</v>
      </c>
      <c r="D2100" s="18">
        <v>1442181774</v>
      </c>
      <c r="E2100" s="11">
        <v>46387</v>
      </c>
      <c r="F2100" s="9" t="s">
        <v>23</v>
      </c>
      <c r="G2100" s="5">
        <v>2098</v>
      </c>
      <c r="H2100" s="12">
        <f t="shared" si="64"/>
        <v>21</v>
      </c>
      <c r="I2100" s="12">
        <f t="shared" si="65"/>
        <v>5</v>
      </c>
    </row>
    <row r="2101" spans="1:35" s="5" customFormat="1" ht="27.75" customHeight="1" x14ac:dyDescent="0.4">
      <c r="A2101" s="9" t="s">
        <v>3503</v>
      </c>
      <c r="B2101" s="13" t="s">
        <v>4151</v>
      </c>
      <c r="C2101" s="13" t="s">
        <v>4152</v>
      </c>
      <c r="D2101" s="18">
        <v>1442140242</v>
      </c>
      <c r="E2101" s="11">
        <v>47299</v>
      </c>
      <c r="F2101" s="9" t="s">
        <v>23</v>
      </c>
      <c r="G2101" s="12">
        <v>2099</v>
      </c>
      <c r="H2101" s="12">
        <f t="shared" si="64"/>
        <v>17</v>
      </c>
      <c r="I2101" s="12">
        <f t="shared" si="65"/>
        <v>4</v>
      </c>
    </row>
    <row r="2102" spans="1:35" s="5" customFormat="1" ht="27.75" customHeight="1" x14ac:dyDescent="0.4">
      <c r="A2102" s="9" t="s">
        <v>3503</v>
      </c>
      <c r="B2102" s="9" t="s">
        <v>4153</v>
      </c>
      <c r="C2102" s="9" t="s">
        <v>4154</v>
      </c>
      <c r="D2102" s="18">
        <v>1442140549</v>
      </c>
      <c r="E2102" s="11">
        <v>47391</v>
      </c>
      <c r="F2102" s="9" t="s">
        <v>23</v>
      </c>
      <c r="G2102" s="5">
        <v>2100</v>
      </c>
      <c r="H2102" s="12">
        <f t="shared" si="64"/>
        <v>15</v>
      </c>
      <c r="I2102" s="12">
        <f t="shared" si="65"/>
        <v>8</v>
      </c>
    </row>
    <row r="2103" spans="1:35" s="5" customFormat="1" ht="27.75" customHeight="1" x14ac:dyDescent="0.4">
      <c r="A2103" s="9" t="s">
        <v>3503</v>
      </c>
      <c r="B2103" s="15" t="s">
        <v>4155</v>
      </c>
      <c r="C2103" s="16" t="s">
        <v>4156</v>
      </c>
      <c r="D2103" s="18">
        <v>1442140119</v>
      </c>
      <c r="E2103" s="11">
        <v>46387</v>
      </c>
      <c r="F2103" s="9" t="s">
        <v>23</v>
      </c>
      <c r="G2103" s="12">
        <v>2101</v>
      </c>
      <c r="H2103" s="12">
        <f t="shared" si="64"/>
        <v>11</v>
      </c>
      <c r="I2103" s="12">
        <f t="shared" si="65"/>
        <v>10</v>
      </c>
    </row>
    <row r="2104" spans="1:35" s="5" customFormat="1" ht="27.75" customHeight="1" x14ac:dyDescent="0.4">
      <c r="A2104" s="13" t="s">
        <v>3503</v>
      </c>
      <c r="B2104" s="9" t="s">
        <v>4157</v>
      </c>
      <c r="C2104" s="9" t="s">
        <v>4158</v>
      </c>
      <c r="D2104" s="18">
        <v>1442182038</v>
      </c>
      <c r="E2104" s="11">
        <v>46538</v>
      </c>
      <c r="F2104" s="9" t="s">
        <v>23</v>
      </c>
      <c r="G2104" s="5">
        <v>2102</v>
      </c>
      <c r="H2104" s="12">
        <f t="shared" si="64"/>
        <v>12</v>
      </c>
      <c r="I2104" s="12">
        <f t="shared" si="65"/>
        <v>7</v>
      </c>
    </row>
    <row r="2105" spans="1:35" s="5" customFormat="1" ht="27.75" customHeight="1" x14ac:dyDescent="0.4">
      <c r="A2105" s="9" t="s">
        <v>3503</v>
      </c>
      <c r="B2105" s="9" t="s">
        <v>4159</v>
      </c>
      <c r="C2105" s="9" t="s">
        <v>4160</v>
      </c>
      <c r="D2105" s="18">
        <v>1442140457</v>
      </c>
      <c r="E2105" s="11">
        <v>46783</v>
      </c>
      <c r="F2105" s="9" t="s">
        <v>23</v>
      </c>
      <c r="G2105" s="12">
        <v>2103</v>
      </c>
      <c r="H2105" s="12">
        <f t="shared" si="64"/>
        <v>12</v>
      </c>
      <c r="I2105" s="12">
        <f t="shared" si="65"/>
        <v>13</v>
      </c>
    </row>
    <row r="2106" spans="1:35" s="5" customFormat="1" ht="27.75" customHeight="1" x14ac:dyDescent="0.4">
      <c r="A2106" s="9" t="s">
        <v>3503</v>
      </c>
      <c r="B2106" s="13" t="s">
        <v>4161</v>
      </c>
      <c r="C2106" s="9" t="s">
        <v>4162</v>
      </c>
      <c r="D2106" s="18">
        <v>1442181717</v>
      </c>
      <c r="E2106" s="11">
        <v>46630</v>
      </c>
      <c r="F2106" s="9" t="s">
        <v>23</v>
      </c>
      <c r="G2106" s="5">
        <v>2104</v>
      </c>
      <c r="H2106" s="12">
        <f t="shared" si="64"/>
        <v>11</v>
      </c>
      <c r="I2106" s="12">
        <f t="shared" si="65"/>
        <v>9</v>
      </c>
    </row>
    <row r="2107" spans="1:35" s="5" customFormat="1" ht="27.75" customHeight="1" x14ac:dyDescent="0.4">
      <c r="A2107" s="13" t="s">
        <v>3503</v>
      </c>
      <c r="B2107" s="9" t="s">
        <v>4163</v>
      </c>
      <c r="C2107" s="9" t="s">
        <v>4164</v>
      </c>
      <c r="D2107" s="18">
        <v>1442140507</v>
      </c>
      <c r="E2107" s="11">
        <v>47391</v>
      </c>
      <c r="F2107" s="9" t="s">
        <v>23</v>
      </c>
      <c r="G2107" s="12">
        <v>2105</v>
      </c>
      <c r="H2107" s="12">
        <f t="shared" si="64"/>
        <v>10</v>
      </c>
      <c r="I2107" s="12">
        <f t="shared" si="65"/>
        <v>12</v>
      </c>
    </row>
    <row r="2108" spans="1:35" s="28" customFormat="1" ht="27.75" customHeight="1" x14ac:dyDescent="0.4">
      <c r="A2108" s="9" t="s">
        <v>3503</v>
      </c>
      <c r="B2108" s="9" t="s">
        <v>4165</v>
      </c>
      <c r="C2108" s="9" t="s">
        <v>4166</v>
      </c>
      <c r="D2108" s="18">
        <v>1442140077</v>
      </c>
      <c r="E2108" s="11">
        <v>46387</v>
      </c>
      <c r="F2108" s="9" t="s">
        <v>23</v>
      </c>
      <c r="G2108" s="5">
        <v>2106</v>
      </c>
      <c r="H2108" s="12">
        <f t="shared" si="64"/>
        <v>11</v>
      </c>
      <c r="I2108" s="12">
        <f t="shared" si="65"/>
        <v>9</v>
      </c>
      <c r="J2108" s="5"/>
      <c r="K2108" s="5"/>
      <c r="L2108" s="5"/>
      <c r="M2108" s="5"/>
      <c r="N2108" s="5"/>
      <c r="O2108" s="5"/>
      <c r="P2108" s="5"/>
      <c r="Q2108" s="5"/>
      <c r="R2108" s="5"/>
      <c r="S2108" s="5"/>
      <c r="T2108" s="5"/>
      <c r="U2108" s="5"/>
      <c r="V2108" s="5"/>
      <c r="W2108" s="5"/>
      <c r="X2108" s="5"/>
      <c r="Y2108" s="5"/>
      <c r="Z2108" s="5"/>
      <c r="AA2108" s="5"/>
      <c r="AB2108" s="5"/>
      <c r="AC2108" s="5"/>
      <c r="AD2108" s="5"/>
      <c r="AE2108" s="5"/>
      <c r="AF2108" s="5"/>
      <c r="AG2108" s="5"/>
      <c r="AH2108" s="5"/>
      <c r="AI2108" s="5"/>
    </row>
    <row r="2109" spans="1:35" s="5" customFormat="1" ht="27.75" customHeight="1" x14ac:dyDescent="0.4">
      <c r="A2109" s="13" t="s">
        <v>3503</v>
      </c>
      <c r="B2109" s="9" t="s">
        <v>4167</v>
      </c>
      <c r="C2109" s="9" t="s">
        <v>4168</v>
      </c>
      <c r="D2109" s="18">
        <v>1442140002</v>
      </c>
      <c r="E2109" s="11">
        <v>46387</v>
      </c>
      <c r="F2109" s="9" t="s">
        <v>23</v>
      </c>
      <c r="G2109" s="12">
        <v>2107</v>
      </c>
      <c r="H2109" s="12">
        <f t="shared" si="64"/>
        <v>11</v>
      </c>
      <c r="I2109" s="12">
        <f t="shared" si="65"/>
        <v>12</v>
      </c>
    </row>
    <row r="2110" spans="1:35" s="5" customFormat="1" ht="27.75" customHeight="1" x14ac:dyDescent="0.4">
      <c r="A2110" s="9" t="s">
        <v>3503</v>
      </c>
      <c r="B2110" s="13" t="s">
        <v>4169</v>
      </c>
      <c r="C2110" s="13" t="s">
        <v>4170</v>
      </c>
      <c r="D2110" s="18">
        <v>1442101012</v>
      </c>
      <c r="E2110" s="11">
        <v>46387</v>
      </c>
      <c r="F2110" s="9" t="s">
        <v>23</v>
      </c>
      <c r="G2110" s="5">
        <v>2108</v>
      </c>
      <c r="H2110" s="12">
        <f t="shared" si="64"/>
        <v>10</v>
      </c>
      <c r="I2110" s="12">
        <f t="shared" si="65"/>
        <v>8</v>
      </c>
    </row>
    <row r="2111" spans="1:35" s="5" customFormat="1" ht="27.75" customHeight="1" x14ac:dyDescent="0.4">
      <c r="A2111" s="9" t="s">
        <v>3503</v>
      </c>
      <c r="B2111" s="9" t="s">
        <v>4171</v>
      </c>
      <c r="C2111" s="9" t="s">
        <v>4172</v>
      </c>
      <c r="D2111" s="18">
        <v>1442100774</v>
      </c>
      <c r="E2111" s="11">
        <v>46387</v>
      </c>
      <c r="F2111" s="9" t="s">
        <v>23</v>
      </c>
      <c r="G2111" s="12">
        <v>2109</v>
      </c>
      <c r="H2111" s="12">
        <f t="shared" si="64"/>
        <v>11</v>
      </c>
      <c r="I2111" s="12">
        <f t="shared" si="65"/>
        <v>4</v>
      </c>
    </row>
    <row r="2112" spans="1:35" s="5" customFormat="1" ht="27.75" customHeight="1" x14ac:dyDescent="0.4">
      <c r="A2112" s="16" t="s">
        <v>3503</v>
      </c>
      <c r="B2112" s="15" t="s">
        <v>4173</v>
      </c>
      <c r="C2112" s="16" t="s">
        <v>4174</v>
      </c>
      <c r="D2112" s="10">
        <v>1442181170</v>
      </c>
      <c r="E2112" s="11">
        <v>46387</v>
      </c>
      <c r="F2112" s="9" t="s">
        <v>23</v>
      </c>
      <c r="G2112" s="5">
        <v>2110</v>
      </c>
      <c r="H2112" s="12">
        <f t="shared" si="64"/>
        <v>10</v>
      </c>
      <c r="I2112" s="12">
        <f t="shared" si="65"/>
        <v>7</v>
      </c>
    </row>
    <row r="2113" spans="1:35" s="5" customFormat="1" ht="27.75" customHeight="1" x14ac:dyDescent="0.4">
      <c r="A2113" s="9" t="s">
        <v>3503</v>
      </c>
      <c r="B2113" s="9" t="s">
        <v>4175</v>
      </c>
      <c r="C2113" s="9" t="s">
        <v>4176</v>
      </c>
      <c r="D2113" s="18">
        <v>1442101038</v>
      </c>
      <c r="E2113" s="11">
        <v>46387</v>
      </c>
      <c r="F2113" s="9" t="s">
        <v>23</v>
      </c>
      <c r="G2113" s="12">
        <v>2111</v>
      </c>
      <c r="H2113" s="12">
        <f t="shared" si="64"/>
        <v>10</v>
      </c>
      <c r="I2113" s="12">
        <f t="shared" si="65"/>
        <v>12</v>
      </c>
    </row>
    <row r="2114" spans="1:35" s="5" customFormat="1" ht="27.75" customHeight="1" x14ac:dyDescent="0.4">
      <c r="A2114" s="9" t="s">
        <v>3503</v>
      </c>
      <c r="B2114" s="9" t="s">
        <v>4177</v>
      </c>
      <c r="C2114" s="9" t="s">
        <v>4178</v>
      </c>
      <c r="D2114" s="18">
        <v>1442140267</v>
      </c>
      <c r="E2114" s="11">
        <v>47391</v>
      </c>
      <c r="F2114" s="9" t="s">
        <v>23</v>
      </c>
      <c r="G2114" s="5">
        <v>2112</v>
      </c>
      <c r="H2114" s="12">
        <f t="shared" si="64"/>
        <v>10</v>
      </c>
      <c r="I2114" s="12">
        <f t="shared" si="65"/>
        <v>10</v>
      </c>
    </row>
    <row r="2115" spans="1:35" s="5" customFormat="1" ht="27.75" customHeight="1" x14ac:dyDescent="0.4">
      <c r="A2115" s="17" t="s">
        <v>3503</v>
      </c>
      <c r="B2115" s="9" t="s">
        <v>4179</v>
      </c>
      <c r="C2115" s="9" t="s">
        <v>4180</v>
      </c>
      <c r="D2115" s="18">
        <v>1442140481</v>
      </c>
      <c r="E2115" s="11">
        <v>46996</v>
      </c>
      <c r="F2115" s="9" t="s">
        <v>23</v>
      </c>
      <c r="G2115" s="12">
        <v>2113</v>
      </c>
      <c r="H2115" s="12">
        <f t="shared" si="64"/>
        <v>11</v>
      </c>
      <c r="I2115" s="12">
        <f t="shared" si="65"/>
        <v>10</v>
      </c>
    </row>
    <row r="2116" spans="1:35" s="5" customFormat="1" ht="27.75" customHeight="1" x14ac:dyDescent="0.4">
      <c r="A2116" s="9" t="s">
        <v>3503</v>
      </c>
      <c r="B2116" s="9" t="s">
        <v>4181</v>
      </c>
      <c r="C2116" s="9" t="s">
        <v>4182</v>
      </c>
      <c r="D2116" s="18">
        <v>1442140531</v>
      </c>
      <c r="E2116" s="11">
        <v>47391</v>
      </c>
      <c r="F2116" s="9" t="s">
        <v>23</v>
      </c>
      <c r="G2116" s="5">
        <v>2114</v>
      </c>
      <c r="H2116" s="12">
        <f t="shared" ref="H2116:H2179" si="66">LEN(C2116)</f>
        <v>9</v>
      </c>
      <c r="I2116" s="12">
        <f t="shared" ref="I2116:I2179" si="67">LEN(B2116)</f>
        <v>11</v>
      </c>
    </row>
    <row r="2117" spans="1:35" s="5" customFormat="1" ht="27.75" customHeight="1" x14ac:dyDescent="0.4">
      <c r="A2117" s="9" t="s">
        <v>3503</v>
      </c>
      <c r="B2117" s="9" t="s">
        <v>4183</v>
      </c>
      <c r="C2117" s="9" t="s">
        <v>4184</v>
      </c>
      <c r="D2117" s="18">
        <v>1442181584</v>
      </c>
      <c r="E2117" s="11">
        <v>46387</v>
      </c>
      <c r="F2117" s="9" t="s">
        <v>23</v>
      </c>
      <c r="G2117" s="12">
        <v>2115</v>
      </c>
      <c r="H2117" s="12">
        <f t="shared" si="66"/>
        <v>12</v>
      </c>
      <c r="I2117" s="12">
        <f t="shared" si="67"/>
        <v>10</v>
      </c>
    </row>
    <row r="2118" spans="1:35" s="5" customFormat="1" ht="27.75" customHeight="1" x14ac:dyDescent="0.4">
      <c r="A2118" s="9" t="s">
        <v>3503</v>
      </c>
      <c r="B2118" s="9" t="s">
        <v>3739</v>
      </c>
      <c r="C2118" s="9" t="s">
        <v>4185</v>
      </c>
      <c r="D2118" s="23">
        <v>1442140176</v>
      </c>
      <c r="E2118" s="11">
        <v>46599</v>
      </c>
      <c r="F2118" s="9" t="s">
        <v>23</v>
      </c>
      <c r="G2118" s="5">
        <v>2116</v>
      </c>
      <c r="H2118" s="12">
        <f t="shared" si="66"/>
        <v>14</v>
      </c>
      <c r="I2118" s="12">
        <f t="shared" si="67"/>
        <v>6</v>
      </c>
    </row>
    <row r="2119" spans="1:35" s="5" customFormat="1" ht="27.75" customHeight="1" x14ac:dyDescent="0.4">
      <c r="A2119" s="9" t="s">
        <v>3503</v>
      </c>
      <c r="B2119" s="9" t="s">
        <v>4186</v>
      </c>
      <c r="C2119" s="9" t="s">
        <v>4187</v>
      </c>
      <c r="D2119" s="18">
        <v>1442140291</v>
      </c>
      <c r="E2119" s="11">
        <v>47483</v>
      </c>
      <c r="F2119" s="9" t="s">
        <v>23</v>
      </c>
      <c r="G2119" s="12">
        <v>2117</v>
      </c>
      <c r="H2119" s="12">
        <f t="shared" si="66"/>
        <v>12</v>
      </c>
      <c r="I2119" s="12">
        <f t="shared" si="67"/>
        <v>9</v>
      </c>
    </row>
    <row r="2120" spans="1:35" s="5" customFormat="1" ht="27.75" customHeight="1" x14ac:dyDescent="0.4">
      <c r="A2120" s="9" t="s">
        <v>3503</v>
      </c>
      <c r="B2120" s="9" t="s">
        <v>4188</v>
      </c>
      <c r="C2120" s="9" t="s">
        <v>4189</v>
      </c>
      <c r="D2120" s="18">
        <v>1442181410</v>
      </c>
      <c r="E2120" s="11">
        <v>46387</v>
      </c>
      <c r="F2120" s="9" t="s">
        <v>23</v>
      </c>
      <c r="G2120" s="5">
        <v>2118</v>
      </c>
      <c r="H2120" s="12">
        <f t="shared" si="66"/>
        <v>12</v>
      </c>
      <c r="I2120" s="12">
        <f t="shared" si="67"/>
        <v>8</v>
      </c>
    </row>
    <row r="2121" spans="1:35" s="5" customFormat="1" ht="27.75" customHeight="1" x14ac:dyDescent="0.4">
      <c r="A2121" s="9" t="s">
        <v>3503</v>
      </c>
      <c r="B2121" s="9" t="s">
        <v>4190</v>
      </c>
      <c r="C2121" s="9" t="s">
        <v>4191</v>
      </c>
      <c r="D2121" s="18">
        <v>1442140168</v>
      </c>
      <c r="E2121" s="11">
        <v>46387</v>
      </c>
      <c r="F2121" s="9" t="s">
        <v>23</v>
      </c>
      <c r="G2121" s="12">
        <v>2119</v>
      </c>
      <c r="H2121" s="12">
        <f t="shared" si="66"/>
        <v>11</v>
      </c>
      <c r="I2121" s="12">
        <f t="shared" si="67"/>
        <v>13</v>
      </c>
    </row>
    <row r="2122" spans="1:35" s="5" customFormat="1" ht="27.75" customHeight="1" x14ac:dyDescent="0.4">
      <c r="A2122" s="9" t="s">
        <v>3503</v>
      </c>
      <c r="B2122" s="9" t="s">
        <v>4192</v>
      </c>
      <c r="C2122" s="9" t="s">
        <v>4193</v>
      </c>
      <c r="D2122" s="18">
        <v>1442140473</v>
      </c>
      <c r="E2122" s="11">
        <v>46965</v>
      </c>
      <c r="F2122" s="9" t="s">
        <v>23</v>
      </c>
      <c r="G2122" s="5">
        <v>2120</v>
      </c>
      <c r="H2122" s="12">
        <f t="shared" si="66"/>
        <v>12</v>
      </c>
      <c r="I2122" s="12">
        <f t="shared" si="67"/>
        <v>5</v>
      </c>
    </row>
    <row r="2123" spans="1:35" s="5" customFormat="1" ht="27.75" customHeight="1" x14ac:dyDescent="0.4">
      <c r="A2123" s="16" t="s">
        <v>3503</v>
      </c>
      <c r="B2123" s="15" t="s">
        <v>4194</v>
      </c>
      <c r="C2123" s="16" t="s">
        <v>4195</v>
      </c>
      <c r="D2123" s="10">
        <v>1442182152</v>
      </c>
      <c r="E2123" s="11">
        <v>46387</v>
      </c>
      <c r="F2123" s="9" t="s">
        <v>23</v>
      </c>
      <c r="G2123" s="12">
        <v>2121</v>
      </c>
      <c r="H2123" s="12">
        <f t="shared" si="66"/>
        <v>11</v>
      </c>
      <c r="I2123" s="12">
        <f t="shared" si="67"/>
        <v>6</v>
      </c>
    </row>
    <row r="2124" spans="1:35" s="5" customFormat="1" ht="27.75" customHeight="1" x14ac:dyDescent="0.4">
      <c r="A2124" s="13" t="s">
        <v>3503</v>
      </c>
      <c r="B2124" s="13" t="s">
        <v>4196</v>
      </c>
      <c r="C2124" s="13" t="s">
        <v>4197</v>
      </c>
      <c r="D2124" s="18">
        <v>1442140044</v>
      </c>
      <c r="E2124" s="11">
        <v>46387</v>
      </c>
      <c r="F2124" s="9" t="s">
        <v>23</v>
      </c>
      <c r="G2124" s="5">
        <v>2122</v>
      </c>
      <c r="H2124" s="12">
        <f t="shared" si="66"/>
        <v>11</v>
      </c>
      <c r="I2124" s="12">
        <f t="shared" si="67"/>
        <v>11</v>
      </c>
    </row>
    <row r="2125" spans="1:35" s="5" customFormat="1" ht="27.75" customHeight="1" x14ac:dyDescent="0.4">
      <c r="A2125" s="9" t="s">
        <v>3503</v>
      </c>
      <c r="B2125" s="9" t="s">
        <v>4198</v>
      </c>
      <c r="C2125" s="9" t="s">
        <v>4199</v>
      </c>
      <c r="D2125" s="18">
        <v>1442140614</v>
      </c>
      <c r="E2125" s="11">
        <v>48334</v>
      </c>
      <c r="F2125" s="9" t="s">
        <v>23</v>
      </c>
      <c r="G2125" s="12">
        <v>2123</v>
      </c>
      <c r="H2125" s="12">
        <f t="shared" si="66"/>
        <v>9</v>
      </c>
      <c r="I2125" s="12">
        <f t="shared" si="67"/>
        <v>12</v>
      </c>
    </row>
    <row r="2126" spans="1:35" s="5" customFormat="1" ht="27.75" customHeight="1" x14ac:dyDescent="0.4">
      <c r="A2126" s="13" t="s">
        <v>3503</v>
      </c>
      <c r="B2126" s="9" t="s">
        <v>4200</v>
      </c>
      <c r="C2126" s="9" t="s">
        <v>4201</v>
      </c>
      <c r="D2126" s="18">
        <v>1442181964</v>
      </c>
      <c r="E2126" s="11">
        <v>46387</v>
      </c>
      <c r="F2126" s="9" t="s">
        <v>23</v>
      </c>
      <c r="G2126" s="5">
        <v>2124</v>
      </c>
      <c r="H2126" s="12">
        <f t="shared" si="66"/>
        <v>14</v>
      </c>
      <c r="I2126" s="12">
        <f t="shared" si="67"/>
        <v>11</v>
      </c>
      <c r="J2126" s="28"/>
      <c r="K2126" s="28"/>
      <c r="L2126" s="28"/>
      <c r="M2126" s="28"/>
      <c r="N2126" s="28"/>
      <c r="O2126" s="28"/>
      <c r="P2126" s="28"/>
      <c r="Q2126" s="28"/>
      <c r="R2126" s="28"/>
      <c r="S2126" s="28"/>
      <c r="T2126" s="28"/>
      <c r="U2126" s="28"/>
      <c r="V2126" s="28"/>
      <c r="W2126" s="28"/>
      <c r="X2126" s="28"/>
      <c r="Y2126" s="28"/>
      <c r="Z2126" s="28"/>
      <c r="AA2126" s="28"/>
      <c r="AB2126" s="28"/>
      <c r="AC2126" s="28"/>
      <c r="AD2126" s="28"/>
      <c r="AE2126" s="28"/>
      <c r="AF2126" s="28"/>
      <c r="AG2126" s="28"/>
      <c r="AH2126" s="28"/>
      <c r="AI2126" s="28"/>
    </row>
    <row r="2127" spans="1:35" s="24" customFormat="1" ht="27.75" customHeight="1" x14ac:dyDescent="0.4">
      <c r="A2127" s="9" t="s">
        <v>3503</v>
      </c>
      <c r="B2127" s="9" t="s">
        <v>4202</v>
      </c>
      <c r="C2127" s="9" t="s">
        <v>4203</v>
      </c>
      <c r="D2127" s="18">
        <v>1442181691</v>
      </c>
      <c r="E2127" s="11">
        <v>46387</v>
      </c>
      <c r="F2127" s="9" t="s">
        <v>23</v>
      </c>
      <c r="G2127" s="12">
        <v>2125</v>
      </c>
      <c r="H2127" s="12">
        <f t="shared" si="66"/>
        <v>14</v>
      </c>
      <c r="I2127" s="12">
        <f t="shared" si="67"/>
        <v>12</v>
      </c>
      <c r="J2127" s="5"/>
      <c r="K2127" s="5"/>
      <c r="L2127" s="5"/>
      <c r="M2127" s="5"/>
      <c r="N2127" s="5"/>
      <c r="O2127" s="5"/>
      <c r="P2127" s="5"/>
      <c r="Q2127" s="5"/>
      <c r="R2127" s="5"/>
      <c r="S2127" s="5"/>
      <c r="T2127" s="5"/>
      <c r="U2127" s="5"/>
      <c r="V2127" s="5"/>
      <c r="W2127" s="5"/>
      <c r="X2127" s="5"/>
      <c r="Y2127" s="5"/>
      <c r="Z2127" s="5"/>
      <c r="AA2127" s="5"/>
      <c r="AB2127" s="5"/>
      <c r="AC2127" s="5"/>
      <c r="AD2127" s="5"/>
      <c r="AE2127" s="5"/>
      <c r="AF2127" s="5"/>
      <c r="AG2127" s="5"/>
      <c r="AH2127" s="5"/>
      <c r="AI2127" s="5"/>
    </row>
    <row r="2128" spans="1:35" s="5" customFormat="1" ht="27.75" customHeight="1" x14ac:dyDescent="0.4">
      <c r="A2128" s="9" t="s">
        <v>3503</v>
      </c>
      <c r="B2128" s="9" t="s">
        <v>4204</v>
      </c>
      <c r="C2128" s="9" t="s">
        <v>4205</v>
      </c>
      <c r="D2128" s="26">
        <v>1442140424</v>
      </c>
      <c r="E2128" s="11">
        <v>46507</v>
      </c>
      <c r="F2128" s="9" t="s">
        <v>23</v>
      </c>
      <c r="G2128" s="5">
        <v>2126</v>
      </c>
      <c r="H2128" s="12">
        <f t="shared" si="66"/>
        <v>11</v>
      </c>
      <c r="I2128" s="12">
        <f t="shared" si="67"/>
        <v>14</v>
      </c>
    </row>
    <row r="2129" spans="1:35" s="5" customFormat="1" ht="27.75" customHeight="1" x14ac:dyDescent="0.4">
      <c r="A2129" s="9" t="s">
        <v>3503</v>
      </c>
      <c r="B2129" s="13" t="s">
        <v>4206</v>
      </c>
      <c r="C2129" s="13" t="s">
        <v>4207</v>
      </c>
      <c r="D2129" s="18">
        <v>1442140572</v>
      </c>
      <c r="E2129" s="11">
        <v>47756</v>
      </c>
      <c r="F2129" s="9" t="s">
        <v>23</v>
      </c>
      <c r="G2129" s="12">
        <v>2127</v>
      </c>
      <c r="H2129" s="12">
        <f t="shared" si="66"/>
        <v>12</v>
      </c>
      <c r="I2129" s="12">
        <f t="shared" si="67"/>
        <v>13</v>
      </c>
    </row>
    <row r="2130" spans="1:35" s="5" customFormat="1" ht="27.75" customHeight="1" x14ac:dyDescent="0.4">
      <c r="A2130" s="15" t="s">
        <v>3503</v>
      </c>
      <c r="B2130" s="16" t="s">
        <v>4208</v>
      </c>
      <c r="C2130" s="22" t="s">
        <v>4209</v>
      </c>
      <c r="D2130" s="10">
        <v>1442182004</v>
      </c>
      <c r="E2130" s="11">
        <v>46387</v>
      </c>
      <c r="F2130" s="9" t="s">
        <v>23</v>
      </c>
      <c r="G2130" s="5">
        <v>2128</v>
      </c>
      <c r="H2130" s="12">
        <f t="shared" si="66"/>
        <v>11</v>
      </c>
      <c r="I2130" s="12">
        <f t="shared" si="67"/>
        <v>10</v>
      </c>
      <c r="J2130" s="12"/>
      <c r="K2130" s="12"/>
      <c r="L2130" s="12"/>
      <c r="M2130" s="12"/>
      <c r="N2130" s="12"/>
      <c r="O2130" s="12"/>
      <c r="P2130" s="12"/>
      <c r="Q2130" s="12"/>
      <c r="R2130" s="12"/>
      <c r="S2130" s="12"/>
      <c r="T2130" s="12"/>
      <c r="U2130" s="12"/>
      <c r="V2130" s="12"/>
      <c r="W2130" s="12"/>
      <c r="X2130" s="12"/>
      <c r="Y2130" s="12"/>
      <c r="Z2130" s="12"/>
      <c r="AA2130" s="12"/>
      <c r="AB2130" s="12"/>
      <c r="AC2130" s="12"/>
      <c r="AD2130" s="12"/>
      <c r="AE2130" s="12"/>
      <c r="AF2130" s="12"/>
      <c r="AG2130" s="12"/>
      <c r="AH2130" s="12"/>
      <c r="AI2130" s="12"/>
    </row>
    <row r="2131" spans="1:35" s="5" customFormat="1" ht="27.75" customHeight="1" x14ac:dyDescent="0.4">
      <c r="A2131" s="13" t="s">
        <v>3503</v>
      </c>
      <c r="B2131" s="9" t="s">
        <v>4210</v>
      </c>
      <c r="C2131" s="9" t="s">
        <v>4211</v>
      </c>
      <c r="D2131" s="18">
        <v>1442181501</v>
      </c>
      <c r="E2131" s="11">
        <v>46387</v>
      </c>
      <c r="F2131" s="9" t="s">
        <v>23</v>
      </c>
      <c r="G2131" s="12">
        <v>2129</v>
      </c>
      <c r="H2131" s="12">
        <f t="shared" si="66"/>
        <v>22</v>
      </c>
      <c r="I2131" s="12">
        <f t="shared" si="67"/>
        <v>5</v>
      </c>
    </row>
    <row r="2132" spans="1:35" s="5" customFormat="1" ht="27.75" customHeight="1" x14ac:dyDescent="0.4">
      <c r="A2132" s="9" t="s">
        <v>3503</v>
      </c>
      <c r="B2132" s="19" t="s">
        <v>4212</v>
      </c>
      <c r="C2132" s="19" t="s">
        <v>4213</v>
      </c>
      <c r="D2132" s="20">
        <v>1442140382</v>
      </c>
      <c r="E2132" s="11">
        <v>48487</v>
      </c>
      <c r="F2132" s="9" t="s">
        <v>23</v>
      </c>
      <c r="G2132" s="5">
        <v>2130</v>
      </c>
      <c r="H2132" s="12">
        <f t="shared" si="66"/>
        <v>11</v>
      </c>
      <c r="I2132" s="12">
        <f t="shared" si="67"/>
        <v>8</v>
      </c>
    </row>
    <row r="2133" spans="1:35" s="5" customFormat="1" ht="27.75" customHeight="1" x14ac:dyDescent="0.4">
      <c r="A2133" s="9" t="s">
        <v>3503</v>
      </c>
      <c r="B2133" s="9" t="s">
        <v>4214</v>
      </c>
      <c r="C2133" s="9" t="s">
        <v>4215</v>
      </c>
      <c r="D2133" s="18">
        <v>1442181378</v>
      </c>
      <c r="E2133" s="11">
        <v>46387</v>
      </c>
      <c r="F2133" s="9" t="s">
        <v>23</v>
      </c>
      <c r="G2133" s="12">
        <v>2131</v>
      </c>
      <c r="H2133" s="12">
        <f t="shared" si="66"/>
        <v>12</v>
      </c>
      <c r="I2133" s="12">
        <f t="shared" si="67"/>
        <v>9</v>
      </c>
    </row>
    <row r="2134" spans="1:35" s="5" customFormat="1" ht="27.75" customHeight="1" x14ac:dyDescent="0.4">
      <c r="A2134" s="13" t="s">
        <v>3503</v>
      </c>
      <c r="B2134" s="9" t="s">
        <v>4216</v>
      </c>
      <c r="C2134" s="9" t="s">
        <v>4217</v>
      </c>
      <c r="D2134" s="18">
        <v>1442140366</v>
      </c>
      <c r="E2134" s="11">
        <v>47938</v>
      </c>
      <c r="F2134" s="9" t="s">
        <v>23</v>
      </c>
      <c r="G2134" s="5">
        <v>2132</v>
      </c>
      <c r="H2134" s="12">
        <f t="shared" si="66"/>
        <v>12</v>
      </c>
      <c r="I2134" s="12">
        <f t="shared" si="67"/>
        <v>5</v>
      </c>
    </row>
    <row r="2135" spans="1:35" s="5" customFormat="1" ht="27.75" customHeight="1" x14ac:dyDescent="0.4">
      <c r="A2135" s="13" t="s">
        <v>3503</v>
      </c>
      <c r="B2135" s="13" t="s">
        <v>4218</v>
      </c>
      <c r="C2135" s="13" t="s">
        <v>4219</v>
      </c>
      <c r="D2135" s="18">
        <v>1442140523</v>
      </c>
      <c r="E2135" s="11">
        <v>47391</v>
      </c>
      <c r="F2135" s="9" t="s">
        <v>23</v>
      </c>
      <c r="G2135" s="12">
        <v>2133</v>
      </c>
      <c r="H2135" s="12">
        <f t="shared" si="66"/>
        <v>10</v>
      </c>
      <c r="I2135" s="12">
        <f t="shared" si="67"/>
        <v>8</v>
      </c>
    </row>
    <row r="2136" spans="1:35" s="5" customFormat="1" ht="27.75" customHeight="1" x14ac:dyDescent="0.4">
      <c r="A2136" s="9" t="s">
        <v>3503</v>
      </c>
      <c r="B2136" s="9" t="s">
        <v>4220</v>
      </c>
      <c r="C2136" s="9" t="s">
        <v>4221</v>
      </c>
      <c r="D2136" s="18">
        <v>1442140234</v>
      </c>
      <c r="E2136" s="11">
        <v>48304</v>
      </c>
      <c r="F2136" s="9" t="s">
        <v>23</v>
      </c>
      <c r="G2136" s="5">
        <v>2134</v>
      </c>
      <c r="H2136" s="12">
        <f t="shared" si="66"/>
        <v>14</v>
      </c>
      <c r="I2136" s="12">
        <f t="shared" si="67"/>
        <v>11</v>
      </c>
    </row>
    <row r="2137" spans="1:35" s="5" customFormat="1" ht="27.75" customHeight="1" x14ac:dyDescent="0.4">
      <c r="A2137" s="13" t="s">
        <v>3503</v>
      </c>
      <c r="B2137" s="9" t="s">
        <v>4222</v>
      </c>
      <c r="C2137" s="9" t="s">
        <v>4223</v>
      </c>
      <c r="D2137" s="18">
        <v>1442140226</v>
      </c>
      <c r="E2137" s="11">
        <v>48304</v>
      </c>
      <c r="F2137" s="9" t="s">
        <v>23</v>
      </c>
      <c r="G2137" s="12">
        <v>2135</v>
      </c>
      <c r="H2137" s="12">
        <f t="shared" si="66"/>
        <v>14</v>
      </c>
      <c r="I2137" s="12">
        <f t="shared" si="67"/>
        <v>13</v>
      </c>
    </row>
    <row r="2138" spans="1:35" s="5" customFormat="1" ht="27.75" customHeight="1" x14ac:dyDescent="0.4">
      <c r="A2138" s="9" t="s">
        <v>3503</v>
      </c>
      <c r="B2138" s="13" t="s">
        <v>4224</v>
      </c>
      <c r="C2138" s="9" t="s">
        <v>4225</v>
      </c>
      <c r="D2138" s="18">
        <v>1442100899</v>
      </c>
      <c r="E2138" s="11">
        <v>46387</v>
      </c>
      <c r="F2138" s="9" t="s">
        <v>23</v>
      </c>
      <c r="G2138" s="5">
        <v>2136</v>
      </c>
      <c r="H2138" s="12">
        <f t="shared" si="66"/>
        <v>10</v>
      </c>
      <c r="I2138" s="12">
        <f t="shared" si="67"/>
        <v>7</v>
      </c>
    </row>
    <row r="2139" spans="1:35" s="5" customFormat="1" ht="27.75" customHeight="1" x14ac:dyDescent="0.4">
      <c r="A2139" s="9" t="s">
        <v>3503</v>
      </c>
      <c r="B2139" s="13" t="s">
        <v>4226</v>
      </c>
      <c r="C2139" s="9" t="s">
        <v>4227</v>
      </c>
      <c r="D2139" s="18">
        <v>1442140010</v>
      </c>
      <c r="E2139" s="11">
        <v>46387</v>
      </c>
      <c r="F2139" s="9" t="s">
        <v>23</v>
      </c>
      <c r="G2139" s="12">
        <v>2137</v>
      </c>
      <c r="H2139" s="12">
        <f t="shared" si="66"/>
        <v>17</v>
      </c>
      <c r="I2139" s="12">
        <f t="shared" si="67"/>
        <v>11</v>
      </c>
    </row>
    <row r="2140" spans="1:35" s="5" customFormat="1" ht="27.75" customHeight="1" x14ac:dyDescent="0.4">
      <c r="A2140" s="9" t="s">
        <v>3503</v>
      </c>
      <c r="B2140" s="13" t="s">
        <v>4228</v>
      </c>
      <c r="C2140" s="13" t="s">
        <v>4229</v>
      </c>
      <c r="D2140" s="18">
        <v>1442140606</v>
      </c>
      <c r="E2140" s="11">
        <v>48213</v>
      </c>
      <c r="F2140" s="9" t="s">
        <v>23</v>
      </c>
      <c r="G2140" s="5">
        <v>2138</v>
      </c>
      <c r="H2140" s="12">
        <f t="shared" si="66"/>
        <v>13</v>
      </c>
      <c r="I2140" s="12">
        <f t="shared" si="67"/>
        <v>10</v>
      </c>
    </row>
    <row r="2141" spans="1:35" s="5" customFormat="1" ht="27.75" customHeight="1" x14ac:dyDescent="0.4">
      <c r="A2141" s="15" t="s">
        <v>3503</v>
      </c>
      <c r="B2141" s="15" t="s">
        <v>4230</v>
      </c>
      <c r="C2141" s="16" t="s">
        <v>4231</v>
      </c>
      <c r="D2141" s="10">
        <v>1442181329</v>
      </c>
      <c r="E2141" s="27">
        <v>46387</v>
      </c>
      <c r="F2141" s="9" t="s">
        <v>23</v>
      </c>
      <c r="G2141" s="12">
        <v>2139</v>
      </c>
      <c r="H2141" s="12">
        <f t="shared" si="66"/>
        <v>11</v>
      </c>
      <c r="I2141" s="12">
        <f t="shared" si="67"/>
        <v>6</v>
      </c>
    </row>
    <row r="2142" spans="1:35" s="5" customFormat="1" ht="27.75" customHeight="1" x14ac:dyDescent="0.4">
      <c r="A2142" s="9" t="s">
        <v>3503</v>
      </c>
      <c r="B2142" s="13" t="s">
        <v>4232</v>
      </c>
      <c r="C2142" s="13" t="s">
        <v>4233</v>
      </c>
      <c r="D2142" s="18">
        <v>1442181279</v>
      </c>
      <c r="E2142" s="11">
        <v>46387</v>
      </c>
      <c r="F2142" s="9" t="s">
        <v>23</v>
      </c>
      <c r="G2142" s="5">
        <v>2140</v>
      </c>
      <c r="H2142" s="12">
        <f t="shared" si="66"/>
        <v>13</v>
      </c>
      <c r="I2142" s="12">
        <f t="shared" si="67"/>
        <v>6</v>
      </c>
    </row>
    <row r="2143" spans="1:35" s="5" customFormat="1" ht="27.75" customHeight="1" x14ac:dyDescent="0.4">
      <c r="A2143" s="13" t="s">
        <v>3503</v>
      </c>
      <c r="B2143" s="9" t="s">
        <v>4234</v>
      </c>
      <c r="C2143" s="9" t="s">
        <v>729</v>
      </c>
      <c r="D2143" s="18">
        <v>1442140499</v>
      </c>
      <c r="E2143" s="11">
        <v>47391</v>
      </c>
      <c r="F2143" s="9" t="s">
        <v>23</v>
      </c>
      <c r="G2143" s="12">
        <v>2141</v>
      </c>
      <c r="H2143" s="12">
        <f t="shared" si="66"/>
        <v>9</v>
      </c>
      <c r="I2143" s="12">
        <f t="shared" si="67"/>
        <v>9</v>
      </c>
    </row>
    <row r="2144" spans="1:35" s="5" customFormat="1" ht="27.75" customHeight="1" x14ac:dyDescent="0.4">
      <c r="A2144" s="13" t="s">
        <v>3503</v>
      </c>
      <c r="B2144" s="9" t="s">
        <v>4235</v>
      </c>
      <c r="C2144" s="9" t="s">
        <v>4236</v>
      </c>
      <c r="D2144" s="18">
        <v>1442182020</v>
      </c>
      <c r="E2144" s="11">
        <v>46387</v>
      </c>
      <c r="F2144" s="9" t="s">
        <v>23</v>
      </c>
      <c r="G2144" s="5">
        <v>2142</v>
      </c>
      <c r="H2144" s="12">
        <f t="shared" si="66"/>
        <v>10</v>
      </c>
      <c r="I2144" s="12">
        <f t="shared" si="67"/>
        <v>12</v>
      </c>
    </row>
    <row r="2145" spans="1:9" s="5" customFormat="1" ht="27.75" customHeight="1" x14ac:dyDescent="0.4">
      <c r="A2145" s="17" t="s">
        <v>3503</v>
      </c>
      <c r="B2145" s="15" t="s">
        <v>3839</v>
      </c>
      <c r="C2145" s="16" t="s">
        <v>4237</v>
      </c>
      <c r="D2145" s="10">
        <v>1442140283</v>
      </c>
      <c r="E2145" s="11">
        <v>47208</v>
      </c>
      <c r="F2145" s="9" t="s">
        <v>23</v>
      </c>
      <c r="G2145" s="12">
        <v>2143</v>
      </c>
      <c r="H2145" s="12">
        <f t="shared" si="66"/>
        <v>9</v>
      </c>
      <c r="I2145" s="12">
        <f t="shared" si="67"/>
        <v>5</v>
      </c>
    </row>
    <row r="2146" spans="1:9" s="5" customFormat="1" ht="27.75" customHeight="1" x14ac:dyDescent="0.4">
      <c r="A2146" s="9" t="s">
        <v>3503</v>
      </c>
      <c r="B2146" s="9" t="s">
        <v>4238</v>
      </c>
      <c r="C2146" s="9" t="s">
        <v>4239</v>
      </c>
      <c r="D2146" s="18">
        <v>1442100808</v>
      </c>
      <c r="E2146" s="11">
        <v>46387</v>
      </c>
      <c r="F2146" s="9" t="s">
        <v>23</v>
      </c>
      <c r="G2146" s="5">
        <v>2144</v>
      </c>
      <c r="H2146" s="12">
        <f t="shared" si="66"/>
        <v>8</v>
      </c>
      <c r="I2146" s="12">
        <f t="shared" si="67"/>
        <v>10</v>
      </c>
    </row>
    <row r="2147" spans="1:9" s="5" customFormat="1" ht="27.75" customHeight="1" x14ac:dyDescent="0.4">
      <c r="A2147" s="9" t="s">
        <v>3503</v>
      </c>
      <c r="B2147" s="9" t="s">
        <v>4240</v>
      </c>
      <c r="C2147" s="9" t="s">
        <v>4241</v>
      </c>
      <c r="D2147" s="18">
        <v>1442181808</v>
      </c>
      <c r="E2147" s="11">
        <v>46387</v>
      </c>
      <c r="F2147" s="9" t="s">
        <v>23</v>
      </c>
      <c r="G2147" s="12">
        <v>2145</v>
      </c>
      <c r="H2147" s="12">
        <f t="shared" si="66"/>
        <v>12</v>
      </c>
      <c r="I2147" s="12">
        <f t="shared" si="67"/>
        <v>4</v>
      </c>
    </row>
    <row r="2148" spans="1:9" s="5" customFormat="1" ht="27.75" customHeight="1" x14ac:dyDescent="0.4">
      <c r="A2148" s="9" t="s">
        <v>3503</v>
      </c>
      <c r="B2148" s="9" t="s">
        <v>4242</v>
      </c>
      <c r="C2148" s="9" t="s">
        <v>4243</v>
      </c>
      <c r="D2148" s="18">
        <v>1442181816</v>
      </c>
      <c r="E2148" s="11">
        <v>46387</v>
      </c>
      <c r="F2148" s="9" t="s">
        <v>23</v>
      </c>
      <c r="G2148" s="5">
        <v>2146</v>
      </c>
      <c r="H2148" s="12">
        <f t="shared" si="66"/>
        <v>18</v>
      </c>
      <c r="I2148" s="12">
        <f t="shared" si="67"/>
        <v>13</v>
      </c>
    </row>
    <row r="2149" spans="1:9" s="5" customFormat="1" ht="27.75" customHeight="1" x14ac:dyDescent="0.4">
      <c r="A2149" s="15" t="s">
        <v>3503</v>
      </c>
      <c r="B2149" s="16" t="s">
        <v>4244</v>
      </c>
      <c r="C2149" s="22" t="s">
        <v>4245</v>
      </c>
      <c r="D2149" s="10">
        <v>1442182244</v>
      </c>
      <c r="E2149" s="11">
        <v>46387</v>
      </c>
      <c r="F2149" s="9" t="s">
        <v>23</v>
      </c>
      <c r="G2149" s="12">
        <v>2147</v>
      </c>
      <c r="H2149" s="12">
        <f t="shared" si="66"/>
        <v>8</v>
      </c>
      <c r="I2149" s="12">
        <f t="shared" si="67"/>
        <v>10</v>
      </c>
    </row>
    <row r="2150" spans="1:9" s="5" customFormat="1" ht="27.75" customHeight="1" x14ac:dyDescent="0.4">
      <c r="A2150" s="17" t="s">
        <v>3503</v>
      </c>
      <c r="B2150" s="9" t="s">
        <v>4246</v>
      </c>
      <c r="C2150" s="9" t="s">
        <v>4247</v>
      </c>
      <c r="D2150" s="18">
        <v>1442140556</v>
      </c>
      <c r="E2150" s="11">
        <v>47391</v>
      </c>
      <c r="F2150" s="9" t="s">
        <v>23</v>
      </c>
      <c r="G2150" s="5">
        <v>2148</v>
      </c>
      <c r="H2150" s="12">
        <f t="shared" si="66"/>
        <v>13</v>
      </c>
      <c r="I2150" s="12">
        <f t="shared" si="67"/>
        <v>13</v>
      </c>
    </row>
    <row r="2151" spans="1:9" s="5" customFormat="1" ht="27.75" customHeight="1" x14ac:dyDescent="0.4">
      <c r="A2151" s="13" t="s">
        <v>3503</v>
      </c>
      <c r="B2151" s="9" t="s">
        <v>4248</v>
      </c>
      <c r="C2151" s="9" t="s">
        <v>4249</v>
      </c>
      <c r="D2151" s="18">
        <v>1442140374</v>
      </c>
      <c r="E2151" s="11">
        <v>47968</v>
      </c>
      <c r="F2151" s="9" t="s">
        <v>23</v>
      </c>
      <c r="G2151" s="12">
        <v>2149</v>
      </c>
      <c r="H2151" s="12">
        <f t="shared" si="66"/>
        <v>13</v>
      </c>
      <c r="I2151" s="12">
        <f t="shared" si="67"/>
        <v>12</v>
      </c>
    </row>
    <row r="2152" spans="1:9" s="5" customFormat="1" ht="27.75" customHeight="1" x14ac:dyDescent="0.4">
      <c r="A2152" s="13" t="s">
        <v>3503</v>
      </c>
      <c r="B2152" s="9" t="s">
        <v>4250</v>
      </c>
      <c r="C2152" s="9" t="s">
        <v>4251</v>
      </c>
      <c r="D2152" s="18">
        <v>1442140416</v>
      </c>
      <c r="E2152" s="11">
        <v>46326</v>
      </c>
      <c r="F2152" s="9" t="s">
        <v>23</v>
      </c>
      <c r="G2152" s="5">
        <v>2150</v>
      </c>
      <c r="H2152" s="12">
        <f t="shared" si="66"/>
        <v>16</v>
      </c>
      <c r="I2152" s="12">
        <f t="shared" si="67"/>
        <v>11</v>
      </c>
    </row>
    <row r="2153" spans="1:9" s="5" customFormat="1" ht="27.75" customHeight="1" x14ac:dyDescent="0.4">
      <c r="A2153" s="9" t="s">
        <v>3503</v>
      </c>
      <c r="B2153" s="9" t="s">
        <v>4132</v>
      </c>
      <c r="C2153" s="9" t="s">
        <v>745</v>
      </c>
      <c r="D2153" s="18">
        <v>1442181741</v>
      </c>
      <c r="E2153" s="11">
        <v>46387</v>
      </c>
      <c r="F2153" s="9" t="s">
        <v>23</v>
      </c>
      <c r="G2153" s="12">
        <v>2151</v>
      </c>
      <c r="H2153" s="12">
        <f t="shared" si="66"/>
        <v>12</v>
      </c>
      <c r="I2153" s="12">
        <f t="shared" si="67"/>
        <v>5</v>
      </c>
    </row>
    <row r="2154" spans="1:9" s="5" customFormat="1" ht="27.75" customHeight="1" x14ac:dyDescent="0.4">
      <c r="A2154" s="9" t="s">
        <v>3503</v>
      </c>
      <c r="B2154" s="9" t="s">
        <v>4252</v>
      </c>
      <c r="C2154" s="9" t="s">
        <v>4253</v>
      </c>
      <c r="D2154" s="18">
        <v>1442181824</v>
      </c>
      <c r="E2154" s="11">
        <v>46387</v>
      </c>
      <c r="F2154" s="9" t="s">
        <v>23</v>
      </c>
      <c r="G2154" s="5">
        <v>2152</v>
      </c>
      <c r="H2154" s="12">
        <f t="shared" si="66"/>
        <v>22</v>
      </c>
      <c r="I2154" s="12">
        <f t="shared" si="67"/>
        <v>10</v>
      </c>
    </row>
    <row r="2155" spans="1:9" s="5" customFormat="1" ht="27.75" customHeight="1" x14ac:dyDescent="0.4">
      <c r="A2155" s="9" t="s">
        <v>3503</v>
      </c>
      <c r="B2155" s="13" t="s">
        <v>4254</v>
      </c>
      <c r="C2155" s="13" t="s">
        <v>4255</v>
      </c>
      <c r="D2155" s="18">
        <v>1442100865</v>
      </c>
      <c r="E2155" s="11">
        <v>46387</v>
      </c>
      <c r="F2155" s="9" t="s">
        <v>23</v>
      </c>
      <c r="G2155" s="12">
        <v>2153</v>
      </c>
      <c r="H2155" s="12">
        <f t="shared" si="66"/>
        <v>12</v>
      </c>
      <c r="I2155" s="12">
        <f t="shared" si="67"/>
        <v>7</v>
      </c>
    </row>
    <row r="2156" spans="1:9" s="5" customFormat="1" ht="27.75" customHeight="1" x14ac:dyDescent="0.4">
      <c r="A2156" s="9" t="s">
        <v>3503</v>
      </c>
      <c r="B2156" s="9" t="s">
        <v>4256</v>
      </c>
      <c r="C2156" s="9" t="s">
        <v>4257</v>
      </c>
      <c r="D2156" s="18">
        <v>1442140580</v>
      </c>
      <c r="E2156" s="11">
        <v>47787</v>
      </c>
      <c r="F2156" s="9" t="s">
        <v>23</v>
      </c>
      <c r="G2156" s="5">
        <v>2154</v>
      </c>
      <c r="H2156" s="12">
        <f t="shared" si="66"/>
        <v>13</v>
      </c>
      <c r="I2156" s="12">
        <f t="shared" si="67"/>
        <v>10</v>
      </c>
    </row>
    <row r="2157" spans="1:9" s="5" customFormat="1" ht="27.75" customHeight="1" x14ac:dyDescent="0.4">
      <c r="A2157" s="13" t="s">
        <v>3503</v>
      </c>
      <c r="B2157" s="16" t="s">
        <v>4258</v>
      </c>
      <c r="C2157" s="16" t="s">
        <v>4259</v>
      </c>
      <c r="D2157" s="26">
        <v>1442181485</v>
      </c>
      <c r="E2157" s="11">
        <v>46387</v>
      </c>
      <c r="F2157" s="9" t="s">
        <v>23</v>
      </c>
      <c r="G2157" s="12">
        <v>2155</v>
      </c>
      <c r="H2157" s="12">
        <f t="shared" si="66"/>
        <v>10</v>
      </c>
      <c r="I2157" s="12">
        <f t="shared" si="67"/>
        <v>7</v>
      </c>
    </row>
    <row r="2158" spans="1:9" s="5" customFormat="1" ht="27.75" customHeight="1" x14ac:dyDescent="0.4">
      <c r="A2158" s="9" t="s">
        <v>3503</v>
      </c>
      <c r="B2158" s="15" t="s">
        <v>4260</v>
      </c>
      <c r="C2158" s="16" t="s">
        <v>4261</v>
      </c>
      <c r="D2158" s="10">
        <v>1442140069</v>
      </c>
      <c r="E2158" s="11">
        <v>46387</v>
      </c>
      <c r="F2158" s="9" t="s">
        <v>23</v>
      </c>
      <c r="G2158" s="5">
        <v>2156</v>
      </c>
      <c r="H2158" s="12">
        <f t="shared" si="66"/>
        <v>12</v>
      </c>
      <c r="I2158" s="12">
        <f t="shared" si="67"/>
        <v>9</v>
      </c>
    </row>
    <row r="2159" spans="1:9" s="5" customFormat="1" ht="27.75" customHeight="1" x14ac:dyDescent="0.4">
      <c r="A2159" s="17" t="s">
        <v>3503</v>
      </c>
      <c r="B2159" s="9" t="s">
        <v>4262</v>
      </c>
      <c r="C2159" s="9" t="s">
        <v>4263</v>
      </c>
      <c r="D2159" s="18">
        <v>1442140085</v>
      </c>
      <c r="E2159" s="11">
        <v>46387</v>
      </c>
      <c r="F2159" s="9" t="s">
        <v>23</v>
      </c>
      <c r="G2159" s="12">
        <v>2157</v>
      </c>
      <c r="H2159" s="12">
        <f t="shared" si="66"/>
        <v>12</v>
      </c>
      <c r="I2159" s="12">
        <f t="shared" si="67"/>
        <v>9</v>
      </c>
    </row>
    <row r="2160" spans="1:9" s="5" customFormat="1" ht="27.75" customHeight="1" x14ac:dyDescent="0.4">
      <c r="A2160" s="9" t="s">
        <v>3503</v>
      </c>
      <c r="B2160" s="9" t="s">
        <v>4264</v>
      </c>
      <c r="C2160" s="9" t="s">
        <v>4265</v>
      </c>
      <c r="D2160" s="18">
        <v>1442140390</v>
      </c>
      <c r="E2160" s="11">
        <v>48365</v>
      </c>
      <c r="F2160" s="9" t="s">
        <v>23</v>
      </c>
      <c r="G2160" s="5">
        <v>2158</v>
      </c>
      <c r="H2160" s="12">
        <f t="shared" si="66"/>
        <v>15</v>
      </c>
      <c r="I2160" s="12">
        <f t="shared" si="67"/>
        <v>11</v>
      </c>
    </row>
    <row r="2161" spans="1:35" s="5" customFormat="1" ht="27.75" customHeight="1" x14ac:dyDescent="0.4">
      <c r="A2161" s="15" t="s">
        <v>3503</v>
      </c>
      <c r="B2161" s="16" t="s">
        <v>4266</v>
      </c>
      <c r="C2161" s="22" t="s">
        <v>4267</v>
      </c>
      <c r="D2161" s="10">
        <v>1442182053</v>
      </c>
      <c r="E2161" s="11">
        <v>46387</v>
      </c>
      <c r="F2161" s="9" t="s">
        <v>23</v>
      </c>
      <c r="G2161" s="12">
        <v>2159</v>
      </c>
      <c r="H2161" s="12">
        <f t="shared" si="66"/>
        <v>11</v>
      </c>
      <c r="I2161" s="12">
        <f t="shared" si="67"/>
        <v>9</v>
      </c>
    </row>
    <row r="2162" spans="1:35" s="5" customFormat="1" ht="27.75" customHeight="1" x14ac:dyDescent="0.4">
      <c r="A2162" s="9" t="s">
        <v>3503</v>
      </c>
      <c r="B2162" s="9" t="s">
        <v>4268</v>
      </c>
      <c r="C2162" s="9" t="s">
        <v>4269</v>
      </c>
      <c r="D2162" s="18">
        <v>1442140093</v>
      </c>
      <c r="E2162" s="11">
        <v>46387</v>
      </c>
      <c r="F2162" s="9" t="s">
        <v>23</v>
      </c>
      <c r="G2162" s="5">
        <v>2160</v>
      </c>
      <c r="H2162" s="12">
        <f t="shared" si="66"/>
        <v>12</v>
      </c>
      <c r="I2162" s="12">
        <f t="shared" si="67"/>
        <v>9</v>
      </c>
    </row>
    <row r="2163" spans="1:35" s="5" customFormat="1" ht="27.75" customHeight="1" x14ac:dyDescent="0.4">
      <c r="A2163" s="9" t="s">
        <v>3503</v>
      </c>
      <c r="B2163" s="9" t="s">
        <v>4270</v>
      </c>
      <c r="C2163" s="22" t="s">
        <v>4271</v>
      </c>
      <c r="D2163" s="18">
        <v>1442182061</v>
      </c>
      <c r="E2163" s="11">
        <v>46387</v>
      </c>
      <c r="F2163" s="9" t="s">
        <v>23</v>
      </c>
      <c r="G2163" s="12">
        <v>2161</v>
      </c>
      <c r="H2163" s="12">
        <f t="shared" si="66"/>
        <v>21</v>
      </c>
      <c r="I2163" s="12">
        <f t="shared" si="67"/>
        <v>9</v>
      </c>
    </row>
    <row r="2164" spans="1:35" s="5" customFormat="1" ht="27.75" customHeight="1" x14ac:dyDescent="0.4">
      <c r="A2164" s="9" t="s">
        <v>3503</v>
      </c>
      <c r="B2164" s="9" t="s">
        <v>4272</v>
      </c>
      <c r="C2164" s="9" t="s">
        <v>4273</v>
      </c>
      <c r="D2164" s="18">
        <v>1442181980</v>
      </c>
      <c r="E2164" s="11">
        <v>46387</v>
      </c>
      <c r="F2164" s="9" t="s">
        <v>23</v>
      </c>
      <c r="G2164" s="5">
        <v>2162</v>
      </c>
      <c r="H2164" s="12">
        <f t="shared" si="66"/>
        <v>12</v>
      </c>
      <c r="I2164" s="12">
        <f t="shared" si="67"/>
        <v>5</v>
      </c>
    </row>
    <row r="2165" spans="1:35" s="5" customFormat="1" ht="27.75" customHeight="1" x14ac:dyDescent="0.4">
      <c r="A2165" s="9" t="s">
        <v>3503</v>
      </c>
      <c r="B2165" s="9" t="s">
        <v>4274</v>
      </c>
      <c r="C2165" s="9" t="s">
        <v>4275</v>
      </c>
      <c r="D2165" s="18">
        <v>1442140309</v>
      </c>
      <c r="E2165" s="11">
        <v>47726</v>
      </c>
      <c r="F2165" s="9" t="s">
        <v>23</v>
      </c>
      <c r="G2165" s="12">
        <v>2163</v>
      </c>
      <c r="H2165" s="12">
        <f t="shared" si="66"/>
        <v>12</v>
      </c>
      <c r="I2165" s="12">
        <f t="shared" si="67"/>
        <v>8</v>
      </c>
    </row>
    <row r="2166" spans="1:35" s="5" customFormat="1" ht="27.75" customHeight="1" x14ac:dyDescent="0.4">
      <c r="A2166" s="13" t="s">
        <v>3503</v>
      </c>
      <c r="B2166" s="9" t="s">
        <v>4276</v>
      </c>
      <c r="C2166" s="9" t="s">
        <v>4277</v>
      </c>
      <c r="D2166" s="18">
        <v>1442140028</v>
      </c>
      <c r="E2166" s="11">
        <v>46387</v>
      </c>
      <c r="F2166" s="9" t="s">
        <v>23</v>
      </c>
      <c r="G2166" s="5">
        <v>2164</v>
      </c>
      <c r="H2166" s="12">
        <f t="shared" si="66"/>
        <v>12</v>
      </c>
      <c r="I2166" s="12">
        <f t="shared" si="67"/>
        <v>12</v>
      </c>
    </row>
    <row r="2167" spans="1:35" s="5" customFormat="1" ht="27.75" customHeight="1" x14ac:dyDescent="0.4">
      <c r="A2167" s="29" t="s">
        <v>3503</v>
      </c>
      <c r="B2167" s="16" t="s">
        <v>4278</v>
      </c>
      <c r="C2167" s="16" t="s">
        <v>4279</v>
      </c>
      <c r="D2167" s="10">
        <v>1442181949</v>
      </c>
      <c r="E2167" s="11">
        <v>46387</v>
      </c>
      <c r="F2167" s="9" t="s">
        <v>23</v>
      </c>
      <c r="G2167" s="12">
        <v>2165</v>
      </c>
      <c r="H2167" s="12">
        <f t="shared" si="66"/>
        <v>21</v>
      </c>
      <c r="I2167" s="12">
        <f t="shared" si="67"/>
        <v>12</v>
      </c>
    </row>
    <row r="2168" spans="1:35" s="5" customFormat="1" ht="27.75" customHeight="1" x14ac:dyDescent="0.4">
      <c r="A2168" s="13" t="s">
        <v>3503</v>
      </c>
      <c r="B2168" s="9" t="s">
        <v>4280</v>
      </c>
      <c r="C2168" s="9" t="s">
        <v>4281</v>
      </c>
      <c r="D2168" s="18">
        <v>1442140622</v>
      </c>
      <c r="E2168" s="11">
        <v>48334</v>
      </c>
      <c r="F2168" s="9" t="s">
        <v>23</v>
      </c>
      <c r="G2168" s="5">
        <v>2166</v>
      </c>
      <c r="H2168" s="12">
        <f t="shared" si="66"/>
        <v>22</v>
      </c>
      <c r="I2168" s="12">
        <f t="shared" si="67"/>
        <v>11</v>
      </c>
    </row>
    <row r="2169" spans="1:35" s="5" customFormat="1" ht="27.75" customHeight="1" x14ac:dyDescent="0.4">
      <c r="A2169" s="13" t="s">
        <v>3503</v>
      </c>
      <c r="B2169" s="16" t="s">
        <v>4282</v>
      </c>
      <c r="C2169" s="16" t="s">
        <v>4283</v>
      </c>
      <c r="D2169" s="10">
        <v>1442182095</v>
      </c>
      <c r="E2169" s="11">
        <v>46387</v>
      </c>
      <c r="F2169" s="9" t="s">
        <v>23</v>
      </c>
      <c r="G2169" s="12">
        <v>2167</v>
      </c>
      <c r="H2169" s="12">
        <f t="shared" si="66"/>
        <v>23</v>
      </c>
      <c r="I2169" s="12">
        <f t="shared" si="67"/>
        <v>8</v>
      </c>
    </row>
    <row r="2170" spans="1:35" s="5" customFormat="1" ht="27.75" customHeight="1" x14ac:dyDescent="0.4">
      <c r="A2170" s="13" t="s">
        <v>3503</v>
      </c>
      <c r="B2170" s="16" t="s">
        <v>4284</v>
      </c>
      <c r="C2170" s="16" t="s">
        <v>4285</v>
      </c>
      <c r="D2170" s="18">
        <v>1442182103</v>
      </c>
      <c r="E2170" s="11">
        <v>46387</v>
      </c>
      <c r="F2170" s="9" t="s">
        <v>23</v>
      </c>
      <c r="G2170" s="5">
        <v>2168</v>
      </c>
      <c r="H2170" s="12">
        <f t="shared" si="66"/>
        <v>18</v>
      </c>
      <c r="I2170" s="12">
        <f t="shared" si="67"/>
        <v>10</v>
      </c>
    </row>
    <row r="2171" spans="1:35" s="5" customFormat="1" ht="27.75" customHeight="1" x14ac:dyDescent="0.4">
      <c r="A2171" s="9" t="s">
        <v>3503</v>
      </c>
      <c r="B2171" s="9" t="s">
        <v>4286</v>
      </c>
      <c r="C2171" s="49" t="s">
        <v>4287</v>
      </c>
      <c r="D2171" s="18">
        <v>1442140465</v>
      </c>
      <c r="E2171" s="11">
        <v>46904</v>
      </c>
      <c r="F2171" s="9" t="s">
        <v>23</v>
      </c>
      <c r="G2171" s="12">
        <v>2169</v>
      </c>
      <c r="H2171" s="12">
        <f t="shared" si="66"/>
        <v>30</v>
      </c>
      <c r="I2171" s="12">
        <f t="shared" si="67"/>
        <v>11</v>
      </c>
    </row>
    <row r="2172" spans="1:35" s="24" customFormat="1" ht="27.75" customHeight="1" x14ac:dyDescent="0.4">
      <c r="A2172" s="9" t="s">
        <v>3503</v>
      </c>
      <c r="B2172" s="9" t="s">
        <v>4288</v>
      </c>
      <c r="C2172" s="9" t="s">
        <v>4289</v>
      </c>
      <c r="D2172" s="18">
        <v>1442140317</v>
      </c>
      <c r="E2172" s="11">
        <v>47756</v>
      </c>
      <c r="F2172" s="9" t="s">
        <v>23</v>
      </c>
      <c r="G2172" s="5">
        <v>2170</v>
      </c>
      <c r="H2172" s="12">
        <f t="shared" si="66"/>
        <v>12</v>
      </c>
      <c r="I2172" s="12">
        <f t="shared" si="67"/>
        <v>12</v>
      </c>
      <c r="J2172" s="5"/>
      <c r="K2172" s="5"/>
      <c r="L2172" s="5"/>
      <c r="M2172" s="5"/>
      <c r="N2172" s="5"/>
      <c r="O2172" s="5"/>
      <c r="P2172" s="5"/>
      <c r="Q2172" s="5"/>
      <c r="R2172" s="5"/>
      <c r="S2172" s="5"/>
      <c r="T2172" s="5"/>
      <c r="U2172" s="5"/>
      <c r="V2172" s="5"/>
      <c r="W2172" s="5"/>
      <c r="X2172" s="5"/>
      <c r="Y2172" s="5"/>
      <c r="Z2172" s="5"/>
      <c r="AA2172" s="5"/>
      <c r="AB2172" s="5"/>
      <c r="AC2172" s="5"/>
      <c r="AD2172" s="5"/>
      <c r="AE2172" s="5"/>
      <c r="AF2172" s="5"/>
      <c r="AG2172" s="5"/>
      <c r="AH2172" s="5"/>
      <c r="AI2172" s="5"/>
    </row>
    <row r="2173" spans="1:35" s="5" customFormat="1" ht="27.75" customHeight="1" x14ac:dyDescent="0.4">
      <c r="A2173" s="9" t="s">
        <v>3503</v>
      </c>
      <c r="B2173" s="9" t="s">
        <v>4290</v>
      </c>
      <c r="C2173" s="9" t="s">
        <v>4291</v>
      </c>
      <c r="D2173" s="18">
        <v>1442182228</v>
      </c>
      <c r="E2173" s="11">
        <v>46387</v>
      </c>
      <c r="F2173" s="9" t="s">
        <v>23</v>
      </c>
      <c r="G2173" s="12">
        <v>2171</v>
      </c>
      <c r="H2173" s="12">
        <f t="shared" si="66"/>
        <v>12</v>
      </c>
      <c r="I2173" s="12">
        <f t="shared" si="67"/>
        <v>10</v>
      </c>
    </row>
    <row r="2174" spans="1:35" s="5" customFormat="1" ht="27.75" customHeight="1" x14ac:dyDescent="0.4">
      <c r="A2174" s="9" t="s">
        <v>3503</v>
      </c>
      <c r="B2174" s="9" t="s">
        <v>4292</v>
      </c>
      <c r="C2174" s="9" t="s">
        <v>4293</v>
      </c>
      <c r="D2174" s="18">
        <v>1442181527</v>
      </c>
      <c r="E2174" s="11">
        <v>46387</v>
      </c>
      <c r="F2174" s="9" t="s">
        <v>23</v>
      </c>
      <c r="G2174" s="5">
        <v>2172</v>
      </c>
      <c r="H2174" s="12">
        <f t="shared" si="66"/>
        <v>12</v>
      </c>
      <c r="I2174" s="12">
        <f t="shared" si="67"/>
        <v>8</v>
      </c>
    </row>
    <row r="2175" spans="1:35" s="5" customFormat="1" ht="27.75" customHeight="1" x14ac:dyDescent="0.4">
      <c r="A2175" s="9" t="s">
        <v>3503</v>
      </c>
      <c r="B2175" s="9" t="s">
        <v>4294</v>
      </c>
      <c r="C2175" s="9" t="s">
        <v>4295</v>
      </c>
      <c r="D2175" s="18">
        <v>1442100972</v>
      </c>
      <c r="E2175" s="11">
        <v>46387</v>
      </c>
      <c r="F2175" s="9" t="s">
        <v>23</v>
      </c>
      <c r="G2175" s="12">
        <v>2173</v>
      </c>
      <c r="H2175" s="12">
        <f t="shared" si="66"/>
        <v>21</v>
      </c>
      <c r="I2175" s="12">
        <f t="shared" si="67"/>
        <v>7</v>
      </c>
    </row>
    <row r="2176" spans="1:35" s="5" customFormat="1" ht="27.75" customHeight="1" x14ac:dyDescent="0.4">
      <c r="A2176" s="9" t="s">
        <v>3503</v>
      </c>
      <c r="B2176" s="9" t="s">
        <v>4296</v>
      </c>
      <c r="C2176" s="9" t="s">
        <v>4297</v>
      </c>
      <c r="D2176" s="18">
        <v>1442100600</v>
      </c>
      <c r="E2176" s="11">
        <v>46387</v>
      </c>
      <c r="F2176" s="9" t="s">
        <v>23</v>
      </c>
      <c r="G2176" s="5">
        <v>2174</v>
      </c>
      <c r="H2176" s="12">
        <f t="shared" si="66"/>
        <v>15</v>
      </c>
      <c r="I2176" s="12">
        <f t="shared" si="67"/>
        <v>9</v>
      </c>
    </row>
    <row r="2177" spans="1:35" s="5" customFormat="1" ht="27.75" customHeight="1" x14ac:dyDescent="0.4">
      <c r="A2177" s="29" t="s">
        <v>3503</v>
      </c>
      <c r="B2177" s="16" t="s">
        <v>4298</v>
      </c>
      <c r="C2177" s="16" t="s">
        <v>4299</v>
      </c>
      <c r="D2177" s="10">
        <v>1442140275</v>
      </c>
      <c r="E2177" s="11">
        <v>47452</v>
      </c>
      <c r="F2177" s="9" t="s">
        <v>23</v>
      </c>
      <c r="G2177" s="12">
        <v>2175</v>
      </c>
      <c r="H2177" s="12">
        <f t="shared" si="66"/>
        <v>12</v>
      </c>
      <c r="I2177" s="12">
        <f t="shared" si="67"/>
        <v>12</v>
      </c>
    </row>
    <row r="2178" spans="1:35" s="5" customFormat="1" ht="27.75" customHeight="1" x14ac:dyDescent="0.4">
      <c r="A2178" s="9" t="s">
        <v>3503</v>
      </c>
      <c r="B2178" s="9" t="s">
        <v>4300</v>
      </c>
      <c r="C2178" s="9" t="s">
        <v>4301</v>
      </c>
      <c r="D2178" s="18">
        <v>1442181287</v>
      </c>
      <c r="E2178" s="11">
        <v>46387</v>
      </c>
      <c r="F2178" s="9" t="s">
        <v>23</v>
      </c>
      <c r="G2178" s="5">
        <v>2176</v>
      </c>
      <c r="H2178" s="12">
        <f t="shared" si="66"/>
        <v>20</v>
      </c>
      <c r="I2178" s="12">
        <f t="shared" si="67"/>
        <v>10</v>
      </c>
    </row>
    <row r="2179" spans="1:35" s="5" customFormat="1" ht="27.75" customHeight="1" x14ac:dyDescent="0.4">
      <c r="A2179" s="9" t="s">
        <v>3503</v>
      </c>
      <c r="B2179" s="9" t="s">
        <v>4302</v>
      </c>
      <c r="C2179" s="9" t="s">
        <v>4303</v>
      </c>
      <c r="D2179" s="18">
        <v>1442182145</v>
      </c>
      <c r="E2179" s="11">
        <v>46387</v>
      </c>
      <c r="F2179" s="9" t="s">
        <v>23</v>
      </c>
      <c r="G2179" s="12">
        <v>2177</v>
      </c>
      <c r="H2179" s="12">
        <f t="shared" si="66"/>
        <v>25</v>
      </c>
      <c r="I2179" s="12">
        <f t="shared" si="67"/>
        <v>9</v>
      </c>
    </row>
    <row r="2180" spans="1:35" s="5" customFormat="1" ht="27.75" customHeight="1" x14ac:dyDescent="0.4">
      <c r="A2180" s="9" t="s">
        <v>3503</v>
      </c>
      <c r="B2180" s="9" t="s">
        <v>4304</v>
      </c>
      <c r="C2180" s="9" t="s">
        <v>4305</v>
      </c>
      <c r="D2180" s="18">
        <v>1442140325</v>
      </c>
      <c r="E2180" s="11">
        <v>47756</v>
      </c>
      <c r="F2180" s="9" t="s">
        <v>23</v>
      </c>
      <c r="G2180" s="5">
        <v>2178</v>
      </c>
      <c r="H2180" s="12">
        <f t="shared" ref="H2180:H2243" si="68">LEN(C2180)</f>
        <v>20</v>
      </c>
      <c r="I2180" s="12">
        <f t="shared" ref="I2180:I2243" si="69">LEN(B2180)</f>
        <v>12</v>
      </c>
    </row>
    <row r="2181" spans="1:35" s="5" customFormat="1" ht="27.75" customHeight="1" x14ac:dyDescent="0.4">
      <c r="A2181" s="9" t="s">
        <v>3503</v>
      </c>
      <c r="B2181" s="9" t="s">
        <v>4306</v>
      </c>
      <c r="C2181" s="9" t="s">
        <v>4307</v>
      </c>
      <c r="D2181" s="18">
        <v>1442181246</v>
      </c>
      <c r="E2181" s="11">
        <v>46387</v>
      </c>
      <c r="F2181" s="9" t="s">
        <v>23</v>
      </c>
      <c r="G2181" s="12">
        <v>2179</v>
      </c>
      <c r="H2181" s="12">
        <f t="shared" si="68"/>
        <v>13</v>
      </c>
      <c r="I2181" s="12">
        <f t="shared" si="69"/>
        <v>10</v>
      </c>
    </row>
    <row r="2182" spans="1:35" s="5" customFormat="1" ht="27.75" customHeight="1" x14ac:dyDescent="0.4">
      <c r="A2182" s="9" t="s">
        <v>3503</v>
      </c>
      <c r="B2182" s="9" t="s">
        <v>4308</v>
      </c>
      <c r="C2182" s="9" t="s">
        <v>4309</v>
      </c>
      <c r="D2182" s="18">
        <v>1442140127</v>
      </c>
      <c r="E2182" s="11">
        <v>47422</v>
      </c>
      <c r="F2182" s="9" t="s">
        <v>23</v>
      </c>
      <c r="G2182" s="5">
        <v>2180</v>
      </c>
      <c r="H2182" s="12">
        <f t="shared" si="68"/>
        <v>11</v>
      </c>
      <c r="I2182" s="12">
        <f t="shared" si="69"/>
        <v>5</v>
      </c>
    </row>
    <row r="2183" spans="1:35" s="5" customFormat="1" ht="27.75" customHeight="1" x14ac:dyDescent="0.4">
      <c r="A2183" s="9" t="s">
        <v>3503</v>
      </c>
      <c r="B2183" s="9" t="s">
        <v>4310</v>
      </c>
      <c r="C2183" s="9" t="s">
        <v>4311</v>
      </c>
      <c r="D2183" s="26">
        <v>1442100659</v>
      </c>
      <c r="E2183" s="11">
        <v>46418</v>
      </c>
      <c r="F2183" s="9" t="s">
        <v>23</v>
      </c>
      <c r="G2183" s="12">
        <v>2181</v>
      </c>
      <c r="H2183" s="12">
        <f t="shared" si="68"/>
        <v>10</v>
      </c>
      <c r="I2183" s="12">
        <f t="shared" si="69"/>
        <v>12</v>
      </c>
    </row>
    <row r="2184" spans="1:35" s="5" customFormat="1" ht="27.75" customHeight="1" x14ac:dyDescent="0.4">
      <c r="A2184" s="9" t="s">
        <v>3503</v>
      </c>
      <c r="B2184" s="9" t="s">
        <v>4312</v>
      </c>
      <c r="C2184" s="9" t="s">
        <v>4313</v>
      </c>
      <c r="D2184" s="18">
        <v>1442100055</v>
      </c>
      <c r="E2184" s="11">
        <v>46446</v>
      </c>
      <c r="F2184" s="9" t="s">
        <v>23</v>
      </c>
      <c r="G2184" s="5">
        <v>2182</v>
      </c>
      <c r="H2184" s="12">
        <f t="shared" si="68"/>
        <v>12</v>
      </c>
      <c r="I2184" s="12">
        <f t="shared" si="69"/>
        <v>9</v>
      </c>
    </row>
    <row r="2185" spans="1:35" s="5" customFormat="1" ht="27.75" customHeight="1" x14ac:dyDescent="0.4">
      <c r="A2185" s="9" t="s">
        <v>3503</v>
      </c>
      <c r="B2185" s="15" t="s">
        <v>4314</v>
      </c>
      <c r="C2185" s="16" t="s">
        <v>4315</v>
      </c>
      <c r="D2185" s="10">
        <v>1442101046</v>
      </c>
      <c r="E2185" s="27">
        <v>46387</v>
      </c>
      <c r="F2185" s="9" t="s">
        <v>23</v>
      </c>
      <c r="G2185" s="12">
        <v>2183</v>
      </c>
      <c r="H2185" s="12">
        <f t="shared" si="68"/>
        <v>13</v>
      </c>
      <c r="I2185" s="12">
        <f t="shared" si="69"/>
        <v>10</v>
      </c>
    </row>
    <row r="2186" spans="1:35" s="5" customFormat="1" ht="27.75" customHeight="1" x14ac:dyDescent="0.4">
      <c r="A2186" s="9" t="s">
        <v>3503</v>
      </c>
      <c r="B2186" s="16" t="s">
        <v>4316</v>
      </c>
      <c r="C2186" s="22" t="s">
        <v>4317</v>
      </c>
      <c r="D2186" s="10">
        <v>1442181568</v>
      </c>
      <c r="E2186" s="11">
        <v>46387</v>
      </c>
      <c r="F2186" s="9" t="s">
        <v>23</v>
      </c>
      <c r="G2186" s="5">
        <v>2184</v>
      </c>
      <c r="H2186" s="12">
        <f t="shared" si="68"/>
        <v>20</v>
      </c>
      <c r="I2186" s="12">
        <f t="shared" si="69"/>
        <v>9</v>
      </c>
    </row>
    <row r="2187" spans="1:35" s="5" customFormat="1" ht="27.75" customHeight="1" x14ac:dyDescent="0.4">
      <c r="A2187" s="9" t="s">
        <v>3503</v>
      </c>
      <c r="B2187" s="13" t="s">
        <v>4318</v>
      </c>
      <c r="C2187" s="13" t="s">
        <v>4319</v>
      </c>
      <c r="D2187" s="26">
        <v>1442140150</v>
      </c>
      <c r="E2187" s="11">
        <v>46387</v>
      </c>
      <c r="F2187" s="9" t="s">
        <v>23</v>
      </c>
      <c r="G2187" s="12">
        <v>2185</v>
      </c>
      <c r="H2187" s="12">
        <f t="shared" si="68"/>
        <v>26</v>
      </c>
      <c r="I2187" s="12">
        <f t="shared" si="69"/>
        <v>11</v>
      </c>
    </row>
    <row r="2188" spans="1:35" s="5" customFormat="1" ht="27.75" customHeight="1" x14ac:dyDescent="0.4">
      <c r="A2188" s="9" t="s">
        <v>3503</v>
      </c>
      <c r="B2188" s="9" t="s">
        <v>4320</v>
      </c>
      <c r="C2188" s="9" t="s">
        <v>4321</v>
      </c>
      <c r="D2188" s="18">
        <v>1442181683</v>
      </c>
      <c r="E2188" s="11">
        <v>46387</v>
      </c>
      <c r="F2188" s="9" t="s">
        <v>23</v>
      </c>
      <c r="G2188" s="5">
        <v>2186</v>
      </c>
      <c r="H2188" s="12">
        <f t="shared" si="68"/>
        <v>14</v>
      </c>
      <c r="I2188" s="12">
        <f t="shared" si="69"/>
        <v>4</v>
      </c>
    </row>
    <row r="2189" spans="1:35" s="5" customFormat="1" ht="27.75" customHeight="1" x14ac:dyDescent="0.4">
      <c r="A2189" s="9" t="s">
        <v>3503</v>
      </c>
      <c r="B2189" s="9" t="s">
        <v>4322</v>
      </c>
      <c r="C2189" s="9" t="s">
        <v>4323</v>
      </c>
      <c r="D2189" s="18">
        <v>1442140408</v>
      </c>
      <c r="E2189" s="11">
        <v>48395</v>
      </c>
      <c r="F2189" s="9" t="s">
        <v>23</v>
      </c>
      <c r="G2189" s="12">
        <v>2187</v>
      </c>
      <c r="H2189" s="12">
        <f t="shared" si="68"/>
        <v>12</v>
      </c>
      <c r="I2189" s="12">
        <f t="shared" si="69"/>
        <v>12</v>
      </c>
      <c r="J2189" s="12"/>
      <c r="K2189" s="12"/>
      <c r="L2189" s="12"/>
      <c r="M2189" s="12"/>
      <c r="N2189" s="12"/>
      <c r="O2189" s="12"/>
      <c r="P2189" s="12"/>
      <c r="Q2189" s="12"/>
      <c r="R2189" s="12"/>
      <c r="S2189" s="12"/>
      <c r="T2189" s="12"/>
      <c r="U2189" s="12"/>
      <c r="V2189" s="12"/>
      <c r="W2189" s="12"/>
      <c r="X2189" s="12"/>
      <c r="Y2189" s="12"/>
      <c r="Z2189" s="12"/>
      <c r="AA2189" s="12"/>
      <c r="AB2189" s="12"/>
      <c r="AC2189" s="12"/>
      <c r="AD2189" s="12"/>
      <c r="AE2189" s="12"/>
      <c r="AF2189" s="12"/>
      <c r="AG2189" s="12"/>
      <c r="AH2189" s="12"/>
      <c r="AI2189" s="12"/>
    </row>
    <row r="2190" spans="1:35" s="5" customFormat="1" ht="27.75" customHeight="1" x14ac:dyDescent="0.4">
      <c r="A2190" s="9" t="s">
        <v>3503</v>
      </c>
      <c r="B2190" s="9" t="s">
        <v>4324</v>
      </c>
      <c r="C2190" s="49" t="s">
        <v>4325</v>
      </c>
      <c r="D2190" s="18">
        <v>1442240703</v>
      </c>
      <c r="E2190" s="11">
        <v>47391</v>
      </c>
      <c r="F2190" s="9" t="s">
        <v>40</v>
      </c>
      <c r="G2190" s="5">
        <v>2188</v>
      </c>
      <c r="H2190" s="12">
        <f t="shared" si="68"/>
        <v>31</v>
      </c>
      <c r="I2190" s="12">
        <f t="shared" si="69"/>
        <v>12</v>
      </c>
    </row>
    <row r="2191" spans="1:35" s="5" customFormat="1" ht="27.75" customHeight="1" x14ac:dyDescent="0.4">
      <c r="A2191" s="17" t="s">
        <v>3503</v>
      </c>
      <c r="B2191" s="13" t="s">
        <v>4326</v>
      </c>
      <c r="C2191" s="34" t="s">
        <v>4327</v>
      </c>
      <c r="D2191" s="26">
        <v>1442282754</v>
      </c>
      <c r="E2191" s="11">
        <v>46387</v>
      </c>
      <c r="F2191" s="9" t="s">
        <v>40</v>
      </c>
      <c r="G2191" s="12">
        <v>2189</v>
      </c>
      <c r="H2191" s="12">
        <f t="shared" si="68"/>
        <v>11</v>
      </c>
      <c r="I2191" s="12">
        <f t="shared" si="69"/>
        <v>15</v>
      </c>
    </row>
    <row r="2192" spans="1:35" s="5" customFormat="1" ht="27.75" customHeight="1" x14ac:dyDescent="0.4">
      <c r="A2192" s="9" t="s">
        <v>3503</v>
      </c>
      <c r="B2192" s="13" t="s">
        <v>4328</v>
      </c>
      <c r="C2192" s="13" t="s">
        <v>4329</v>
      </c>
      <c r="D2192" s="26">
        <v>1442283638</v>
      </c>
      <c r="E2192" s="11">
        <v>46387</v>
      </c>
      <c r="F2192" s="9" t="s">
        <v>40</v>
      </c>
      <c r="G2192" s="5">
        <v>2190</v>
      </c>
      <c r="H2192" s="12">
        <f t="shared" si="68"/>
        <v>11</v>
      </c>
      <c r="I2192" s="12">
        <f t="shared" si="69"/>
        <v>6</v>
      </c>
    </row>
    <row r="2193" spans="1:35" s="24" customFormat="1" ht="27.75" customHeight="1" x14ac:dyDescent="0.4">
      <c r="A2193" s="9" t="s">
        <v>3503</v>
      </c>
      <c r="B2193" s="9" t="s">
        <v>3960</v>
      </c>
      <c r="C2193" s="9" t="s">
        <v>4330</v>
      </c>
      <c r="D2193" s="18">
        <v>1442283356</v>
      </c>
      <c r="E2193" s="11">
        <v>46387</v>
      </c>
      <c r="F2193" s="9" t="s">
        <v>40</v>
      </c>
      <c r="G2193" s="12">
        <v>2191</v>
      </c>
      <c r="H2193" s="12">
        <f t="shared" si="68"/>
        <v>11</v>
      </c>
      <c r="I2193" s="12">
        <f t="shared" si="69"/>
        <v>6</v>
      </c>
      <c r="J2193" s="5"/>
      <c r="K2193" s="5"/>
      <c r="L2193" s="5"/>
      <c r="M2193" s="5"/>
      <c r="N2193" s="5"/>
      <c r="O2193" s="5"/>
      <c r="P2193" s="5"/>
      <c r="Q2193" s="5"/>
      <c r="R2193" s="5"/>
      <c r="S2193" s="5"/>
      <c r="T2193" s="5"/>
      <c r="U2193" s="5"/>
      <c r="V2193" s="5"/>
      <c r="W2193" s="5"/>
      <c r="X2193" s="5"/>
      <c r="Y2193" s="5"/>
      <c r="Z2193" s="5"/>
      <c r="AA2193" s="5"/>
      <c r="AB2193" s="5"/>
      <c r="AC2193" s="5"/>
      <c r="AD2193" s="5"/>
      <c r="AE2193" s="5"/>
      <c r="AF2193" s="5"/>
      <c r="AG2193" s="5"/>
      <c r="AH2193" s="5"/>
      <c r="AI2193" s="5"/>
    </row>
    <row r="2194" spans="1:35" s="5" customFormat="1" ht="27.75" customHeight="1" x14ac:dyDescent="0.4">
      <c r="A2194" s="9" t="s">
        <v>3503</v>
      </c>
      <c r="B2194" s="9" t="s">
        <v>4331</v>
      </c>
      <c r="C2194" s="9" t="s">
        <v>4332</v>
      </c>
      <c r="D2194" s="18">
        <v>1442240786</v>
      </c>
      <c r="E2194" s="11">
        <v>47695</v>
      </c>
      <c r="F2194" s="9" t="s">
        <v>40</v>
      </c>
      <c r="G2194" s="5">
        <v>2192</v>
      </c>
      <c r="H2194" s="12">
        <f t="shared" si="68"/>
        <v>11</v>
      </c>
      <c r="I2194" s="12">
        <f t="shared" si="69"/>
        <v>13</v>
      </c>
    </row>
    <row r="2195" spans="1:35" s="5" customFormat="1" ht="27.75" customHeight="1" x14ac:dyDescent="0.4">
      <c r="A2195" s="9" t="s">
        <v>3503</v>
      </c>
      <c r="B2195" s="9" t="s">
        <v>4333</v>
      </c>
      <c r="C2195" s="9" t="s">
        <v>4334</v>
      </c>
      <c r="D2195" s="18">
        <v>1442282697</v>
      </c>
      <c r="E2195" s="11">
        <v>46387</v>
      </c>
      <c r="F2195" s="9" t="s">
        <v>40</v>
      </c>
      <c r="G2195" s="12">
        <v>2193</v>
      </c>
      <c r="H2195" s="12">
        <f t="shared" si="68"/>
        <v>10</v>
      </c>
      <c r="I2195" s="12">
        <f t="shared" si="69"/>
        <v>6</v>
      </c>
    </row>
    <row r="2196" spans="1:35" s="5" customFormat="1" ht="27.75" customHeight="1" x14ac:dyDescent="0.4">
      <c r="A2196" s="9" t="s">
        <v>3503</v>
      </c>
      <c r="B2196" s="9" t="s">
        <v>4335</v>
      </c>
      <c r="C2196" s="9" t="s">
        <v>849</v>
      </c>
      <c r="D2196" s="18">
        <v>1442283869</v>
      </c>
      <c r="E2196" s="11">
        <v>46387</v>
      </c>
      <c r="F2196" s="9" t="s">
        <v>40</v>
      </c>
      <c r="G2196" s="5">
        <v>2194</v>
      </c>
      <c r="H2196" s="12">
        <f t="shared" si="68"/>
        <v>11</v>
      </c>
      <c r="I2196" s="12">
        <f t="shared" si="69"/>
        <v>9</v>
      </c>
    </row>
    <row r="2197" spans="1:35" s="5" customFormat="1" ht="27.75" customHeight="1" x14ac:dyDescent="0.4">
      <c r="A2197" s="9" t="s">
        <v>3503</v>
      </c>
      <c r="B2197" s="9" t="s">
        <v>4336</v>
      </c>
      <c r="C2197" s="9" t="s">
        <v>4337</v>
      </c>
      <c r="D2197" s="18">
        <v>1442283240</v>
      </c>
      <c r="E2197" s="11">
        <v>46387</v>
      </c>
      <c r="F2197" s="9" t="s">
        <v>40</v>
      </c>
      <c r="G2197" s="12">
        <v>2195</v>
      </c>
      <c r="H2197" s="12">
        <f t="shared" si="68"/>
        <v>12</v>
      </c>
      <c r="I2197" s="12">
        <f t="shared" si="69"/>
        <v>8</v>
      </c>
    </row>
    <row r="2198" spans="1:35" s="5" customFormat="1" ht="27.75" customHeight="1" x14ac:dyDescent="0.4">
      <c r="A2198" s="9" t="s">
        <v>3503</v>
      </c>
      <c r="B2198" s="13" t="s">
        <v>4338</v>
      </c>
      <c r="C2198" s="13" t="s">
        <v>4339</v>
      </c>
      <c r="D2198" s="18">
        <v>1442246643</v>
      </c>
      <c r="E2198" s="11">
        <v>47238</v>
      </c>
      <c r="F2198" s="9" t="s">
        <v>40</v>
      </c>
      <c r="G2198" s="5">
        <v>2196</v>
      </c>
      <c r="H2198" s="12">
        <f t="shared" si="68"/>
        <v>12</v>
      </c>
      <c r="I2198" s="12">
        <f t="shared" si="69"/>
        <v>12</v>
      </c>
    </row>
    <row r="2199" spans="1:35" s="5" customFormat="1" ht="27.75" customHeight="1" x14ac:dyDescent="0.4">
      <c r="A2199" s="13" t="s">
        <v>3503</v>
      </c>
      <c r="B2199" s="9" t="s">
        <v>4340</v>
      </c>
      <c r="C2199" s="9" t="s">
        <v>4341</v>
      </c>
      <c r="D2199" s="18">
        <v>1442246940</v>
      </c>
      <c r="E2199" s="11">
        <v>47907</v>
      </c>
      <c r="F2199" s="9" t="s">
        <v>40</v>
      </c>
      <c r="G2199" s="12">
        <v>2197</v>
      </c>
      <c r="H2199" s="12">
        <f t="shared" si="68"/>
        <v>9</v>
      </c>
      <c r="I2199" s="12">
        <f t="shared" si="69"/>
        <v>12</v>
      </c>
    </row>
    <row r="2200" spans="1:35" s="5" customFormat="1" ht="27.75" customHeight="1" x14ac:dyDescent="0.4">
      <c r="A2200" s="9" t="s">
        <v>3503</v>
      </c>
      <c r="B2200" s="9" t="s">
        <v>4342</v>
      </c>
      <c r="C2200" s="9" t="s">
        <v>4343</v>
      </c>
      <c r="D2200" s="18">
        <v>1442240299</v>
      </c>
      <c r="E2200" s="11">
        <v>46387</v>
      </c>
      <c r="F2200" s="9" t="s">
        <v>40</v>
      </c>
      <c r="G2200" s="5">
        <v>2198</v>
      </c>
      <c r="H2200" s="12">
        <f t="shared" si="68"/>
        <v>11</v>
      </c>
      <c r="I2200" s="12">
        <f t="shared" si="69"/>
        <v>5</v>
      </c>
    </row>
    <row r="2201" spans="1:35" s="5" customFormat="1" ht="27.75" customHeight="1" x14ac:dyDescent="0.4">
      <c r="A2201" s="9" t="s">
        <v>3503</v>
      </c>
      <c r="B2201" s="9" t="s">
        <v>4344</v>
      </c>
      <c r="C2201" s="9" t="s">
        <v>4345</v>
      </c>
      <c r="D2201" s="18">
        <v>1442241131</v>
      </c>
      <c r="E2201" s="11">
        <v>46568</v>
      </c>
      <c r="F2201" s="9" t="s">
        <v>40</v>
      </c>
      <c r="G2201" s="12">
        <v>2199</v>
      </c>
      <c r="H2201" s="12">
        <f t="shared" si="68"/>
        <v>12</v>
      </c>
      <c r="I2201" s="12">
        <f t="shared" si="69"/>
        <v>15</v>
      </c>
    </row>
    <row r="2202" spans="1:35" s="5" customFormat="1" ht="27.75" customHeight="1" x14ac:dyDescent="0.4">
      <c r="A2202" s="9" t="s">
        <v>3503</v>
      </c>
      <c r="B2202" s="9" t="s">
        <v>4346</v>
      </c>
      <c r="C2202" s="9" t="s">
        <v>4347</v>
      </c>
      <c r="D2202" s="18">
        <v>1442240778</v>
      </c>
      <c r="E2202" s="11">
        <v>47664</v>
      </c>
      <c r="F2202" s="9" t="s">
        <v>40</v>
      </c>
      <c r="G2202" s="5">
        <v>2200</v>
      </c>
      <c r="H2202" s="12">
        <f t="shared" si="68"/>
        <v>10</v>
      </c>
      <c r="I2202" s="12">
        <f t="shared" si="69"/>
        <v>13</v>
      </c>
    </row>
    <row r="2203" spans="1:35" s="5" customFormat="1" ht="27.75" customHeight="1" x14ac:dyDescent="0.4">
      <c r="A2203" s="9" t="s">
        <v>3503</v>
      </c>
      <c r="B2203" s="13" t="s">
        <v>4348</v>
      </c>
      <c r="C2203" s="13" t="s">
        <v>4349</v>
      </c>
      <c r="D2203" s="18">
        <v>1442202174</v>
      </c>
      <c r="E2203" s="11">
        <v>46387</v>
      </c>
      <c r="F2203" s="9" t="s">
        <v>40</v>
      </c>
      <c r="G2203" s="12">
        <v>2201</v>
      </c>
      <c r="H2203" s="12">
        <f t="shared" si="68"/>
        <v>11</v>
      </c>
      <c r="I2203" s="12">
        <f t="shared" si="69"/>
        <v>13</v>
      </c>
    </row>
    <row r="2204" spans="1:35" s="5" customFormat="1" ht="27.75" customHeight="1" x14ac:dyDescent="0.4">
      <c r="A2204" s="9" t="s">
        <v>3503</v>
      </c>
      <c r="B2204" s="9" t="s">
        <v>4350</v>
      </c>
      <c r="C2204" s="9" t="s">
        <v>4351</v>
      </c>
      <c r="D2204" s="18">
        <v>1442246882</v>
      </c>
      <c r="E2204" s="11">
        <v>47817</v>
      </c>
      <c r="F2204" s="9" t="s">
        <v>40</v>
      </c>
      <c r="G2204" s="5">
        <v>2202</v>
      </c>
      <c r="H2204" s="12">
        <f t="shared" si="68"/>
        <v>11</v>
      </c>
      <c r="I2204" s="12">
        <f t="shared" si="69"/>
        <v>15</v>
      </c>
    </row>
    <row r="2205" spans="1:35" s="5" customFormat="1" ht="27.75" customHeight="1" x14ac:dyDescent="0.4">
      <c r="A2205" s="9" t="s">
        <v>3503</v>
      </c>
      <c r="B2205" s="9" t="s">
        <v>4352</v>
      </c>
      <c r="C2205" s="9" t="s">
        <v>4353</v>
      </c>
      <c r="D2205" s="18">
        <v>1442247062</v>
      </c>
      <c r="E2205" s="11">
        <v>48304</v>
      </c>
      <c r="F2205" s="9" t="s">
        <v>40</v>
      </c>
      <c r="G2205" s="12">
        <v>2203</v>
      </c>
      <c r="H2205" s="12">
        <f t="shared" si="68"/>
        <v>11</v>
      </c>
      <c r="I2205" s="12">
        <f t="shared" si="69"/>
        <v>13</v>
      </c>
    </row>
    <row r="2206" spans="1:35" s="5" customFormat="1" ht="27.75" customHeight="1" x14ac:dyDescent="0.4">
      <c r="A2206" s="13" t="s">
        <v>3503</v>
      </c>
      <c r="B2206" s="13" t="s">
        <v>4354</v>
      </c>
      <c r="C2206" s="13" t="s">
        <v>4355</v>
      </c>
      <c r="D2206" s="26">
        <v>1442240380</v>
      </c>
      <c r="E2206" s="11">
        <v>46965</v>
      </c>
      <c r="F2206" s="9" t="s">
        <v>40</v>
      </c>
      <c r="G2206" s="5">
        <v>2204</v>
      </c>
      <c r="H2206" s="12">
        <f t="shared" si="68"/>
        <v>27</v>
      </c>
      <c r="I2206" s="12">
        <f t="shared" si="69"/>
        <v>5</v>
      </c>
    </row>
    <row r="2207" spans="1:35" s="5" customFormat="1" ht="27.75" customHeight="1" x14ac:dyDescent="0.4">
      <c r="A2207" s="29" t="s">
        <v>3503</v>
      </c>
      <c r="B2207" s="29" t="s">
        <v>4356</v>
      </c>
      <c r="C2207" s="22" t="s">
        <v>4357</v>
      </c>
      <c r="D2207" s="21">
        <v>1442240851</v>
      </c>
      <c r="E2207" s="11">
        <v>47787</v>
      </c>
      <c r="F2207" s="9" t="s">
        <v>40</v>
      </c>
      <c r="G2207" s="12">
        <v>2205</v>
      </c>
      <c r="H2207" s="12">
        <f t="shared" si="68"/>
        <v>18</v>
      </c>
      <c r="I2207" s="12">
        <f t="shared" si="69"/>
        <v>11</v>
      </c>
    </row>
    <row r="2208" spans="1:35" s="5" customFormat="1" ht="27.75" customHeight="1" x14ac:dyDescent="0.4">
      <c r="A2208" s="9" t="s">
        <v>3503</v>
      </c>
      <c r="B2208" s="9" t="s">
        <v>4358</v>
      </c>
      <c r="C2208" s="9" t="s">
        <v>4359</v>
      </c>
      <c r="D2208" s="18">
        <v>1442200509</v>
      </c>
      <c r="E2208" s="11">
        <v>46387</v>
      </c>
      <c r="F2208" s="9" t="s">
        <v>40</v>
      </c>
      <c r="G2208" s="5">
        <v>2206</v>
      </c>
      <c r="H2208" s="12">
        <f t="shared" si="68"/>
        <v>9</v>
      </c>
      <c r="I2208" s="12">
        <f t="shared" si="69"/>
        <v>4</v>
      </c>
    </row>
    <row r="2209" spans="1:35" s="5" customFormat="1" ht="27.75" customHeight="1" x14ac:dyDescent="0.4">
      <c r="A2209" s="13" t="s">
        <v>3503</v>
      </c>
      <c r="B2209" s="9" t="s">
        <v>4360</v>
      </c>
      <c r="C2209" s="9" t="s">
        <v>4361</v>
      </c>
      <c r="D2209" s="18">
        <v>1442283760</v>
      </c>
      <c r="E2209" s="11">
        <v>46387</v>
      </c>
      <c r="F2209" s="9" t="s">
        <v>40</v>
      </c>
      <c r="G2209" s="12">
        <v>2207</v>
      </c>
      <c r="H2209" s="12">
        <f t="shared" si="68"/>
        <v>13</v>
      </c>
      <c r="I2209" s="12">
        <f t="shared" si="69"/>
        <v>10</v>
      </c>
    </row>
    <row r="2210" spans="1:35" s="5" customFormat="1" ht="27.75" customHeight="1" x14ac:dyDescent="0.4">
      <c r="A2210" s="17" t="s">
        <v>3503</v>
      </c>
      <c r="B2210" s="9" t="s">
        <v>4362</v>
      </c>
      <c r="C2210" s="9" t="s">
        <v>4363</v>
      </c>
      <c r="D2210" s="18">
        <v>1442283844</v>
      </c>
      <c r="E2210" s="11">
        <v>46387</v>
      </c>
      <c r="F2210" s="9" t="s">
        <v>40</v>
      </c>
      <c r="G2210" s="5">
        <v>2208</v>
      </c>
      <c r="H2210" s="12">
        <f t="shared" si="68"/>
        <v>11</v>
      </c>
      <c r="I2210" s="12">
        <f t="shared" si="69"/>
        <v>6</v>
      </c>
    </row>
    <row r="2211" spans="1:35" s="5" customFormat="1" ht="27.75" customHeight="1" x14ac:dyDescent="0.4">
      <c r="A2211" s="9" t="s">
        <v>3503</v>
      </c>
      <c r="B2211" s="9" t="s">
        <v>4364</v>
      </c>
      <c r="C2211" s="9" t="s">
        <v>4365</v>
      </c>
      <c r="D2211" s="18">
        <v>1442283596</v>
      </c>
      <c r="E2211" s="11">
        <v>46387</v>
      </c>
      <c r="F2211" s="9" t="s">
        <v>40</v>
      </c>
      <c r="G2211" s="12">
        <v>2209</v>
      </c>
      <c r="H2211" s="12">
        <f t="shared" si="68"/>
        <v>11</v>
      </c>
      <c r="I2211" s="12">
        <f t="shared" si="69"/>
        <v>5</v>
      </c>
    </row>
    <row r="2212" spans="1:35" s="5" customFormat="1" ht="27.75" customHeight="1" x14ac:dyDescent="0.4">
      <c r="A2212" s="9" t="s">
        <v>3503</v>
      </c>
      <c r="B2212" s="9" t="s">
        <v>4366</v>
      </c>
      <c r="C2212" s="9" t="s">
        <v>4367</v>
      </c>
      <c r="D2212" s="18">
        <v>1442246742</v>
      </c>
      <c r="E2212" s="11">
        <v>47452</v>
      </c>
      <c r="F2212" s="9" t="s">
        <v>40</v>
      </c>
      <c r="G2212" s="5">
        <v>2210</v>
      </c>
      <c r="H2212" s="12">
        <f t="shared" si="68"/>
        <v>12</v>
      </c>
      <c r="I2212" s="12">
        <f t="shared" si="69"/>
        <v>5</v>
      </c>
    </row>
    <row r="2213" spans="1:35" s="5" customFormat="1" ht="27.75" customHeight="1" x14ac:dyDescent="0.4">
      <c r="A2213" s="9" t="s">
        <v>3503</v>
      </c>
      <c r="B2213" s="13" t="s">
        <v>4368</v>
      </c>
      <c r="C2213" s="13" t="s">
        <v>4369</v>
      </c>
      <c r="D2213" s="18">
        <v>1442241164</v>
      </c>
      <c r="E2213" s="11">
        <v>46691</v>
      </c>
      <c r="F2213" s="9" t="s">
        <v>40</v>
      </c>
      <c r="G2213" s="12">
        <v>2211</v>
      </c>
      <c r="H2213" s="12">
        <f t="shared" si="68"/>
        <v>15</v>
      </c>
      <c r="I2213" s="12">
        <f t="shared" si="69"/>
        <v>13</v>
      </c>
    </row>
    <row r="2214" spans="1:35" s="5" customFormat="1" ht="27.75" customHeight="1" x14ac:dyDescent="0.4">
      <c r="A2214" s="9" t="s">
        <v>3503</v>
      </c>
      <c r="B2214" s="9" t="s">
        <v>4370</v>
      </c>
      <c r="C2214" s="9" t="s">
        <v>4371</v>
      </c>
      <c r="D2214" s="18">
        <v>1442201952</v>
      </c>
      <c r="E2214" s="11">
        <v>46387</v>
      </c>
      <c r="F2214" s="9" t="s">
        <v>40</v>
      </c>
      <c r="G2214" s="5">
        <v>2212</v>
      </c>
      <c r="H2214" s="12">
        <f t="shared" si="68"/>
        <v>10</v>
      </c>
      <c r="I2214" s="12">
        <f t="shared" si="69"/>
        <v>9</v>
      </c>
    </row>
    <row r="2215" spans="1:35" s="5" customFormat="1" ht="27.75" customHeight="1" x14ac:dyDescent="0.4">
      <c r="A2215" s="17" t="s">
        <v>3503</v>
      </c>
      <c r="B2215" s="9" t="s">
        <v>4372</v>
      </c>
      <c r="C2215" s="9" t="s">
        <v>4373</v>
      </c>
      <c r="D2215" s="18">
        <v>1442240638</v>
      </c>
      <c r="E2215" s="11">
        <v>47208</v>
      </c>
      <c r="F2215" s="9" t="s">
        <v>40</v>
      </c>
      <c r="G2215" s="12">
        <v>2213</v>
      </c>
      <c r="H2215" s="12">
        <f t="shared" si="68"/>
        <v>12</v>
      </c>
      <c r="I2215" s="12">
        <f t="shared" si="69"/>
        <v>16</v>
      </c>
      <c r="J2215" s="24"/>
      <c r="K2215" s="24"/>
      <c r="L2215" s="24"/>
      <c r="M2215" s="24"/>
      <c r="N2215" s="24"/>
      <c r="O2215" s="24"/>
      <c r="P2215" s="24"/>
      <c r="Q2215" s="24"/>
      <c r="R2215" s="24"/>
      <c r="S2215" s="24"/>
      <c r="T2215" s="24"/>
      <c r="U2215" s="24"/>
      <c r="V2215" s="24"/>
      <c r="W2215" s="24"/>
      <c r="X2215" s="24"/>
      <c r="Y2215" s="24"/>
      <c r="Z2215" s="24"/>
      <c r="AA2215" s="24"/>
      <c r="AB2215" s="24"/>
      <c r="AC2215" s="24"/>
      <c r="AD2215" s="24"/>
      <c r="AE2215" s="24"/>
      <c r="AF2215" s="24"/>
      <c r="AG2215" s="24"/>
      <c r="AH2215" s="24"/>
      <c r="AI2215" s="24"/>
    </row>
    <row r="2216" spans="1:35" s="5" customFormat="1" ht="27.75" customHeight="1" x14ac:dyDescent="0.4">
      <c r="A2216" s="9" t="s">
        <v>3503</v>
      </c>
      <c r="B2216" s="9" t="s">
        <v>4374</v>
      </c>
      <c r="C2216" s="9" t="s">
        <v>4375</v>
      </c>
      <c r="D2216" s="18">
        <v>1442240240</v>
      </c>
      <c r="E2216" s="11">
        <v>46538</v>
      </c>
      <c r="F2216" s="9" t="s">
        <v>40</v>
      </c>
      <c r="G2216" s="5">
        <v>2214</v>
      </c>
      <c r="H2216" s="12">
        <f t="shared" si="68"/>
        <v>18</v>
      </c>
      <c r="I2216" s="12">
        <f t="shared" si="69"/>
        <v>16</v>
      </c>
    </row>
    <row r="2217" spans="1:35" s="5" customFormat="1" ht="27.75" customHeight="1" x14ac:dyDescent="0.4">
      <c r="A2217" s="9" t="s">
        <v>3503</v>
      </c>
      <c r="B2217" s="9" t="s">
        <v>4376</v>
      </c>
      <c r="C2217" s="9" t="s">
        <v>4377</v>
      </c>
      <c r="D2217" s="18">
        <v>1442240190</v>
      </c>
      <c r="E2217" s="11">
        <v>46387</v>
      </c>
      <c r="F2217" s="9" t="s">
        <v>40</v>
      </c>
      <c r="G2217" s="12">
        <v>2215</v>
      </c>
      <c r="H2217" s="12">
        <f t="shared" si="68"/>
        <v>11</v>
      </c>
      <c r="I2217" s="12">
        <f t="shared" si="69"/>
        <v>5</v>
      </c>
    </row>
    <row r="2218" spans="1:35" s="5" customFormat="1" ht="27.75" customHeight="1" x14ac:dyDescent="0.4">
      <c r="A2218" s="9" t="s">
        <v>3503</v>
      </c>
      <c r="B2218" s="9" t="s">
        <v>4378</v>
      </c>
      <c r="C2218" s="9" t="s">
        <v>4379</v>
      </c>
      <c r="D2218" s="18">
        <v>1442202000</v>
      </c>
      <c r="E2218" s="11">
        <v>46387</v>
      </c>
      <c r="F2218" s="9" t="s">
        <v>40</v>
      </c>
      <c r="G2218" s="5">
        <v>2216</v>
      </c>
      <c r="H2218" s="12">
        <f t="shared" si="68"/>
        <v>13</v>
      </c>
      <c r="I2218" s="12">
        <f t="shared" si="69"/>
        <v>13</v>
      </c>
    </row>
    <row r="2219" spans="1:35" s="5" customFormat="1" ht="27.75" customHeight="1" x14ac:dyDescent="0.4">
      <c r="A2219" s="15" t="s">
        <v>3503</v>
      </c>
      <c r="B2219" s="16" t="s">
        <v>4380</v>
      </c>
      <c r="C2219" s="16" t="s">
        <v>885</v>
      </c>
      <c r="D2219" s="10">
        <v>1442240356</v>
      </c>
      <c r="E2219" s="11">
        <v>46387</v>
      </c>
      <c r="F2219" s="9" t="s">
        <v>40</v>
      </c>
      <c r="G2219" s="12">
        <v>2217</v>
      </c>
      <c r="H2219" s="12">
        <f t="shared" si="68"/>
        <v>13</v>
      </c>
      <c r="I2219" s="12">
        <f t="shared" si="69"/>
        <v>12</v>
      </c>
    </row>
    <row r="2220" spans="1:35" s="5" customFormat="1" ht="27.75" customHeight="1" x14ac:dyDescent="0.4">
      <c r="A2220" s="9" t="s">
        <v>3503</v>
      </c>
      <c r="B2220" s="9" t="s">
        <v>4381</v>
      </c>
      <c r="C2220" s="9" t="s">
        <v>4382</v>
      </c>
      <c r="D2220" s="18">
        <v>1442282887</v>
      </c>
      <c r="E2220" s="11">
        <v>46387</v>
      </c>
      <c r="F2220" s="9" t="s">
        <v>40</v>
      </c>
      <c r="G2220" s="5">
        <v>2218</v>
      </c>
      <c r="H2220" s="12">
        <f t="shared" si="68"/>
        <v>12</v>
      </c>
      <c r="I2220" s="12">
        <f t="shared" si="69"/>
        <v>10</v>
      </c>
    </row>
    <row r="2221" spans="1:35" s="5" customFormat="1" ht="27.75" customHeight="1" x14ac:dyDescent="0.4">
      <c r="A2221" s="9" t="s">
        <v>3503</v>
      </c>
      <c r="B2221" s="9" t="s">
        <v>4383</v>
      </c>
      <c r="C2221" s="9" t="s">
        <v>4384</v>
      </c>
      <c r="D2221" s="26">
        <v>1442241099</v>
      </c>
      <c r="E2221" s="11">
        <v>46477</v>
      </c>
      <c r="F2221" s="9" t="s">
        <v>40</v>
      </c>
      <c r="G2221" s="12">
        <v>2219</v>
      </c>
      <c r="H2221" s="12">
        <f t="shared" si="68"/>
        <v>11</v>
      </c>
      <c r="I2221" s="12">
        <f t="shared" si="69"/>
        <v>10</v>
      </c>
    </row>
    <row r="2222" spans="1:35" s="5" customFormat="1" ht="27.75" customHeight="1" x14ac:dyDescent="0.4">
      <c r="A2222" s="9" t="s">
        <v>3503</v>
      </c>
      <c r="B2222" s="9" t="s">
        <v>4385</v>
      </c>
      <c r="C2222" s="9" t="s">
        <v>4386</v>
      </c>
      <c r="D2222" s="18">
        <v>1442282952</v>
      </c>
      <c r="E2222" s="11">
        <v>46387</v>
      </c>
      <c r="F2222" s="9" t="s">
        <v>40</v>
      </c>
      <c r="G2222" s="5">
        <v>2220</v>
      </c>
      <c r="H2222" s="12">
        <f t="shared" si="68"/>
        <v>10</v>
      </c>
      <c r="I2222" s="12">
        <f t="shared" si="69"/>
        <v>4</v>
      </c>
    </row>
    <row r="2223" spans="1:35" s="5" customFormat="1" ht="27.75" customHeight="1" x14ac:dyDescent="0.4">
      <c r="A2223" s="13" t="s">
        <v>3503</v>
      </c>
      <c r="B2223" s="9" t="s">
        <v>4387</v>
      </c>
      <c r="C2223" s="9" t="s">
        <v>4388</v>
      </c>
      <c r="D2223" s="18">
        <v>1442200582</v>
      </c>
      <c r="E2223" s="11">
        <v>46387</v>
      </c>
      <c r="F2223" s="9" t="s">
        <v>40</v>
      </c>
      <c r="G2223" s="12">
        <v>2221</v>
      </c>
      <c r="H2223" s="12">
        <f t="shared" si="68"/>
        <v>8</v>
      </c>
      <c r="I2223" s="12">
        <f t="shared" si="69"/>
        <v>12</v>
      </c>
      <c r="J2223" s="12"/>
      <c r="K2223" s="12"/>
      <c r="L2223" s="12"/>
      <c r="M2223" s="12"/>
      <c r="N2223" s="12"/>
      <c r="O2223" s="12"/>
      <c r="P2223" s="12"/>
      <c r="Q2223" s="12"/>
      <c r="R2223" s="12"/>
      <c r="S2223" s="12"/>
      <c r="T2223" s="12"/>
      <c r="U2223" s="12"/>
      <c r="V2223" s="12"/>
      <c r="W2223" s="12"/>
      <c r="X2223" s="12"/>
      <c r="Y2223" s="12"/>
      <c r="Z2223" s="12"/>
      <c r="AA2223" s="12"/>
      <c r="AB2223" s="12"/>
      <c r="AC2223" s="12"/>
      <c r="AD2223" s="12"/>
      <c r="AE2223" s="12"/>
      <c r="AF2223" s="12"/>
      <c r="AG2223" s="12"/>
      <c r="AH2223" s="12"/>
      <c r="AI2223" s="12"/>
    </row>
    <row r="2224" spans="1:35" s="5" customFormat="1" ht="27.75" customHeight="1" x14ac:dyDescent="0.4">
      <c r="A2224" s="9" t="s">
        <v>3503</v>
      </c>
      <c r="B2224" s="9" t="s">
        <v>4389</v>
      </c>
      <c r="C2224" s="9" t="s">
        <v>4390</v>
      </c>
      <c r="D2224" s="18">
        <v>1442240018</v>
      </c>
      <c r="E2224" s="11">
        <v>46387</v>
      </c>
      <c r="F2224" s="9" t="s">
        <v>40</v>
      </c>
      <c r="G2224" s="5">
        <v>2222</v>
      </c>
      <c r="H2224" s="12">
        <f t="shared" si="68"/>
        <v>12</v>
      </c>
      <c r="I2224" s="12">
        <f t="shared" si="69"/>
        <v>11</v>
      </c>
    </row>
    <row r="2225" spans="1:9" s="5" customFormat="1" ht="27.75" customHeight="1" x14ac:dyDescent="0.4">
      <c r="A2225" s="9" t="s">
        <v>3503</v>
      </c>
      <c r="B2225" s="9" t="s">
        <v>4391</v>
      </c>
      <c r="C2225" s="9" t="s">
        <v>4392</v>
      </c>
      <c r="D2225" s="18">
        <v>1442201176</v>
      </c>
      <c r="E2225" s="11">
        <v>46387</v>
      </c>
      <c r="F2225" s="9" t="s">
        <v>40</v>
      </c>
      <c r="G2225" s="12">
        <v>2223</v>
      </c>
      <c r="H2225" s="12">
        <f t="shared" si="68"/>
        <v>12</v>
      </c>
      <c r="I2225" s="12">
        <f t="shared" si="69"/>
        <v>19</v>
      </c>
    </row>
    <row r="2226" spans="1:9" s="5" customFormat="1" ht="27.75" customHeight="1" x14ac:dyDescent="0.4">
      <c r="A2226" s="13" t="s">
        <v>3503</v>
      </c>
      <c r="B2226" s="9" t="s">
        <v>4393</v>
      </c>
      <c r="C2226" s="9" t="s">
        <v>4394</v>
      </c>
      <c r="D2226" s="18">
        <v>1442246601</v>
      </c>
      <c r="E2226" s="11">
        <v>47238</v>
      </c>
      <c r="F2226" s="9" t="s">
        <v>40</v>
      </c>
      <c r="G2226" s="5">
        <v>2224</v>
      </c>
      <c r="H2226" s="12">
        <f t="shared" si="68"/>
        <v>13</v>
      </c>
      <c r="I2226" s="12">
        <f t="shared" si="69"/>
        <v>4</v>
      </c>
    </row>
    <row r="2227" spans="1:9" s="5" customFormat="1" ht="27.75" customHeight="1" x14ac:dyDescent="0.4">
      <c r="A2227" s="13" t="s">
        <v>3503</v>
      </c>
      <c r="B2227" s="9" t="s">
        <v>4395</v>
      </c>
      <c r="C2227" s="9" t="s">
        <v>4396</v>
      </c>
      <c r="D2227" s="18">
        <v>1442240620</v>
      </c>
      <c r="E2227" s="11">
        <v>47208</v>
      </c>
      <c r="F2227" s="9" t="s">
        <v>40</v>
      </c>
      <c r="G2227" s="12">
        <v>2225</v>
      </c>
      <c r="H2227" s="12">
        <f t="shared" si="68"/>
        <v>16</v>
      </c>
      <c r="I2227" s="12">
        <f t="shared" si="69"/>
        <v>17</v>
      </c>
    </row>
    <row r="2228" spans="1:9" s="5" customFormat="1" ht="27.75" customHeight="1" x14ac:dyDescent="0.4">
      <c r="A2228" s="9" t="s">
        <v>3503</v>
      </c>
      <c r="B2228" s="9" t="s">
        <v>4397</v>
      </c>
      <c r="C2228" s="9" t="s">
        <v>4398</v>
      </c>
      <c r="D2228" s="18">
        <v>1442284289</v>
      </c>
      <c r="E2228" s="11">
        <v>46387</v>
      </c>
      <c r="F2228" s="9" t="s">
        <v>40</v>
      </c>
      <c r="G2228" s="5">
        <v>2226</v>
      </c>
      <c r="H2228" s="12">
        <f t="shared" si="68"/>
        <v>12</v>
      </c>
      <c r="I2228" s="12">
        <f t="shared" si="69"/>
        <v>10</v>
      </c>
    </row>
    <row r="2229" spans="1:9" s="5" customFormat="1" ht="27.75" customHeight="1" x14ac:dyDescent="0.4">
      <c r="A2229" s="9" t="s">
        <v>3503</v>
      </c>
      <c r="B2229" s="9" t="s">
        <v>4399</v>
      </c>
      <c r="C2229" s="9" t="s">
        <v>4400</v>
      </c>
      <c r="D2229" s="18">
        <v>1442284115</v>
      </c>
      <c r="E2229" s="11">
        <v>46387</v>
      </c>
      <c r="F2229" s="9" t="s">
        <v>40</v>
      </c>
      <c r="G2229" s="12">
        <v>2227</v>
      </c>
      <c r="H2229" s="12">
        <f t="shared" si="68"/>
        <v>14</v>
      </c>
      <c r="I2229" s="12">
        <f t="shared" si="69"/>
        <v>6</v>
      </c>
    </row>
    <row r="2230" spans="1:9" s="5" customFormat="1" ht="27.75" customHeight="1" x14ac:dyDescent="0.4">
      <c r="A2230" s="9" t="s">
        <v>3503</v>
      </c>
      <c r="B2230" s="9" t="s">
        <v>4401</v>
      </c>
      <c r="C2230" s="9" t="s">
        <v>4402</v>
      </c>
      <c r="D2230" s="18">
        <v>1442241024</v>
      </c>
      <c r="E2230" s="11">
        <v>46387</v>
      </c>
      <c r="F2230" s="9" t="s">
        <v>40</v>
      </c>
      <c r="G2230" s="5">
        <v>2228</v>
      </c>
      <c r="H2230" s="12">
        <f t="shared" si="68"/>
        <v>13</v>
      </c>
      <c r="I2230" s="12">
        <f t="shared" si="69"/>
        <v>14</v>
      </c>
    </row>
    <row r="2231" spans="1:9" s="5" customFormat="1" ht="27.75" customHeight="1" x14ac:dyDescent="0.4">
      <c r="A2231" s="9" t="s">
        <v>3503</v>
      </c>
      <c r="B2231" s="9" t="s">
        <v>4403</v>
      </c>
      <c r="C2231" s="9" t="s">
        <v>4404</v>
      </c>
      <c r="D2231" s="18">
        <v>1442284347</v>
      </c>
      <c r="E2231" s="11">
        <v>46387</v>
      </c>
      <c r="F2231" s="9" t="s">
        <v>40</v>
      </c>
      <c r="G2231" s="12">
        <v>2229</v>
      </c>
      <c r="H2231" s="12">
        <f t="shared" si="68"/>
        <v>18</v>
      </c>
      <c r="I2231" s="12">
        <f t="shared" si="69"/>
        <v>6</v>
      </c>
    </row>
    <row r="2232" spans="1:9" s="5" customFormat="1" ht="27.75" customHeight="1" x14ac:dyDescent="0.4">
      <c r="A2232" s="13" t="s">
        <v>3503</v>
      </c>
      <c r="B2232" s="9" t="s">
        <v>4405</v>
      </c>
      <c r="C2232" s="9" t="s">
        <v>4406</v>
      </c>
      <c r="D2232" s="18">
        <v>1442246700</v>
      </c>
      <c r="E2232" s="11">
        <v>47391</v>
      </c>
      <c r="F2232" s="9" t="s">
        <v>40</v>
      </c>
      <c r="G2232" s="5">
        <v>2230</v>
      </c>
      <c r="H2232" s="12">
        <f t="shared" si="68"/>
        <v>15</v>
      </c>
      <c r="I2232" s="12">
        <f t="shared" si="69"/>
        <v>10</v>
      </c>
    </row>
    <row r="2233" spans="1:9" s="5" customFormat="1" ht="27.75" customHeight="1" x14ac:dyDescent="0.4">
      <c r="A2233" s="13" t="s">
        <v>3503</v>
      </c>
      <c r="B2233" s="9" t="s">
        <v>4407</v>
      </c>
      <c r="C2233" s="9" t="s">
        <v>4408</v>
      </c>
      <c r="D2233" s="18">
        <v>1442240752</v>
      </c>
      <c r="E2233" s="11">
        <v>48457</v>
      </c>
      <c r="F2233" s="9" t="s">
        <v>40</v>
      </c>
      <c r="G2233" s="12">
        <v>2231</v>
      </c>
      <c r="H2233" s="12">
        <f t="shared" si="68"/>
        <v>15</v>
      </c>
      <c r="I2233" s="12">
        <f t="shared" si="69"/>
        <v>9</v>
      </c>
    </row>
    <row r="2234" spans="1:9" s="5" customFormat="1" ht="27.75" customHeight="1" x14ac:dyDescent="0.4">
      <c r="A2234" s="9" t="s">
        <v>3503</v>
      </c>
      <c r="B2234" s="9" t="s">
        <v>4409</v>
      </c>
      <c r="C2234" s="9" t="s">
        <v>4410</v>
      </c>
      <c r="D2234" s="18">
        <v>1442241081</v>
      </c>
      <c r="E2234" s="11">
        <v>46446</v>
      </c>
      <c r="F2234" s="9" t="s">
        <v>40</v>
      </c>
      <c r="G2234" s="5">
        <v>2232</v>
      </c>
      <c r="H2234" s="12">
        <f t="shared" si="68"/>
        <v>17</v>
      </c>
      <c r="I2234" s="12">
        <f t="shared" si="69"/>
        <v>12</v>
      </c>
    </row>
    <row r="2235" spans="1:9" s="5" customFormat="1" ht="27.75" customHeight="1" x14ac:dyDescent="0.4">
      <c r="A2235" s="13" t="s">
        <v>3503</v>
      </c>
      <c r="B2235" s="9" t="s">
        <v>4411</v>
      </c>
      <c r="C2235" s="9" t="s">
        <v>4412</v>
      </c>
      <c r="D2235" s="18">
        <v>1442282630</v>
      </c>
      <c r="E2235" s="11">
        <v>46387</v>
      </c>
      <c r="F2235" s="9" t="s">
        <v>40</v>
      </c>
      <c r="G2235" s="12">
        <v>2233</v>
      </c>
      <c r="H2235" s="12">
        <f t="shared" si="68"/>
        <v>14</v>
      </c>
      <c r="I2235" s="12">
        <f t="shared" si="69"/>
        <v>4</v>
      </c>
    </row>
    <row r="2236" spans="1:9" s="5" customFormat="1" ht="27.75" customHeight="1" x14ac:dyDescent="0.4">
      <c r="A2236" s="13" t="s">
        <v>3503</v>
      </c>
      <c r="B2236" s="9" t="s">
        <v>3561</v>
      </c>
      <c r="C2236" s="9" t="s">
        <v>4413</v>
      </c>
      <c r="D2236" s="18">
        <v>1442247070</v>
      </c>
      <c r="E2236" s="11">
        <v>48334</v>
      </c>
      <c r="F2236" s="9" t="s">
        <v>40</v>
      </c>
      <c r="G2236" s="5">
        <v>2234</v>
      </c>
      <c r="H2236" s="12">
        <f t="shared" si="68"/>
        <v>16</v>
      </c>
      <c r="I2236" s="12">
        <f t="shared" si="69"/>
        <v>5</v>
      </c>
    </row>
    <row r="2237" spans="1:9" s="5" customFormat="1" ht="27.75" customHeight="1" x14ac:dyDescent="0.4">
      <c r="A2237" s="13" t="s">
        <v>3503</v>
      </c>
      <c r="B2237" s="9" t="s">
        <v>4414</v>
      </c>
      <c r="C2237" s="9" t="s">
        <v>4415</v>
      </c>
      <c r="D2237" s="18">
        <v>1442201713</v>
      </c>
      <c r="E2237" s="11">
        <v>46387</v>
      </c>
      <c r="F2237" s="9" t="s">
        <v>40</v>
      </c>
      <c r="G2237" s="12">
        <v>2235</v>
      </c>
      <c r="H2237" s="12">
        <f t="shared" si="68"/>
        <v>15</v>
      </c>
      <c r="I2237" s="12">
        <f t="shared" si="69"/>
        <v>4</v>
      </c>
    </row>
    <row r="2238" spans="1:9" s="5" customFormat="1" ht="27.75" customHeight="1" x14ac:dyDescent="0.4">
      <c r="A2238" s="13" t="s">
        <v>3503</v>
      </c>
      <c r="B2238" s="13" t="s">
        <v>4416</v>
      </c>
      <c r="C2238" s="13" t="s">
        <v>4417</v>
      </c>
      <c r="D2238" s="26">
        <v>1442284016</v>
      </c>
      <c r="E2238" s="11">
        <v>46387</v>
      </c>
      <c r="F2238" s="9" t="s">
        <v>40</v>
      </c>
      <c r="G2238" s="5">
        <v>2236</v>
      </c>
      <c r="H2238" s="12">
        <f t="shared" si="68"/>
        <v>15</v>
      </c>
      <c r="I2238" s="12">
        <f t="shared" si="69"/>
        <v>7</v>
      </c>
    </row>
    <row r="2239" spans="1:9" s="5" customFormat="1" ht="27.75" customHeight="1" x14ac:dyDescent="0.4">
      <c r="A2239" s="9" t="s">
        <v>3503</v>
      </c>
      <c r="B2239" s="9" t="s">
        <v>4418</v>
      </c>
      <c r="C2239" s="9" t="s">
        <v>4419</v>
      </c>
      <c r="D2239" s="18">
        <v>1442282945</v>
      </c>
      <c r="E2239" s="11">
        <v>46387</v>
      </c>
      <c r="F2239" s="9" t="s">
        <v>40</v>
      </c>
      <c r="G2239" s="12">
        <v>2237</v>
      </c>
      <c r="H2239" s="12">
        <f t="shared" si="68"/>
        <v>14</v>
      </c>
      <c r="I2239" s="12">
        <f t="shared" si="69"/>
        <v>7</v>
      </c>
    </row>
    <row r="2240" spans="1:9" s="5" customFormat="1" ht="27.75" customHeight="1" x14ac:dyDescent="0.4">
      <c r="A2240" s="13" t="s">
        <v>3503</v>
      </c>
      <c r="B2240" s="9" t="s">
        <v>4420</v>
      </c>
      <c r="C2240" s="49" t="s">
        <v>4421</v>
      </c>
      <c r="D2240" s="18">
        <v>1442201168</v>
      </c>
      <c r="E2240" s="11">
        <v>46387</v>
      </c>
      <c r="F2240" s="9" t="s">
        <v>40</v>
      </c>
      <c r="G2240" s="5">
        <v>2238</v>
      </c>
      <c r="H2240" s="12">
        <f t="shared" si="68"/>
        <v>38</v>
      </c>
      <c r="I2240" s="12">
        <f t="shared" si="69"/>
        <v>18</v>
      </c>
    </row>
    <row r="2241" spans="1:35" s="5" customFormat="1" ht="27.75" customHeight="1" x14ac:dyDescent="0.4">
      <c r="A2241" s="15" t="s">
        <v>3503</v>
      </c>
      <c r="B2241" s="15" t="s">
        <v>4422</v>
      </c>
      <c r="C2241" s="16" t="s">
        <v>4423</v>
      </c>
      <c r="D2241" s="10">
        <v>1442246718</v>
      </c>
      <c r="E2241" s="27">
        <v>47391</v>
      </c>
      <c r="F2241" s="9" t="s">
        <v>40</v>
      </c>
      <c r="G2241" s="12">
        <v>2239</v>
      </c>
      <c r="H2241" s="12">
        <f t="shared" si="68"/>
        <v>14</v>
      </c>
      <c r="I2241" s="12">
        <f t="shared" si="69"/>
        <v>13</v>
      </c>
    </row>
    <row r="2242" spans="1:35" s="5" customFormat="1" ht="27.75" customHeight="1" x14ac:dyDescent="0.4">
      <c r="A2242" s="9" t="s">
        <v>3503</v>
      </c>
      <c r="B2242" s="9" t="s">
        <v>4424</v>
      </c>
      <c r="C2242" s="9" t="s">
        <v>4425</v>
      </c>
      <c r="D2242" s="18">
        <v>1442240554</v>
      </c>
      <c r="E2242" s="11">
        <v>48244</v>
      </c>
      <c r="F2242" s="9" t="s">
        <v>40</v>
      </c>
      <c r="G2242" s="5">
        <v>2240</v>
      </c>
      <c r="H2242" s="12">
        <f t="shared" si="68"/>
        <v>12</v>
      </c>
      <c r="I2242" s="12">
        <f t="shared" si="69"/>
        <v>5</v>
      </c>
    </row>
    <row r="2243" spans="1:35" s="5" customFormat="1" ht="27.75" customHeight="1" x14ac:dyDescent="0.4">
      <c r="A2243" s="13" t="s">
        <v>3503</v>
      </c>
      <c r="B2243" s="13" t="s">
        <v>4426</v>
      </c>
      <c r="C2243" s="13" t="s">
        <v>4427</v>
      </c>
      <c r="D2243" s="18">
        <v>1442241214</v>
      </c>
      <c r="E2243" s="11">
        <v>46812</v>
      </c>
      <c r="F2243" s="9" t="s">
        <v>40</v>
      </c>
      <c r="G2243" s="12">
        <v>2241</v>
      </c>
      <c r="H2243" s="12">
        <f t="shared" si="68"/>
        <v>16</v>
      </c>
      <c r="I2243" s="12">
        <f t="shared" si="69"/>
        <v>9</v>
      </c>
    </row>
    <row r="2244" spans="1:35" s="5" customFormat="1" ht="27.75" customHeight="1" x14ac:dyDescent="0.4">
      <c r="A2244" s="9" t="s">
        <v>3503</v>
      </c>
      <c r="B2244" s="9" t="s">
        <v>4428</v>
      </c>
      <c r="C2244" s="9" t="s">
        <v>956</v>
      </c>
      <c r="D2244" s="18">
        <v>1442246676</v>
      </c>
      <c r="E2244" s="11">
        <v>47391</v>
      </c>
      <c r="F2244" s="9" t="s">
        <v>40</v>
      </c>
      <c r="G2244" s="5">
        <v>2242</v>
      </c>
      <c r="H2244" s="12">
        <f t="shared" ref="H2244:H2307" si="70">LEN(C2244)</f>
        <v>10</v>
      </c>
      <c r="I2244" s="12">
        <f t="shared" ref="I2244:I2307" si="71">LEN(B2244)</f>
        <v>10</v>
      </c>
    </row>
    <row r="2245" spans="1:35" s="5" customFormat="1" ht="27.75" customHeight="1" x14ac:dyDescent="0.4">
      <c r="A2245" s="9" t="s">
        <v>3503</v>
      </c>
      <c r="B2245" s="9" t="s">
        <v>4429</v>
      </c>
      <c r="C2245" s="9" t="s">
        <v>4430</v>
      </c>
      <c r="D2245" s="18">
        <v>1442284313</v>
      </c>
      <c r="E2245" s="11">
        <v>46387</v>
      </c>
      <c r="F2245" s="9" t="s">
        <v>40</v>
      </c>
      <c r="G2245" s="12">
        <v>2243</v>
      </c>
      <c r="H2245" s="12">
        <f t="shared" si="70"/>
        <v>14</v>
      </c>
      <c r="I2245" s="12">
        <f t="shared" si="71"/>
        <v>6</v>
      </c>
    </row>
    <row r="2246" spans="1:35" s="5" customFormat="1" ht="27.75" customHeight="1" x14ac:dyDescent="0.4">
      <c r="A2246" s="13" t="s">
        <v>3503</v>
      </c>
      <c r="B2246" s="9" t="s">
        <v>4431</v>
      </c>
      <c r="C2246" s="9" t="s">
        <v>4432</v>
      </c>
      <c r="D2246" s="18">
        <v>1442200707</v>
      </c>
      <c r="E2246" s="11">
        <v>46387</v>
      </c>
      <c r="F2246" s="9" t="s">
        <v>40</v>
      </c>
      <c r="G2246" s="5">
        <v>2244</v>
      </c>
      <c r="H2246" s="12">
        <f t="shared" si="70"/>
        <v>20</v>
      </c>
      <c r="I2246" s="12">
        <f t="shared" si="71"/>
        <v>14</v>
      </c>
    </row>
    <row r="2247" spans="1:35" s="5" customFormat="1" ht="27.75" customHeight="1" x14ac:dyDescent="0.4">
      <c r="A2247" s="9" t="s">
        <v>3503</v>
      </c>
      <c r="B2247" s="13" t="s">
        <v>4433</v>
      </c>
      <c r="C2247" s="9" t="s">
        <v>4434</v>
      </c>
      <c r="D2247" s="18">
        <v>1442283588</v>
      </c>
      <c r="E2247" s="11">
        <v>46387</v>
      </c>
      <c r="F2247" s="9" t="s">
        <v>40</v>
      </c>
      <c r="G2247" s="12">
        <v>2245</v>
      </c>
      <c r="H2247" s="12">
        <f t="shared" si="70"/>
        <v>19</v>
      </c>
      <c r="I2247" s="12">
        <f t="shared" si="71"/>
        <v>7</v>
      </c>
    </row>
    <row r="2248" spans="1:35" s="5" customFormat="1" ht="27.75" customHeight="1" x14ac:dyDescent="0.4">
      <c r="A2248" s="9" t="s">
        <v>3503</v>
      </c>
      <c r="B2248" s="9" t="s">
        <v>4435</v>
      </c>
      <c r="C2248" s="9" t="s">
        <v>4436</v>
      </c>
      <c r="D2248" s="18">
        <v>1442283257</v>
      </c>
      <c r="E2248" s="11">
        <v>46387</v>
      </c>
      <c r="F2248" s="9" t="s">
        <v>40</v>
      </c>
      <c r="G2248" s="5">
        <v>2246</v>
      </c>
      <c r="H2248" s="12">
        <f t="shared" si="70"/>
        <v>12</v>
      </c>
      <c r="I2248" s="12">
        <f t="shared" si="71"/>
        <v>9</v>
      </c>
    </row>
    <row r="2249" spans="1:35" s="5" customFormat="1" ht="27.75" customHeight="1" x14ac:dyDescent="0.4">
      <c r="A2249" s="9" t="s">
        <v>3503</v>
      </c>
      <c r="B2249" s="9" t="s">
        <v>4437</v>
      </c>
      <c r="C2249" s="9" t="s">
        <v>4438</v>
      </c>
      <c r="D2249" s="23">
        <v>1442246510</v>
      </c>
      <c r="E2249" s="11">
        <v>46873</v>
      </c>
      <c r="F2249" s="9" t="s">
        <v>40</v>
      </c>
      <c r="G2249" s="12">
        <v>2247</v>
      </c>
      <c r="H2249" s="12">
        <f t="shared" si="70"/>
        <v>13</v>
      </c>
      <c r="I2249" s="12">
        <f t="shared" si="71"/>
        <v>7</v>
      </c>
    </row>
    <row r="2250" spans="1:35" s="5" customFormat="1" ht="27.75" customHeight="1" x14ac:dyDescent="0.4">
      <c r="A2250" s="9" t="s">
        <v>3503</v>
      </c>
      <c r="B2250" s="9" t="s">
        <v>4439</v>
      </c>
      <c r="C2250" s="9" t="s">
        <v>4440</v>
      </c>
      <c r="D2250" s="18">
        <v>1442247005</v>
      </c>
      <c r="E2250" s="11">
        <v>48121</v>
      </c>
      <c r="F2250" s="9" t="s">
        <v>40</v>
      </c>
      <c r="G2250" s="5">
        <v>2248</v>
      </c>
      <c r="H2250" s="12">
        <f t="shared" si="70"/>
        <v>11</v>
      </c>
      <c r="I2250" s="12">
        <f t="shared" si="71"/>
        <v>11</v>
      </c>
    </row>
    <row r="2251" spans="1:35" s="5" customFormat="1" ht="27.75" customHeight="1" x14ac:dyDescent="0.4">
      <c r="A2251" s="9" t="s">
        <v>3503</v>
      </c>
      <c r="B2251" s="9" t="s">
        <v>4441</v>
      </c>
      <c r="C2251" s="9" t="s">
        <v>4442</v>
      </c>
      <c r="D2251" s="18">
        <v>1442202380</v>
      </c>
      <c r="E2251" s="11">
        <v>46387</v>
      </c>
      <c r="F2251" s="9" t="s">
        <v>40</v>
      </c>
      <c r="G2251" s="12">
        <v>2249</v>
      </c>
      <c r="H2251" s="12">
        <f t="shared" si="70"/>
        <v>23</v>
      </c>
      <c r="I2251" s="12">
        <f t="shared" si="71"/>
        <v>8</v>
      </c>
    </row>
    <row r="2252" spans="1:35" s="5" customFormat="1" ht="27.75" customHeight="1" x14ac:dyDescent="0.4">
      <c r="A2252" s="9" t="s">
        <v>3503</v>
      </c>
      <c r="B2252" s="9" t="s">
        <v>4443</v>
      </c>
      <c r="C2252" s="9" t="s">
        <v>4444</v>
      </c>
      <c r="D2252" s="18">
        <v>1442246411</v>
      </c>
      <c r="E2252" s="11">
        <v>48060</v>
      </c>
      <c r="F2252" s="9" t="s">
        <v>40</v>
      </c>
      <c r="G2252" s="5">
        <v>2250</v>
      </c>
      <c r="H2252" s="12">
        <f t="shared" si="70"/>
        <v>26</v>
      </c>
      <c r="I2252" s="12">
        <f t="shared" si="71"/>
        <v>9</v>
      </c>
    </row>
    <row r="2253" spans="1:35" s="5" customFormat="1" ht="27.75" customHeight="1" x14ac:dyDescent="0.4">
      <c r="A2253" s="13" t="s">
        <v>3503</v>
      </c>
      <c r="B2253" s="9" t="s">
        <v>4445</v>
      </c>
      <c r="C2253" s="9" t="s">
        <v>4446</v>
      </c>
      <c r="D2253" s="18">
        <v>1442246775</v>
      </c>
      <c r="E2253" s="11">
        <v>47573</v>
      </c>
      <c r="F2253" s="9" t="s">
        <v>40</v>
      </c>
      <c r="G2253" s="12">
        <v>2251</v>
      </c>
      <c r="H2253" s="12">
        <f t="shared" si="70"/>
        <v>13</v>
      </c>
      <c r="I2253" s="12">
        <f t="shared" si="71"/>
        <v>6</v>
      </c>
    </row>
    <row r="2254" spans="1:35" s="5" customFormat="1" ht="27.75" customHeight="1" x14ac:dyDescent="0.4">
      <c r="A2254" s="9" t="s">
        <v>3503</v>
      </c>
      <c r="B2254" s="9" t="s">
        <v>4447</v>
      </c>
      <c r="C2254" s="9" t="s">
        <v>4448</v>
      </c>
      <c r="D2254" s="18">
        <v>1442240935</v>
      </c>
      <c r="E2254" s="11">
        <v>48304</v>
      </c>
      <c r="F2254" s="9" t="s">
        <v>40</v>
      </c>
      <c r="G2254" s="5">
        <v>2252</v>
      </c>
      <c r="H2254" s="12">
        <f t="shared" si="70"/>
        <v>22</v>
      </c>
      <c r="I2254" s="12">
        <f t="shared" si="71"/>
        <v>6</v>
      </c>
    </row>
    <row r="2255" spans="1:35" s="5" customFormat="1" ht="27.75" customHeight="1" x14ac:dyDescent="0.4">
      <c r="A2255" s="9" t="s">
        <v>3503</v>
      </c>
      <c r="B2255" s="9" t="s">
        <v>4449</v>
      </c>
      <c r="C2255" s="9" t="s">
        <v>4450</v>
      </c>
      <c r="D2255" s="18">
        <v>1442246833</v>
      </c>
      <c r="E2255" s="11">
        <v>47726</v>
      </c>
      <c r="F2255" s="9" t="s">
        <v>40</v>
      </c>
      <c r="G2255" s="12">
        <v>2253</v>
      </c>
      <c r="H2255" s="12">
        <f t="shared" si="70"/>
        <v>12</v>
      </c>
      <c r="I2255" s="12">
        <f t="shared" si="71"/>
        <v>15</v>
      </c>
      <c r="J2255" s="24"/>
      <c r="K2255" s="24"/>
      <c r="L2255" s="24"/>
      <c r="M2255" s="24"/>
      <c r="N2255" s="24"/>
      <c r="O2255" s="24"/>
      <c r="P2255" s="24"/>
      <c r="Q2255" s="24"/>
      <c r="R2255" s="24"/>
      <c r="S2255" s="24"/>
      <c r="T2255" s="24"/>
      <c r="U2255" s="24"/>
      <c r="V2255" s="24"/>
      <c r="W2255" s="24"/>
      <c r="X2255" s="24"/>
      <c r="Y2255" s="24"/>
      <c r="Z2255" s="24"/>
      <c r="AA2255" s="24"/>
      <c r="AB2255" s="24"/>
      <c r="AC2255" s="24"/>
      <c r="AD2255" s="24"/>
      <c r="AE2255" s="24"/>
      <c r="AF2255" s="24"/>
      <c r="AG2255" s="24"/>
      <c r="AH2255" s="24"/>
      <c r="AI2255" s="24"/>
    </row>
    <row r="2256" spans="1:35" s="5" customFormat="1" ht="27.75" customHeight="1" x14ac:dyDescent="0.4">
      <c r="A2256" s="9" t="s">
        <v>3503</v>
      </c>
      <c r="B2256" s="9" t="s">
        <v>4451</v>
      </c>
      <c r="C2256" s="9" t="s">
        <v>4452</v>
      </c>
      <c r="D2256" s="18">
        <v>1442282853</v>
      </c>
      <c r="E2256" s="11">
        <v>46387</v>
      </c>
      <c r="F2256" s="9" t="s">
        <v>40</v>
      </c>
      <c r="G2256" s="5">
        <v>2254</v>
      </c>
      <c r="H2256" s="12">
        <f t="shared" si="70"/>
        <v>10</v>
      </c>
      <c r="I2256" s="12">
        <f t="shared" si="71"/>
        <v>16</v>
      </c>
    </row>
    <row r="2257" spans="1:9" s="5" customFormat="1" ht="27.75" customHeight="1" x14ac:dyDescent="0.4">
      <c r="A2257" s="9" t="s">
        <v>3503</v>
      </c>
      <c r="B2257" s="9" t="s">
        <v>4453</v>
      </c>
      <c r="C2257" s="9" t="s">
        <v>4454</v>
      </c>
      <c r="D2257" s="18">
        <v>1442283711</v>
      </c>
      <c r="E2257" s="11">
        <v>46387</v>
      </c>
      <c r="F2257" s="9" t="s">
        <v>40</v>
      </c>
      <c r="G2257" s="12">
        <v>2255</v>
      </c>
      <c r="H2257" s="12">
        <f t="shared" si="70"/>
        <v>13</v>
      </c>
      <c r="I2257" s="12">
        <f t="shared" si="71"/>
        <v>5</v>
      </c>
    </row>
    <row r="2258" spans="1:9" s="5" customFormat="1" ht="27.75" customHeight="1" x14ac:dyDescent="0.4">
      <c r="A2258" s="9" t="s">
        <v>3503</v>
      </c>
      <c r="B2258" s="9" t="s">
        <v>4455</v>
      </c>
      <c r="C2258" s="9" t="s">
        <v>4456</v>
      </c>
      <c r="D2258" s="18">
        <v>1442202307</v>
      </c>
      <c r="E2258" s="11">
        <v>46387</v>
      </c>
      <c r="F2258" s="9" t="s">
        <v>40</v>
      </c>
      <c r="G2258" s="5">
        <v>2256</v>
      </c>
      <c r="H2258" s="12">
        <f t="shared" si="70"/>
        <v>13</v>
      </c>
      <c r="I2258" s="12">
        <f t="shared" si="71"/>
        <v>14</v>
      </c>
    </row>
    <row r="2259" spans="1:9" s="5" customFormat="1" ht="27.75" customHeight="1" x14ac:dyDescent="0.4">
      <c r="A2259" s="9" t="s">
        <v>3503</v>
      </c>
      <c r="B2259" s="9" t="s">
        <v>4457</v>
      </c>
      <c r="C2259" s="9" t="s">
        <v>4458</v>
      </c>
      <c r="D2259" s="18">
        <v>1442241008</v>
      </c>
      <c r="E2259" s="11">
        <v>48457</v>
      </c>
      <c r="F2259" s="9" t="s">
        <v>40</v>
      </c>
      <c r="G2259" s="12">
        <v>2257</v>
      </c>
      <c r="H2259" s="12">
        <f t="shared" si="70"/>
        <v>20</v>
      </c>
      <c r="I2259" s="12">
        <f t="shared" si="71"/>
        <v>11</v>
      </c>
    </row>
    <row r="2260" spans="1:9" s="5" customFormat="1" ht="27.75" customHeight="1" x14ac:dyDescent="0.4">
      <c r="A2260" s="9" t="s">
        <v>3503</v>
      </c>
      <c r="B2260" s="9" t="s">
        <v>4459</v>
      </c>
      <c r="C2260" s="9" t="s">
        <v>4460</v>
      </c>
      <c r="D2260" s="18">
        <v>1442246668</v>
      </c>
      <c r="E2260" s="11">
        <v>47391</v>
      </c>
      <c r="F2260" s="9" t="s">
        <v>40</v>
      </c>
      <c r="G2260" s="5">
        <v>2258</v>
      </c>
      <c r="H2260" s="12">
        <f t="shared" si="70"/>
        <v>21</v>
      </c>
      <c r="I2260" s="12">
        <f t="shared" si="71"/>
        <v>11</v>
      </c>
    </row>
    <row r="2261" spans="1:9" s="5" customFormat="1" ht="27.75" customHeight="1" x14ac:dyDescent="0.4">
      <c r="A2261" s="9" t="s">
        <v>3503</v>
      </c>
      <c r="B2261" s="13" t="s">
        <v>4461</v>
      </c>
      <c r="C2261" s="13" t="s">
        <v>4462</v>
      </c>
      <c r="D2261" s="18">
        <v>1442240802</v>
      </c>
      <c r="E2261" s="11">
        <v>47726</v>
      </c>
      <c r="F2261" s="9" t="s">
        <v>40</v>
      </c>
      <c r="G2261" s="12">
        <v>2259</v>
      </c>
      <c r="H2261" s="12">
        <f t="shared" si="70"/>
        <v>13</v>
      </c>
      <c r="I2261" s="12">
        <f t="shared" si="71"/>
        <v>5</v>
      </c>
    </row>
    <row r="2262" spans="1:9" s="5" customFormat="1" ht="27.75" customHeight="1" x14ac:dyDescent="0.4">
      <c r="A2262" s="9" t="s">
        <v>3503</v>
      </c>
      <c r="B2262" s="9" t="s">
        <v>4463</v>
      </c>
      <c r="C2262" s="9" t="s">
        <v>4464</v>
      </c>
      <c r="D2262" s="18">
        <v>1442282614</v>
      </c>
      <c r="E2262" s="11">
        <v>46387</v>
      </c>
      <c r="F2262" s="9" t="s">
        <v>40</v>
      </c>
      <c r="G2262" s="5">
        <v>2260</v>
      </c>
      <c r="H2262" s="12">
        <f t="shared" si="70"/>
        <v>19</v>
      </c>
      <c r="I2262" s="12">
        <f t="shared" si="71"/>
        <v>5</v>
      </c>
    </row>
    <row r="2263" spans="1:9" s="5" customFormat="1" ht="27.75" customHeight="1" x14ac:dyDescent="0.4">
      <c r="A2263" s="9" t="s">
        <v>3503</v>
      </c>
      <c r="B2263" s="9" t="s">
        <v>4465</v>
      </c>
      <c r="C2263" s="9" t="s">
        <v>4466</v>
      </c>
      <c r="D2263" s="18">
        <v>1442246932</v>
      </c>
      <c r="E2263" s="11">
        <v>47938</v>
      </c>
      <c r="F2263" s="9" t="s">
        <v>40</v>
      </c>
      <c r="G2263" s="12">
        <v>2261</v>
      </c>
      <c r="H2263" s="12">
        <f t="shared" si="70"/>
        <v>18</v>
      </c>
      <c r="I2263" s="12">
        <f t="shared" si="71"/>
        <v>6</v>
      </c>
    </row>
    <row r="2264" spans="1:9" s="5" customFormat="1" ht="27.75" customHeight="1" x14ac:dyDescent="0.4">
      <c r="A2264" s="9" t="s">
        <v>3503</v>
      </c>
      <c r="B2264" s="13" t="s">
        <v>4467</v>
      </c>
      <c r="C2264" s="13" t="s">
        <v>4468</v>
      </c>
      <c r="D2264" s="18">
        <v>1442246635</v>
      </c>
      <c r="E2264" s="11">
        <v>47238</v>
      </c>
      <c r="F2264" s="9" t="s">
        <v>40</v>
      </c>
      <c r="G2264" s="5">
        <v>2262</v>
      </c>
      <c r="H2264" s="12">
        <f t="shared" si="70"/>
        <v>20</v>
      </c>
      <c r="I2264" s="12">
        <f t="shared" si="71"/>
        <v>6</v>
      </c>
    </row>
    <row r="2265" spans="1:9" s="5" customFormat="1" ht="27.75" customHeight="1" x14ac:dyDescent="0.4">
      <c r="A2265" s="9" t="s">
        <v>3503</v>
      </c>
      <c r="B2265" s="9" t="s">
        <v>4132</v>
      </c>
      <c r="C2265" s="9" t="s">
        <v>4469</v>
      </c>
      <c r="D2265" s="18">
        <v>1442246445</v>
      </c>
      <c r="E2265" s="11">
        <v>48457</v>
      </c>
      <c r="F2265" s="9" t="s">
        <v>40</v>
      </c>
      <c r="G2265" s="12">
        <v>2263</v>
      </c>
      <c r="H2265" s="12">
        <f t="shared" si="70"/>
        <v>21</v>
      </c>
      <c r="I2265" s="12">
        <f t="shared" si="71"/>
        <v>5</v>
      </c>
    </row>
    <row r="2266" spans="1:9" s="5" customFormat="1" ht="27.75" customHeight="1" x14ac:dyDescent="0.4">
      <c r="A2266" s="9" t="s">
        <v>3503</v>
      </c>
      <c r="B2266" s="19" t="s">
        <v>4470</v>
      </c>
      <c r="C2266" s="19" t="s">
        <v>4471</v>
      </c>
      <c r="D2266" s="20">
        <v>1442283794</v>
      </c>
      <c r="E2266" s="11">
        <v>46387</v>
      </c>
      <c r="F2266" s="9" t="s">
        <v>40</v>
      </c>
      <c r="G2266" s="5">
        <v>2264</v>
      </c>
      <c r="H2266" s="12">
        <f t="shared" si="70"/>
        <v>15</v>
      </c>
      <c r="I2266" s="12">
        <f t="shared" si="71"/>
        <v>10</v>
      </c>
    </row>
    <row r="2267" spans="1:9" s="5" customFormat="1" ht="27.75" customHeight="1" x14ac:dyDescent="0.4">
      <c r="A2267" s="9" t="s">
        <v>3503</v>
      </c>
      <c r="B2267" s="16" t="s">
        <v>4472</v>
      </c>
      <c r="C2267" s="16" t="s">
        <v>4473</v>
      </c>
      <c r="D2267" s="10">
        <v>1442246734</v>
      </c>
      <c r="E2267" s="11">
        <v>47391</v>
      </c>
      <c r="F2267" s="9" t="s">
        <v>40</v>
      </c>
      <c r="G2267" s="12">
        <v>2265</v>
      </c>
      <c r="H2267" s="12">
        <f t="shared" si="70"/>
        <v>27</v>
      </c>
      <c r="I2267" s="12">
        <f t="shared" si="71"/>
        <v>16</v>
      </c>
    </row>
    <row r="2268" spans="1:9" s="5" customFormat="1" ht="27.75" customHeight="1" x14ac:dyDescent="0.4">
      <c r="A2268" s="9" t="s">
        <v>3503</v>
      </c>
      <c r="B2268" s="9" t="s">
        <v>4474</v>
      </c>
      <c r="C2268" s="9" t="s">
        <v>4475</v>
      </c>
      <c r="D2268" s="18">
        <v>1442283505</v>
      </c>
      <c r="E2268" s="11">
        <v>46477</v>
      </c>
      <c r="F2268" s="9" t="s">
        <v>40</v>
      </c>
      <c r="G2268" s="5">
        <v>2266</v>
      </c>
      <c r="H2268" s="12">
        <f t="shared" si="70"/>
        <v>13</v>
      </c>
      <c r="I2268" s="12">
        <f t="shared" si="71"/>
        <v>8</v>
      </c>
    </row>
    <row r="2269" spans="1:9" s="5" customFormat="1" ht="27.75" customHeight="1" x14ac:dyDescent="0.4">
      <c r="A2269" s="9" t="s">
        <v>3503</v>
      </c>
      <c r="B2269" s="13" t="s">
        <v>4476</v>
      </c>
      <c r="C2269" s="13" t="s">
        <v>4477</v>
      </c>
      <c r="D2269" s="18">
        <v>1442284024</v>
      </c>
      <c r="E2269" s="11">
        <v>46387</v>
      </c>
      <c r="F2269" s="9" t="s">
        <v>40</v>
      </c>
      <c r="G2269" s="12">
        <v>2267</v>
      </c>
      <c r="H2269" s="12">
        <f t="shared" si="70"/>
        <v>21</v>
      </c>
      <c r="I2269" s="12">
        <f t="shared" si="71"/>
        <v>10</v>
      </c>
    </row>
    <row r="2270" spans="1:9" s="5" customFormat="1" ht="27.75" customHeight="1" x14ac:dyDescent="0.4">
      <c r="A2270" s="9" t="s">
        <v>3503</v>
      </c>
      <c r="B2270" s="13" t="s">
        <v>4478</v>
      </c>
      <c r="C2270" s="13" t="s">
        <v>4479</v>
      </c>
      <c r="D2270" s="18">
        <v>1442241115</v>
      </c>
      <c r="E2270" s="11">
        <v>46477</v>
      </c>
      <c r="F2270" s="9" t="s">
        <v>40</v>
      </c>
      <c r="G2270" s="5">
        <v>2268</v>
      </c>
      <c r="H2270" s="12">
        <f t="shared" si="70"/>
        <v>11</v>
      </c>
      <c r="I2270" s="12">
        <f t="shared" si="71"/>
        <v>10</v>
      </c>
    </row>
    <row r="2271" spans="1:9" s="5" customFormat="1" ht="27.75" customHeight="1" x14ac:dyDescent="0.4">
      <c r="A2271" s="9" t="s">
        <v>3503</v>
      </c>
      <c r="B2271" s="9" t="s">
        <v>4480</v>
      </c>
      <c r="C2271" s="9" t="s">
        <v>4481</v>
      </c>
      <c r="D2271" s="18">
        <v>1442284248</v>
      </c>
      <c r="E2271" s="11">
        <v>46387</v>
      </c>
      <c r="F2271" s="9" t="s">
        <v>40</v>
      </c>
      <c r="G2271" s="12">
        <v>2269</v>
      </c>
      <c r="H2271" s="12">
        <f t="shared" si="70"/>
        <v>12</v>
      </c>
      <c r="I2271" s="12">
        <f t="shared" si="71"/>
        <v>13</v>
      </c>
    </row>
    <row r="2272" spans="1:9" s="5" customFormat="1" ht="27.75" customHeight="1" x14ac:dyDescent="0.4">
      <c r="A2272" s="9" t="s">
        <v>3503</v>
      </c>
      <c r="B2272" s="9" t="s">
        <v>4482</v>
      </c>
      <c r="C2272" s="9" t="s">
        <v>4483</v>
      </c>
      <c r="D2272" s="18">
        <v>1442282721</v>
      </c>
      <c r="E2272" s="11">
        <v>46387</v>
      </c>
      <c r="F2272" s="9" t="s">
        <v>40</v>
      </c>
      <c r="G2272" s="5">
        <v>2270</v>
      </c>
      <c r="H2272" s="12">
        <f t="shared" si="70"/>
        <v>13</v>
      </c>
      <c r="I2272" s="12">
        <f t="shared" si="71"/>
        <v>4</v>
      </c>
    </row>
    <row r="2273" spans="1:35" s="5" customFormat="1" ht="27.75" customHeight="1" x14ac:dyDescent="0.4">
      <c r="A2273" s="9" t="s">
        <v>3503</v>
      </c>
      <c r="B2273" s="9" t="s">
        <v>3737</v>
      </c>
      <c r="C2273" s="9" t="s">
        <v>4484</v>
      </c>
      <c r="D2273" s="18">
        <v>1442284081</v>
      </c>
      <c r="E2273" s="11">
        <v>46387</v>
      </c>
      <c r="F2273" s="9" t="s">
        <v>40</v>
      </c>
      <c r="G2273" s="12">
        <v>2271</v>
      </c>
      <c r="H2273" s="12">
        <f t="shared" si="70"/>
        <v>14</v>
      </c>
      <c r="I2273" s="12">
        <f t="shared" si="71"/>
        <v>5</v>
      </c>
      <c r="J2273" s="12"/>
      <c r="K2273" s="12"/>
      <c r="L2273" s="12"/>
      <c r="M2273" s="12"/>
      <c r="N2273" s="12"/>
      <c r="O2273" s="12"/>
      <c r="P2273" s="12"/>
      <c r="Q2273" s="12"/>
      <c r="R2273" s="12"/>
      <c r="S2273" s="12"/>
      <c r="T2273" s="12"/>
      <c r="U2273" s="12"/>
      <c r="V2273" s="12"/>
      <c r="W2273" s="12"/>
      <c r="X2273" s="12"/>
      <c r="Y2273" s="12"/>
      <c r="Z2273" s="12"/>
      <c r="AA2273" s="12"/>
      <c r="AB2273" s="12"/>
      <c r="AC2273" s="12"/>
      <c r="AD2273" s="12"/>
      <c r="AE2273" s="12"/>
      <c r="AF2273" s="12"/>
      <c r="AG2273" s="12"/>
      <c r="AH2273" s="12"/>
      <c r="AI2273" s="12"/>
    </row>
    <row r="2274" spans="1:35" s="5" customFormat="1" ht="27.75" customHeight="1" x14ac:dyDescent="0.4">
      <c r="A2274" s="9" t="s">
        <v>3503</v>
      </c>
      <c r="B2274" s="9" t="s">
        <v>4485</v>
      </c>
      <c r="C2274" s="9" t="s">
        <v>1033</v>
      </c>
      <c r="D2274" s="18">
        <v>1442200863</v>
      </c>
      <c r="E2274" s="11">
        <v>46387</v>
      </c>
      <c r="F2274" s="9" t="s">
        <v>40</v>
      </c>
      <c r="G2274" s="5">
        <v>2272</v>
      </c>
      <c r="H2274" s="12">
        <f t="shared" si="70"/>
        <v>11</v>
      </c>
      <c r="I2274" s="12">
        <f t="shared" si="71"/>
        <v>3</v>
      </c>
    </row>
    <row r="2275" spans="1:35" s="5" customFormat="1" ht="27.75" customHeight="1" x14ac:dyDescent="0.4">
      <c r="A2275" s="9" t="s">
        <v>3503</v>
      </c>
      <c r="B2275" s="9" t="s">
        <v>4486</v>
      </c>
      <c r="C2275" s="9" t="s">
        <v>4487</v>
      </c>
      <c r="D2275" s="18">
        <v>1442282598</v>
      </c>
      <c r="E2275" s="11">
        <v>46387</v>
      </c>
      <c r="F2275" s="9" t="s">
        <v>40</v>
      </c>
      <c r="G2275" s="12">
        <v>2273</v>
      </c>
      <c r="H2275" s="12">
        <f t="shared" si="70"/>
        <v>11</v>
      </c>
      <c r="I2275" s="12">
        <f t="shared" si="71"/>
        <v>5</v>
      </c>
    </row>
    <row r="2276" spans="1:35" s="5" customFormat="1" ht="27.75" customHeight="1" x14ac:dyDescent="0.4">
      <c r="A2276" s="9" t="s">
        <v>3503</v>
      </c>
      <c r="B2276" s="9" t="s">
        <v>4488</v>
      </c>
      <c r="C2276" s="9" t="s">
        <v>4489</v>
      </c>
      <c r="D2276" s="18">
        <v>1442241149</v>
      </c>
      <c r="E2276" s="11">
        <v>46630</v>
      </c>
      <c r="F2276" s="9" t="s">
        <v>40</v>
      </c>
      <c r="G2276" s="5">
        <v>2274</v>
      </c>
      <c r="H2276" s="12">
        <f t="shared" si="70"/>
        <v>11</v>
      </c>
      <c r="I2276" s="12">
        <f t="shared" si="71"/>
        <v>17</v>
      </c>
    </row>
    <row r="2277" spans="1:35" s="5" customFormat="1" ht="27.75" customHeight="1" x14ac:dyDescent="0.4">
      <c r="A2277" s="9" t="s">
        <v>3503</v>
      </c>
      <c r="B2277" s="13" t="s">
        <v>4490</v>
      </c>
      <c r="C2277" s="13" t="s">
        <v>4491</v>
      </c>
      <c r="D2277" s="18">
        <v>1442240992</v>
      </c>
      <c r="E2277" s="11">
        <v>48457</v>
      </c>
      <c r="F2277" s="9" t="s">
        <v>40</v>
      </c>
      <c r="G2277" s="12">
        <v>2275</v>
      </c>
      <c r="H2277" s="12">
        <f t="shared" si="70"/>
        <v>12</v>
      </c>
      <c r="I2277" s="12">
        <f t="shared" si="71"/>
        <v>6</v>
      </c>
    </row>
    <row r="2278" spans="1:35" s="5" customFormat="1" ht="27.75" customHeight="1" x14ac:dyDescent="0.4">
      <c r="A2278" s="9" t="s">
        <v>3503</v>
      </c>
      <c r="B2278" s="13" t="s">
        <v>4492</v>
      </c>
      <c r="C2278" s="13" t="s">
        <v>4493</v>
      </c>
      <c r="D2278" s="18">
        <v>1442240232</v>
      </c>
      <c r="E2278" s="11">
        <v>46507</v>
      </c>
      <c r="F2278" s="9" t="s">
        <v>40</v>
      </c>
      <c r="G2278" s="5">
        <v>2276</v>
      </c>
      <c r="H2278" s="12">
        <f t="shared" si="70"/>
        <v>12</v>
      </c>
      <c r="I2278" s="12">
        <f t="shared" si="71"/>
        <v>8</v>
      </c>
    </row>
    <row r="2279" spans="1:35" s="5" customFormat="1" ht="27.75" customHeight="1" x14ac:dyDescent="0.4">
      <c r="A2279" s="9" t="s">
        <v>3503</v>
      </c>
      <c r="B2279" s="9" t="s">
        <v>4494</v>
      </c>
      <c r="C2279" s="9" t="s">
        <v>4495</v>
      </c>
      <c r="D2279" s="18">
        <v>1442282796</v>
      </c>
      <c r="E2279" s="11">
        <v>46387</v>
      </c>
      <c r="F2279" s="9" t="s">
        <v>40</v>
      </c>
      <c r="G2279" s="12">
        <v>2277</v>
      </c>
      <c r="H2279" s="12">
        <f t="shared" si="70"/>
        <v>11</v>
      </c>
      <c r="I2279" s="12">
        <f t="shared" si="71"/>
        <v>7</v>
      </c>
    </row>
    <row r="2280" spans="1:35" s="5" customFormat="1" ht="27.75" customHeight="1" x14ac:dyDescent="0.4">
      <c r="A2280" s="9" t="s">
        <v>3503</v>
      </c>
      <c r="B2280" s="9" t="s">
        <v>4496</v>
      </c>
      <c r="C2280" s="9" t="s">
        <v>4497</v>
      </c>
      <c r="D2280" s="18">
        <v>1442247021</v>
      </c>
      <c r="E2280" s="11">
        <v>48244</v>
      </c>
      <c r="F2280" s="9" t="s">
        <v>40</v>
      </c>
      <c r="G2280" s="5">
        <v>2278</v>
      </c>
      <c r="H2280" s="12">
        <f t="shared" si="70"/>
        <v>12</v>
      </c>
      <c r="I2280" s="12">
        <f t="shared" si="71"/>
        <v>10</v>
      </c>
    </row>
    <row r="2281" spans="1:35" s="5" customFormat="1" ht="27.75" customHeight="1" x14ac:dyDescent="0.4">
      <c r="A2281" s="9" t="s">
        <v>3503</v>
      </c>
      <c r="B2281" s="9" t="s">
        <v>4498</v>
      </c>
      <c r="C2281" s="9" t="s">
        <v>4499</v>
      </c>
      <c r="D2281" s="18">
        <v>1442240125</v>
      </c>
      <c r="E2281" s="11">
        <v>46387</v>
      </c>
      <c r="F2281" s="9" t="s">
        <v>40</v>
      </c>
      <c r="G2281" s="12">
        <v>2279</v>
      </c>
      <c r="H2281" s="12">
        <f t="shared" si="70"/>
        <v>11</v>
      </c>
      <c r="I2281" s="12">
        <f t="shared" si="71"/>
        <v>12</v>
      </c>
    </row>
    <row r="2282" spans="1:35" s="28" customFormat="1" ht="27.75" customHeight="1" x14ac:dyDescent="0.4">
      <c r="A2282" s="9" t="s">
        <v>3503</v>
      </c>
      <c r="B2282" s="13" t="s">
        <v>4500</v>
      </c>
      <c r="C2282" s="34" t="s">
        <v>4501</v>
      </c>
      <c r="D2282" s="26">
        <v>1442284164</v>
      </c>
      <c r="E2282" s="11">
        <v>46387</v>
      </c>
      <c r="F2282" s="9" t="s">
        <v>40</v>
      </c>
      <c r="G2282" s="5">
        <v>2280</v>
      </c>
      <c r="H2282" s="12">
        <f t="shared" si="70"/>
        <v>12</v>
      </c>
      <c r="I2282" s="12">
        <f t="shared" si="71"/>
        <v>8</v>
      </c>
      <c r="J2282" s="5"/>
      <c r="K2282" s="5"/>
      <c r="L2282" s="5"/>
      <c r="M2282" s="5"/>
      <c r="N2282" s="5"/>
      <c r="O2282" s="5"/>
      <c r="P2282" s="5"/>
      <c r="Q2282" s="5"/>
      <c r="R2282" s="5"/>
      <c r="S2282" s="5"/>
      <c r="T2282" s="5"/>
      <c r="U2282" s="5"/>
      <c r="V2282" s="5"/>
      <c r="W2282" s="5"/>
      <c r="X2282" s="5"/>
      <c r="Y2282" s="5"/>
      <c r="Z2282" s="5"/>
      <c r="AA2282" s="5"/>
      <c r="AB2282" s="5"/>
      <c r="AC2282" s="5"/>
      <c r="AD2282" s="5"/>
      <c r="AE2282" s="5"/>
      <c r="AF2282" s="5"/>
      <c r="AG2282" s="5"/>
      <c r="AH2282" s="5"/>
      <c r="AI2282" s="5"/>
    </row>
    <row r="2283" spans="1:35" s="5" customFormat="1" ht="27.75" customHeight="1" x14ac:dyDescent="0.4">
      <c r="A2283" s="9" t="s">
        <v>3503</v>
      </c>
      <c r="B2283" s="9" t="s">
        <v>4502</v>
      </c>
      <c r="C2283" s="9" t="s">
        <v>4503</v>
      </c>
      <c r="D2283" s="18">
        <v>1442246486</v>
      </c>
      <c r="E2283" s="11">
        <v>48182</v>
      </c>
      <c r="F2283" s="9" t="s">
        <v>40</v>
      </c>
      <c r="G2283" s="12">
        <v>2281</v>
      </c>
      <c r="H2283" s="12">
        <f t="shared" si="70"/>
        <v>14</v>
      </c>
      <c r="I2283" s="12">
        <f t="shared" si="71"/>
        <v>12</v>
      </c>
    </row>
    <row r="2284" spans="1:35" s="5" customFormat="1" ht="27.75" customHeight="1" x14ac:dyDescent="0.4">
      <c r="A2284" s="9" t="s">
        <v>3503</v>
      </c>
      <c r="B2284" s="9" t="s">
        <v>4504</v>
      </c>
      <c r="C2284" s="9" t="s">
        <v>4505</v>
      </c>
      <c r="D2284" s="18">
        <v>1442241057</v>
      </c>
      <c r="E2284" s="11">
        <v>46446</v>
      </c>
      <c r="F2284" s="9" t="s">
        <v>40</v>
      </c>
      <c r="G2284" s="5">
        <v>2282</v>
      </c>
      <c r="H2284" s="12">
        <f t="shared" si="70"/>
        <v>11</v>
      </c>
      <c r="I2284" s="12">
        <f t="shared" si="71"/>
        <v>13</v>
      </c>
    </row>
    <row r="2285" spans="1:35" s="5" customFormat="1" ht="27.75" customHeight="1" x14ac:dyDescent="0.4">
      <c r="A2285" s="9" t="s">
        <v>3503</v>
      </c>
      <c r="B2285" s="13" t="s">
        <v>4506</v>
      </c>
      <c r="C2285" s="9" t="s">
        <v>4507</v>
      </c>
      <c r="D2285" s="18">
        <v>1442246858</v>
      </c>
      <c r="E2285" s="11">
        <v>47695</v>
      </c>
      <c r="F2285" s="9" t="s">
        <v>40</v>
      </c>
      <c r="G2285" s="12">
        <v>2283</v>
      </c>
      <c r="H2285" s="12">
        <f t="shared" si="70"/>
        <v>23</v>
      </c>
      <c r="I2285" s="12">
        <f t="shared" si="71"/>
        <v>9</v>
      </c>
    </row>
    <row r="2286" spans="1:35" s="5" customFormat="1" ht="27.75" customHeight="1" x14ac:dyDescent="0.4">
      <c r="A2286" s="9" t="s">
        <v>3503</v>
      </c>
      <c r="B2286" s="9" t="s">
        <v>4508</v>
      </c>
      <c r="C2286" s="9" t="s">
        <v>4509</v>
      </c>
      <c r="D2286" s="18">
        <v>1442440273</v>
      </c>
      <c r="E2286" s="11">
        <v>46660</v>
      </c>
      <c r="F2286" s="9" t="s">
        <v>40</v>
      </c>
      <c r="G2286" s="5">
        <v>2284</v>
      </c>
      <c r="H2286" s="12">
        <f t="shared" si="70"/>
        <v>22</v>
      </c>
      <c r="I2286" s="12">
        <f t="shared" si="71"/>
        <v>16</v>
      </c>
      <c r="J2286" s="12"/>
      <c r="K2286" s="12"/>
      <c r="L2286" s="12"/>
      <c r="M2286" s="12"/>
      <c r="N2286" s="12"/>
      <c r="O2286" s="12"/>
      <c r="P2286" s="12"/>
      <c r="Q2286" s="12"/>
      <c r="R2286" s="12"/>
      <c r="S2286" s="12"/>
      <c r="T2286" s="12"/>
      <c r="U2286" s="12"/>
      <c r="V2286" s="12"/>
      <c r="W2286" s="12"/>
      <c r="X2286" s="12"/>
      <c r="Y2286" s="12"/>
      <c r="Z2286" s="12"/>
      <c r="AA2286" s="12"/>
      <c r="AB2286" s="12"/>
      <c r="AC2286" s="12"/>
      <c r="AD2286" s="12"/>
      <c r="AE2286" s="12"/>
      <c r="AF2286" s="12"/>
      <c r="AG2286" s="12"/>
      <c r="AH2286" s="12"/>
      <c r="AI2286" s="12"/>
    </row>
    <row r="2287" spans="1:35" s="5" customFormat="1" ht="27.75" customHeight="1" x14ac:dyDescent="0.4">
      <c r="A2287" s="9" t="s">
        <v>3503</v>
      </c>
      <c r="B2287" s="9" t="s">
        <v>4510</v>
      </c>
      <c r="C2287" s="9" t="s">
        <v>4511</v>
      </c>
      <c r="D2287" s="18">
        <v>1442246650</v>
      </c>
      <c r="E2287" s="11">
        <v>47299</v>
      </c>
      <c r="F2287" s="9" t="s">
        <v>40</v>
      </c>
      <c r="G2287" s="12">
        <v>2285</v>
      </c>
      <c r="H2287" s="12">
        <f t="shared" si="70"/>
        <v>11</v>
      </c>
      <c r="I2287" s="12">
        <f t="shared" si="71"/>
        <v>8</v>
      </c>
    </row>
    <row r="2288" spans="1:35" s="5" customFormat="1" ht="27.75" customHeight="1" x14ac:dyDescent="0.4">
      <c r="A2288" s="9" t="s">
        <v>3503</v>
      </c>
      <c r="B2288" s="9" t="s">
        <v>4512</v>
      </c>
      <c r="C2288" s="9" t="s">
        <v>4513</v>
      </c>
      <c r="D2288" s="18">
        <v>1442240257</v>
      </c>
      <c r="E2288" s="11">
        <v>46507</v>
      </c>
      <c r="F2288" s="9" t="s">
        <v>40</v>
      </c>
      <c r="G2288" s="5">
        <v>2286</v>
      </c>
      <c r="H2288" s="12">
        <f t="shared" si="70"/>
        <v>21</v>
      </c>
      <c r="I2288" s="12">
        <f t="shared" si="71"/>
        <v>17</v>
      </c>
    </row>
    <row r="2289" spans="1:35" s="5" customFormat="1" ht="27.75" customHeight="1" x14ac:dyDescent="0.4">
      <c r="A2289" s="9" t="s">
        <v>3503</v>
      </c>
      <c r="B2289" s="15" t="s">
        <v>4514</v>
      </c>
      <c r="C2289" s="16" t="s">
        <v>4515</v>
      </c>
      <c r="D2289" s="10">
        <v>1442200855</v>
      </c>
      <c r="E2289" s="11">
        <v>46387</v>
      </c>
      <c r="F2289" s="9" t="s">
        <v>40</v>
      </c>
      <c r="G2289" s="12">
        <v>2287</v>
      </c>
      <c r="H2289" s="12">
        <f t="shared" si="70"/>
        <v>11</v>
      </c>
      <c r="I2289" s="12">
        <f t="shared" si="71"/>
        <v>9</v>
      </c>
    </row>
    <row r="2290" spans="1:35" s="5" customFormat="1" ht="27.75" customHeight="1" x14ac:dyDescent="0.4">
      <c r="A2290" s="9" t="s">
        <v>3503</v>
      </c>
      <c r="B2290" s="9" t="s">
        <v>4516</v>
      </c>
      <c r="C2290" s="9" t="s">
        <v>4517</v>
      </c>
      <c r="D2290" s="18">
        <v>1442284263</v>
      </c>
      <c r="E2290" s="11">
        <v>46446</v>
      </c>
      <c r="F2290" s="9" t="s">
        <v>40</v>
      </c>
      <c r="G2290" s="5">
        <v>2288</v>
      </c>
      <c r="H2290" s="12">
        <f t="shared" si="70"/>
        <v>22</v>
      </c>
      <c r="I2290" s="12">
        <f t="shared" si="71"/>
        <v>6</v>
      </c>
    </row>
    <row r="2291" spans="1:35" s="5" customFormat="1" ht="27.75" customHeight="1" x14ac:dyDescent="0.4">
      <c r="A2291" s="9" t="s">
        <v>3503</v>
      </c>
      <c r="B2291" s="9" t="s">
        <v>4518</v>
      </c>
      <c r="C2291" s="9" t="s">
        <v>4519</v>
      </c>
      <c r="D2291" s="18">
        <v>1442201960</v>
      </c>
      <c r="E2291" s="11">
        <v>46387</v>
      </c>
      <c r="F2291" s="9" t="s">
        <v>40</v>
      </c>
      <c r="G2291" s="12">
        <v>2289</v>
      </c>
      <c r="H2291" s="12">
        <f t="shared" si="70"/>
        <v>10</v>
      </c>
      <c r="I2291" s="12">
        <f t="shared" si="71"/>
        <v>11</v>
      </c>
    </row>
    <row r="2292" spans="1:35" s="5" customFormat="1" ht="27.75" customHeight="1" x14ac:dyDescent="0.4">
      <c r="A2292" s="9" t="s">
        <v>3503</v>
      </c>
      <c r="B2292" s="9" t="s">
        <v>4520</v>
      </c>
      <c r="C2292" s="9" t="s">
        <v>4521</v>
      </c>
      <c r="D2292" s="18">
        <v>1442240158</v>
      </c>
      <c r="E2292" s="11">
        <v>46387</v>
      </c>
      <c r="F2292" s="9" t="s">
        <v>40</v>
      </c>
      <c r="G2292" s="5">
        <v>2290</v>
      </c>
      <c r="H2292" s="12">
        <f t="shared" si="70"/>
        <v>11</v>
      </c>
      <c r="I2292" s="12">
        <f t="shared" si="71"/>
        <v>8</v>
      </c>
    </row>
    <row r="2293" spans="1:35" s="5" customFormat="1" ht="27.75" customHeight="1" x14ac:dyDescent="0.4">
      <c r="A2293" s="9" t="s">
        <v>3503</v>
      </c>
      <c r="B2293" s="9" t="s">
        <v>4522</v>
      </c>
      <c r="C2293" s="9" t="s">
        <v>4523</v>
      </c>
      <c r="D2293" s="18">
        <v>1442283737</v>
      </c>
      <c r="E2293" s="11">
        <v>46387</v>
      </c>
      <c r="F2293" s="9" t="s">
        <v>40</v>
      </c>
      <c r="G2293" s="12">
        <v>2291</v>
      </c>
      <c r="H2293" s="12">
        <f t="shared" si="70"/>
        <v>11</v>
      </c>
      <c r="I2293" s="12">
        <f t="shared" si="71"/>
        <v>12</v>
      </c>
    </row>
    <row r="2294" spans="1:35" s="5" customFormat="1" ht="27.75" customHeight="1" x14ac:dyDescent="0.4">
      <c r="A2294" s="9" t="s">
        <v>3503</v>
      </c>
      <c r="B2294" s="9" t="s">
        <v>4524</v>
      </c>
      <c r="C2294" s="9" t="s">
        <v>4525</v>
      </c>
      <c r="D2294" s="18">
        <v>1442202026</v>
      </c>
      <c r="E2294" s="11">
        <v>46387</v>
      </c>
      <c r="F2294" s="9" t="s">
        <v>40</v>
      </c>
      <c r="G2294" s="5">
        <v>2292</v>
      </c>
      <c r="H2294" s="12">
        <f t="shared" si="70"/>
        <v>12</v>
      </c>
      <c r="I2294" s="12">
        <f t="shared" si="71"/>
        <v>8</v>
      </c>
      <c r="J2294" s="12"/>
      <c r="K2294" s="12"/>
      <c r="L2294" s="12"/>
      <c r="M2294" s="12"/>
      <c r="N2294" s="12"/>
      <c r="O2294" s="12"/>
      <c r="P2294" s="12"/>
      <c r="Q2294" s="12"/>
      <c r="R2294" s="12"/>
      <c r="S2294" s="12"/>
      <c r="T2294" s="12"/>
      <c r="U2294" s="12"/>
      <c r="V2294" s="12"/>
      <c r="W2294" s="12"/>
      <c r="X2294" s="12"/>
      <c r="Y2294" s="12"/>
      <c r="Z2294" s="12"/>
      <c r="AA2294" s="12"/>
      <c r="AB2294" s="12"/>
      <c r="AC2294" s="12"/>
      <c r="AD2294" s="12"/>
      <c r="AE2294" s="12"/>
      <c r="AF2294" s="12"/>
      <c r="AG2294" s="12"/>
      <c r="AH2294" s="12"/>
      <c r="AI2294" s="12"/>
    </row>
    <row r="2295" spans="1:35" s="5" customFormat="1" ht="27.75" customHeight="1" x14ac:dyDescent="0.4">
      <c r="A2295" s="9" t="s">
        <v>3503</v>
      </c>
      <c r="B2295" s="9" t="s">
        <v>4526</v>
      </c>
      <c r="C2295" s="9" t="s">
        <v>4527</v>
      </c>
      <c r="D2295" s="18">
        <v>1442200426</v>
      </c>
      <c r="E2295" s="11">
        <v>46387</v>
      </c>
      <c r="F2295" s="9" t="s">
        <v>40</v>
      </c>
      <c r="G2295" s="12">
        <v>2293</v>
      </c>
      <c r="H2295" s="12">
        <f t="shared" si="70"/>
        <v>13</v>
      </c>
      <c r="I2295" s="12">
        <f t="shared" si="71"/>
        <v>4</v>
      </c>
    </row>
    <row r="2296" spans="1:35" s="5" customFormat="1" ht="27.75" customHeight="1" x14ac:dyDescent="0.4">
      <c r="A2296" s="9" t="s">
        <v>3503</v>
      </c>
      <c r="B2296" s="9" t="s">
        <v>4528</v>
      </c>
      <c r="C2296" s="9" t="s">
        <v>4529</v>
      </c>
      <c r="D2296" s="18">
        <v>1442240737</v>
      </c>
      <c r="E2296" s="11">
        <v>47573</v>
      </c>
      <c r="F2296" s="9" t="s">
        <v>40</v>
      </c>
      <c r="G2296" s="5">
        <v>2294</v>
      </c>
      <c r="H2296" s="12">
        <f t="shared" si="70"/>
        <v>11</v>
      </c>
      <c r="I2296" s="12">
        <f t="shared" si="71"/>
        <v>13</v>
      </c>
    </row>
    <row r="2297" spans="1:35" s="5" customFormat="1" ht="27.75" customHeight="1" x14ac:dyDescent="0.4">
      <c r="A2297" s="9" t="s">
        <v>3503</v>
      </c>
      <c r="B2297" s="9" t="s">
        <v>4530</v>
      </c>
      <c r="C2297" s="9" t="s">
        <v>4531</v>
      </c>
      <c r="D2297" s="18">
        <v>1442283489</v>
      </c>
      <c r="E2297" s="11">
        <v>47177</v>
      </c>
      <c r="F2297" s="9" t="s">
        <v>40</v>
      </c>
      <c r="G2297" s="12">
        <v>2295</v>
      </c>
      <c r="H2297" s="12">
        <f t="shared" si="70"/>
        <v>18</v>
      </c>
      <c r="I2297" s="12">
        <f t="shared" si="71"/>
        <v>6</v>
      </c>
    </row>
    <row r="2298" spans="1:35" s="5" customFormat="1" ht="27.75" customHeight="1" x14ac:dyDescent="0.4">
      <c r="A2298" s="9" t="s">
        <v>3503</v>
      </c>
      <c r="B2298" s="9" t="s">
        <v>4532</v>
      </c>
      <c r="C2298" s="9" t="s">
        <v>4533</v>
      </c>
      <c r="D2298" s="18">
        <v>1442240950</v>
      </c>
      <c r="E2298" s="11">
        <v>48304</v>
      </c>
      <c r="F2298" s="9" t="s">
        <v>40</v>
      </c>
      <c r="G2298" s="5">
        <v>2296</v>
      </c>
      <c r="H2298" s="12">
        <f t="shared" si="70"/>
        <v>13</v>
      </c>
      <c r="I2298" s="12">
        <f t="shared" si="71"/>
        <v>5</v>
      </c>
    </row>
    <row r="2299" spans="1:35" s="5" customFormat="1" ht="27.75" customHeight="1" x14ac:dyDescent="0.4">
      <c r="A2299" s="9" t="s">
        <v>3503</v>
      </c>
      <c r="B2299" s="9" t="s">
        <v>4534</v>
      </c>
      <c r="C2299" s="9" t="s">
        <v>4535</v>
      </c>
      <c r="D2299" s="18">
        <v>1442202133</v>
      </c>
      <c r="E2299" s="11">
        <v>46387</v>
      </c>
      <c r="F2299" s="9" t="s">
        <v>40</v>
      </c>
      <c r="G2299" s="12">
        <v>2297</v>
      </c>
      <c r="H2299" s="12">
        <f t="shared" si="70"/>
        <v>12</v>
      </c>
      <c r="I2299" s="12">
        <f t="shared" si="71"/>
        <v>8</v>
      </c>
    </row>
    <row r="2300" spans="1:35" s="5" customFormat="1" ht="27.75" customHeight="1" x14ac:dyDescent="0.4">
      <c r="A2300" s="9" t="s">
        <v>3503</v>
      </c>
      <c r="B2300" s="9" t="s">
        <v>4536</v>
      </c>
      <c r="C2300" s="9" t="s">
        <v>4537</v>
      </c>
      <c r="D2300" s="18">
        <v>1442240943</v>
      </c>
      <c r="E2300" s="11">
        <v>48273</v>
      </c>
      <c r="F2300" s="9" t="s">
        <v>40</v>
      </c>
      <c r="G2300" s="5">
        <v>2298</v>
      </c>
      <c r="H2300" s="12">
        <f t="shared" si="70"/>
        <v>11</v>
      </c>
      <c r="I2300" s="12">
        <f t="shared" si="71"/>
        <v>10</v>
      </c>
    </row>
    <row r="2301" spans="1:35" s="5" customFormat="1" ht="27.75" customHeight="1" x14ac:dyDescent="0.4">
      <c r="A2301" s="9" t="s">
        <v>3503</v>
      </c>
      <c r="B2301" s="14" t="s">
        <v>4538</v>
      </c>
      <c r="C2301" s="9" t="s">
        <v>4539</v>
      </c>
      <c r="D2301" s="18">
        <v>1442240661</v>
      </c>
      <c r="E2301" s="11">
        <v>47269</v>
      </c>
      <c r="F2301" s="9" t="s">
        <v>40</v>
      </c>
      <c r="G2301" s="12">
        <v>2299</v>
      </c>
      <c r="H2301" s="12">
        <f t="shared" si="70"/>
        <v>11</v>
      </c>
      <c r="I2301" s="12">
        <f t="shared" si="71"/>
        <v>5</v>
      </c>
    </row>
    <row r="2302" spans="1:35" s="5" customFormat="1" ht="27.75" customHeight="1" x14ac:dyDescent="0.4">
      <c r="A2302" s="9" t="s">
        <v>3503</v>
      </c>
      <c r="B2302" s="9" t="s">
        <v>4540</v>
      </c>
      <c r="C2302" s="9" t="s">
        <v>4541</v>
      </c>
      <c r="D2302" s="18">
        <v>1442283943</v>
      </c>
      <c r="E2302" s="11">
        <v>46507</v>
      </c>
      <c r="F2302" s="9" t="s">
        <v>40</v>
      </c>
      <c r="G2302" s="5">
        <v>2300</v>
      </c>
      <c r="H2302" s="12">
        <f t="shared" si="70"/>
        <v>19</v>
      </c>
      <c r="I2302" s="12">
        <f t="shared" si="71"/>
        <v>5</v>
      </c>
    </row>
    <row r="2303" spans="1:35" s="5" customFormat="1" ht="27.75" customHeight="1" x14ac:dyDescent="0.4">
      <c r="A2303" s="9" t="s">
        <v>3503</v>
      </c>
      <c r="B2303" s="13" t="s">
        <v>4542</v>
      </c>
      <c r="C2303" s="9" t="s">
        <v>4543</v>
      </c>
      <c r="D2303" s="18">
        <v>1442240521</v>
      </c>
      <c r="E2303" s="11">
        <v>48304</v>
      </c>
      <c r="F2303" s="9" t="s">
        <v>40</v>
      </c>
      <c r="G2303" s="12">
        <v>2301</v>
      </c>
      <c r="H2303" s="12">
        <f t="shared" si="70"/>
        <v>13</v>
      </c>
      <c r="I2303" s="12">
        <f t="shared" si="71"/>
        <v>17</v>
      </c>
    </row>
    <row r="2304" spans="1:35" s="5" customFormat="1" ht="27.75" customHeight="1" x14ac:dyDescent="0.4">
      <c r="A2304" s="9" t="s">
        <v>3503</v>
      </c>
      <c r="B2304" s="9" t="s">
        <v>4544</v>
      </c>
      <c r="C2304" s="9" t="s">
        <v>4545</v>
      </c>
      <c r="D2304" s="18">
        <v>1442247054</v>
      </c>
      <c r="E2304" s="11">
        <v>48244</v>
      </c>
      <c r="F2304" s="9" t="s">
        <v>40</v>
      </c>
      <c r="G2304" s="5">
        <v>2302</v>
      </c>
      <c r="H2304" s="12">
        <f t="shared" si="70"/>
        <v>13</v>
      </c>
      <c r="I2304" s="12">
        <f t="shared" si="71"/>
        <v>5</v>
      </c>
    </row>
    <row r="2305" spans="1:35" s="5" customFormat="1" ht="27.75" customHeight="1" x14ac:dyDescent="0.4">
      <c r="A2305" s="9" t="s">
        <v>3503</v>
      </c>
      <c r="B2305" s="9" t="s">
        <v>4546</v>
      </c>
      <c r="C2305" s="9" t="s">
        <v>1097</v>
      </c>
      <c r="D2305" s="18">
        <v>1442202299</v>
      </c>
      <c r="E2305" s="11">
        <v>46387</v>
      </c>
      <c r="F2305" s="9" t="s">
        <v>40</v>
      </c>
      <c r="G2305" s="12">
        <v>2303</v>
      </c>
      <c r="H2305" s="12">
        <f t="shared" si="70"/>
        <v>11</v>
      </c>
      <c r="I2305" s="12">
        <f t="shared" si="71"/>
        <v>9</v>
      </c>
    </row>
    <row r="2306" spans="1:35" s="5" customFormat="1" ht="27.75" customHeight="1" x14ac:dyDescent="0.4">
      <c r="A2306" s="13" t="s">
        <v>3503</v>
      </c>
      <c r="B2306" s="9" t="s">
        <v>4547</v>
      </c>
      <c r="C2306" s="9" t="s">
        <v>4548</v>
      </c>
      <c r="D2306" s="18">
        <v>1442240893</v>
      </c>
      <c r="E2306" s="11">
        <v>48244</v>
      </c>
      <c r="F2306" s="9" t="s">
        <v>40</v>
      </c>
      <c r="G2306" s="5">
        <v>2304</v>
      </c>
      <c r="H2306" s="12">
        <f t="shared" si="70"/>
        <v>13</v>
      </c>
      <c r="I2306" s="12">
        <f t="shared" si="71"/>
        <v>11</v>
      </c>
    </row>
    <row r="2307" spans="1:35" s="5" customFormat="1" ht="27.75" customHeight="1" x14ac:dyDescent="0.4">
      <c r="A2307" s="9" t="s">
        <v>3503</v>
      </c>
      <c r="B2307" s="13" t="s">
        <v>4549</v>
      </c>
      <c r="C2307" s="13" t="s">
        <v>4550</v>
      </c>
      <c r="D2307" s="18">
        <v>1442240885</v>
      </c>
      <c r="E2307" s="11">
        <v>48244</v>
      </c>
      <c r="F2307" s="9" t="s">
        <v>40</v>
      </c>
      <c r="G2307" s="12">
        <v>2305</v>
      </c>
      <c r="H2307" s="12">
        <f t="shared" si="70"/>
        <v>12</v>
      </c>
      <c r="I2307" s="12">
        <f t="shared" si="71"/>
        <v>14</v>
      </c>
    </row>
    <row r="2308" spans="1:35" s="5" customFormat="1" ht="27.75" customHeight="1" x14ac:dyDescent="0.4">
      <c r="A2308" s="9" t="s">
        <v>3503</v>
      </c>
      <c r="B2308" s="15" t="s">
        <v>4551</v>
      </c>
      <c r="C2308" s="16" t="s">
        <v>4552</v>
      </c>
      <c r="D2308" s="10">
        <v>1442283539</v>
      </c>
      <c r="E2308" s="11">
        <v>46387</v>
      </c>
      <c r="F2308" s="9" t="s">
        <v>40</v>
      </c>
      <c r="G2308" s="5">
        <v>2306</v>
      </c>
      <c r="H2308" s="12">
        <f t="shared" ref="H2308:H2371" si="72">LEN(C2308)</f>
        <v>10</v>
      </c>
      <c r="I2308" s="12">
        <f t="shared" ref="I2308:I2371" si="73">LEN(B2308)</f>
        <v>13</v>
      </c>
    </row>
    <row r="2309" spans="1:35" s="24" customFormat="1" ht="27.75" customHeight="1" x14ac:dyDescent="0.4">
      <c r="A2309" s="9" t="s">
        <v>3503</v>
      </c>
      <c r="B2309" s="15" t="s">
        <v>4553</v>
      </c>
      <c r="C2309" s="16" t="s">
        <v>1115</v>
      </c>
      <c r="D2309" s="10">
        <v>1442246783</v>
      </c>
      <c r="E2309" s="11">
        <v>47634</v>
      </c>
      <c r="F2309" s="9" t="s">
        <v>40</v>
      </c>
      <c r="G2309" s="12">
        <v>2307</v>
      </c>
      <c r="H2309" s="12">
        <f t="shared" si="72"/>
        <v>10</v>
      </c>
      <c r="I2309" s="12">
        <f t="shared" si="73"/>
        <v>7</v>
      </c>
      <c r="J2309" s="5"/>
      <c r="K2309" s="5"/>
      <c r="L2309" s="5"/>
      <c r="M2309" s="5"/>
      <c r="N2309" s="5"/>
      <c r="O2309" s="5"/>
      <c r="P2309" s="5"/>
      <c r="Q2309" s="5"/>
      <c r="R2309" s="5"/>
      <c r="S2309" s="5"/>
      <c r="T2309" s="5"/>
      <c r="U2309" s="5"/>
      <c r="V2309" s="5"/>
      <c r="W2309" s="5"/>
      <c r="X2309" s="5"/>
      <c r="Y2309" s="5"/>
      <c r="Z2309" s="5"/>
      <c r="AA2309" s="5"/>
      <c r="AB2309" s="5"/>
      <c r="AC2309" s="5"/>
      <c r="AD2309" s="5"/>
      <c r="AE2309" s="5"/>
      <c r="AF2309" s="5"/>
      <c r="AG2309" s="5"/>
      <c r="AH2309" s="5"/>
      <c r="AI2309" s="5"/>
    </row>
    <row r="2310" spans="1:35" s="5" customFormat="1" ht="27.75" customHeight="1" x14ac:dyDescent="0.4">
      <c r="A2310" s="13" t="s">
        <v>3503</v>
      </c>
      <c r="B2310" s="9" t="s">
        <v>4554</v>
      </c>
      <c r="C2310" s="9" t="s">
        <v>1117</v>
      </c>
      <c r="D2310" s="18">
        <v>1442246387</v>
      </c>
      <c r="E2310" s="11">
        <v>47938</v>
      </c>
      <c r="F2310" s="9" t="s">
        <v>40</v>
      </c>
      <c r="G2310" s="5">
        <v>2308</v>
      </c>
      <c r="H2310" s="12">
        <f t="shared" si="72"/>
        <v>8</v>
      </c>
      <c r="I2310" s="12">
        <f t="shared" si="73"/>
        <v>8</v>
      </c>
    </row>
    <row r="2311" spans="1:35" s="5" customFormat="1" ht="27.75" customHeight="1" x14ac:dyDescent="0.4">
      <c r="A2311" s="13" t="s">
        <v>3503</v>
      </c>
      <c r="B2311" s="9" t="s">
        <v>4555</v>
      </c>
      <c r="C2311" s="9" t="s">
        <v>4556</v>
      </c>
      <c r="D2311" s="18">
        <v>1442284149</v>
      </c>
      <c r="E2311" s="11">
        <v>46387</v>
      </c>
      <c r="F2311" s="9" t="s">
        <v>40</v>
      </c>
      <c r="G2311" s="12">
        <v>2309</v>
      </c>
      <c r="H2311" s="12">
        <f t="shared" si="72"/>
        <v>22</v>
      </c>
      <c r="I2311" s="12">
        <f t="shared" si="73"/>
        <v>9</v>
      </c>
    </row>
    <row r="2312" spans="1:35" s="5" customFormat="1" ht="27.75" customHeight="1" x14ac:dyDescent="0.4">
      <c r="A2312" s="13" t="s">
        <v>3503</v>
      </c>
      <c r="B2312" s="9" t="s">
        <v>4557</v>
      </c>
      <c r="C2312" s="9" t="s">
        <v>4558</v>
      </c>
      <c r="D2312" s="18">
        <v>1442201994</v>
      </c>
      <c r="E2312" s="11">
        <v>46568</v>
      </c>
      <c r="F2312" s="9" t="s">
        <v>40</v>
      </c>
      <c r="G2312" s="5">
        <v>2310</v>
      </c>
      <c r="H2312" s="12">
        <f t="shared" si="72"/>
        <v>8</v>
      </c>
      <c r="I2312" s="12">
        <f t="shared" si="73"/>
        <v>7</v>
      </c>
    </row>
    <row r="2313" spans="1:35" s="5" customFormat="1" ht="27.75" customHeight="1" x14ac:dyDescent="0.4">
      <c r="A2313" s="13" t="s">
        <v>3503</v>
      </c>
      <c r="B2313" s="16" t="s">
        <v>4559</v>
      </c>
      <c r="C2313" s="16" t="s">
        <v>4560</v>
      </c>
      <c r="D2313" s="10">
        <v>1442282846</v>
      </c>
      <c r="E2313" s="11">
        <v>46387</v>
      </c>
      <c r="F2313" s="9" t="s">
        <v>40</v>
      </c>
      <c r="G2313" s="12">
        <v>2311</v>
      </c>
      <c r="H2313" s="12">
        <f t="shared" si="72"/>
        <v>8</v>
      </c>
      <c r="I2313" s="12">
        <f t="shared" si="73"/>
        <v>8</v>
      </c>
    </row>
    <row r="2314" spans="1:35" s="5" customFormat="1" ht="27.75" customHeight="1" x14ac:dyDescent="0.4">
      <c r="A2314" s="15" t="s">
        <v>3503</v>
      </c>
      <c r="B2314" s="15" t="s">
        <v>4561</v>
      </c>
      <c r="C2314" s="15" t="s">
        <v>4562</v>
      </c>
      <c r="D2314" s="21">
        <v>1442283695</v>
      </c>
      <c r="E2314" s="11">
        <v>46387</v>
      </c>
      <c r="F2314" s="9" t="s">
        <v>40</v>
      </c>
      <c r="G2314" s="5">
        <v>2312</v>
      </c>
      <c r="H2314" s="12">
        <f t="shared" si="72"/>
        <v>8</v>
      </c>
      <c r="I2314" s="12">
        <f t="shared" si="73"/>
        <v>15</v>
      </c>
    </row>
    <row r="2315" spans="1:35" s="5" customFormat="1" ht="27.75" customHeight="1" x14ac:dyDescent="0.4">
      <c r="A2315" s="13" t="s">
        <v>3503</v>
      </c>
      <c r="B2315" s="9" t="s">
        <v>4563</v>
      </c>
      <c r="C2315" s="9" t="s">
        <v>4564</v>
      </c>
      <c r="D2315" s="18">
        <v>1442240406</v>
      </c>
      <c r="E2315" s="11">
        <v>46904</v>
      </c>
      <c r="F2315" s="9" t="s">
        <v>40</v>
      </c>
      <c r="G2315" s="12">
        <v>2313</v>
      </c>
      <c r="H2315" s="12">
        <f t="shared" si="72"/>
        <v>11</v>
      </c>
      <c r="I2315" s="12">
        <f t="shared" si="73"/>
        <v>6</v>
      </c>
    </row>
    <row r="2316" spans="1:35" s="5" customFormat="1" ht="27.75" customHeight="1" x14ac:dyDescent="0.4">
      <c r="A2316" s="9" t="s">
        <v>3503</v>
      </c>
      <c r="B2316" s="9" t="s">
        <v>4565</v>
      </c>
      <c r="C2316" s="9" t="s">
        <v>4566</v>
      </c>
      <c r="D2316" s="18">
        <v>1442246981</v>
      </c>
      <c r="E2316" s="11">
        <v>48091</v>
      </c>
      <c r="F2316" s="9" t="s">
        <v>40</v>
      </c>
      <c r="G2316" s="5">
        <v>2314</v>
      </c>
      <c r="H2316" s="12">
        <f t="shared" si="72"/>
        <v>10</v>
      </c>
      <c r="I2316" s="12">
        <f t="shared" si="73"/>
        <v>12</v>
      </c>
    </row>
    <row r="2317" spans="1:35" s="28" customFormat="1" ht="27.75" customHeight="1" x14ac:dyDescent="0.4">
      <c r="A2317" s="9" t="s">
        <v>3503</v>
      </c>
      <c r="B2317" s="9" t="s">
        <v>4567</v>
      </c>
      <c r="C2317" s="9" t="s">
        <v>4568</v>
      </c>
      <c r="D2317" s="18">
        <v>1442240414</v>
      </c>
      <c r="E2317" s="11">
        <v>46387</v>
      </c>
      <c r="F2317" s="9" t="s">
        <v>40</v>
      </c>
      <c r="G2317" s="12">
        <v>2315</v>
      </c>
      <c r="H2317" s="12">
        <f t="shared" si="72"/>
        <v>10</v>
      </c>
      <c r="I2317" s="12">
        <f t="shared" si="73"/>
        <v>6</v>
      </c>
      <c r="J2317" s="5"/>
      <c r="K2317" s="5"/>
      <c r="L2317" s="5"/>
      <c r="M2317" s="5"/>
      <c r="N2317" s="5"/>
      <c r="O2317" s="5"/>
      <c r="P2317" s="5"/>
      <c r="Q2317" s="5"/>
      <c r="R2317" s="5"/>
      <c r="S2317" s="5"/>
      <c r="T2317" s="5"/>
      <c r="U2317" s="5"/>
      <c r="V2317" s="5"/>
      <c r="W2317" s="5"/>
      <c r="X2317" s="5"/>
      <c r="Y2317" s="5"/>
      <c r="Z2317" s="5"/>
      <c r="AA2317" s="5"/>
      <c r="AB2317" s="5"/>
      <c r="AC2317" s="5"/>
      <c r="AD2317" s="5"/>
      <c r="AE2317" s="5"/>
      <c r="AF2317" s="5"/>
      <c r="AG2317" s="5"/>
      <c r="AH2317" s="5"/>
      <c r="AI2317" s="5"/>
    </row>
    <row r="2318" spans="1:35" s="28" customFormat="1" ht="27.75" customHeight="1" x14ac:dyDescent="0.4">
      <c r="A2318" s="9" t="s">
        <v>3503</v>
      </c>
      <c r="B2318" s="9" t="s">
        <v>4569</v>
      </c>
      <c r="C2318" s="9" t="s">
        <v>4570</v>
      </c>
      <c r="D2318" s="18">
        <v>1442201911</v>
      </c>
      <c r="E2318" s="11">
        <v>46387</v>
      </c>
      <c r="F2318" s="9" t="s">
        <v>40</v>
      </c>
      <c r="G2318" s="5">
        <v>2316</v>
      </c>
      <c r="H2318" s="12">
        <f t="shared" si="72"/>
        <v>27</v>
      </c>
      <c r="I2318" s="12">
        <f t="shared" si="73"/>
        <v>5</v>
      </c>
      <c r="J2318" s="5"/>
      <c r="K2318" s="5"/>
      <c r="L2318" s="5"/>
      <c r="M2318" s="5"/>
      <c r="N2318" s="5"/>
      <c r="O2318" s="5"/>
      <c r="P2318" s="5"/>
      <c r="Q2318" s="5"/>
      <c r="R2318" s="5"/>
      <c r="S2318" s="5"/>
      <c r="T2318" s="5"/>
      <c r="U2318" s="5"/>
      <c r="V2318" s="5"/>
      <c r="W2318" s="5"/>
      <c r="X2318" s="5"/>
      <c r="Y2318" s="5"/>
      <c r="Z2318" s="5"/>
      <c r="AA2318" s="5"/>
      <c r="AB2318" s="5"/>
      <c r="AC2318" s="5"/>
      <c r="AD2318" s="5"/>
      <c r="AE2318" s="5"/>
      <c r="AF2318" s="5"/>
      <c r="AG2318" s="5"/>
      <c r="AH2318" s="5"/>
      <c r="AI2318" s="5"/>
    </row>
    <row r="2319" spans="1:35" s="28" customFormat="1" ht="27.75" customHeight="1" x14ac:dyDescent="0.4">
      <c r="A2319" s="9" t="s">
        <v>3503</v>
      </c>
      <c r="B2319" s="9" t="s">
        <v>4571</v>
      </c>
      <c r="C2319" s="9" t="s">
        <v>4572</v>
      </c>
      <c r="D2319" s="18">
        <v>1442201895</v>
      </c>
      <c r="E2319" s="11">
        <v>46387</v>
      </c>
      <c r="F2319" s="9" t="s">
        <v>40</v>
      </c>
      <c r="G2319" s="12">
        <v>2317</v>
      </c>
      <c r="H2319" s="12">
        <f t="shared" si="72"/>
        <v>10</v>
      </c>
      <c r="I2319" s="12">
        <f t="shared" si="73"/>
        <v>6</v>
      </c>
      <c r="J2319" s="5"/>
      <c r="K2319" s="5"/>
      <c r="L2319" s="5"/>
      <c r="M2319" s="5"/>
      <c r="N2319" s="5"/>
      <c r="O2319" s="5"/>
      <c r="P2319" s="5"/>
      <c r="Q2319" s="5"/>
      <c r="R2319" s="5"/>
      <c r="S2319" s="5"/>
      <c r="T2319" s="5"/>
      <c r="U2319" s="5"/>
      <c r="V2319" s="5"/>
      <c r="W2319" s="5"/>
      <c r="X2319" s="5"/>
      <c r="Y2319" s="5"/>
      <c r="Z2319" s="5"/>
      <c r="AA2319" s="5"/>
      <c r="AB2319" s="5"/>
      <c r="AC2319" s="5"/>
      <c r="AD2319" s="5"/>
      <c r="AE2319" s="5"/>
      <c r="AF2319" s="5"/>
      <c r="AG2319" s="5"/>
      <c r="AH2319" s="5"/>
      <c r="AI2319" s="5"/>
    </row>
    <row r="2320" spans="1:35" s="28" customFormat="1" ht="27.75" customHeight="1" x14ac:dyDescent="0.4">
      <c r="A2320" s="9" t="s">
        <v>3503</v>
      </c>
      <c r="B2320" s="9" t="s">
        <v>4573</v>
      </c>
      <c r="C2320" s="9" t="s">
        <v>4574</v>
      </c>
      <c r="D2320" s="18">
        <v>1442201143</v>
      </c>
      <c r="E2320" s="11">
        <v>46387</v>
      </c>
      <c r="F2320" s="9" t="s">
        <v>40</v>
      </c>
      <c r="G2320" s="5">
        <v>2318</v>
      </c>
      <c r="H2320" s="12">
        <f t="shared" si="72"/>
        <v>13</v>
      </c>
      <c r="I2320" s="12">
        <f t="shared" si="73"/>
        <v>6</v>
      </c>
      <c r="J2320" s="5"/>
      <c r="K2320" s="5"/>
      <c r="L2320" s="5"/>
      <c r="M2320" s="5"/>
      <c r="N2320" s="5"/>
      <c r="O2320" s="5"/>
      <c r="P2320" s="5"/>
      <c r="Q2320" s="5"/>
      <c r="R2320" s="5"/>
      <c r="S2320" s="5"/>
      <c r="T2320" s="5"/>
      <c r="U2320" s="5"/>
      <c r="V2320" s="5"/>
      <c r="W2320" s="5"/>
      <c r="X2320" s="5"/>
      <c r="Y2320" s="5"/>
      <c r="Z2320" s="5"/>
      <c r="AA2320" s="5"/>
      <c r="AB2320" s="5"/>
      <c r="AC2320" s="5"/>
      <c r="AD2320" s="5"/>
      <c r="AE2320" s="5"/>
      <c r="AF2320" s="5"/>
      <c r="AG2320" s="5"/>
      <c r="AH2320" s="5"/>
      <c r="AI2320" s="5"/>
    </row>
    <row r="2321" spans="1:35" s="28" customFormat="1" ht="27.75" customHeight="1" x14ac:dyDescent="0.4">
      <c r="A2321" s="9" t="s">
        <v>3503</v>
      </c>
      <c r="B2321" s="9" t="s">
        <v>4575</v>
      </c>
      <c r="C2321" s="9" t="s">
        <v>4576</v>
      </c>
      <c r="D2321" s="18">
        <v>1442240463</v>
      </c>
      <c r="E2321" s="11">
        <v>47118</v>
      </c>
      <c r="F2321" s="9" t="s">
        <v>40</v>
      </c>
      <c r="G2321" s="12">
        <v>2319</v>
      </c>
      <c r="H2321" s="12">
        <f t="shared" si="72"/>
        <v>13</v>
      </c>
      <c r="I2321" s="12">
        <f t="shared" si="73"/>
        <v>10</v>
      </c>
      <c r="J2321" s="5"/>
      <c r="K2321" s="5"/>
      <c r="L2321" s="5"/>
      <c r="M2321" s="5"/>
      <c r="N2321" s="5"/>
      <c r="O2321" s="5"/>
      <c r="P2321" s="5"/>
      <c r="Q2321" s="5"/>
      <c r="R2321" s="5"/>
      <c r="S2321" s="5"/>
      <c r="T2321" s="5"/>
      <c r="U2321" s="5"/>
      <c r="V2321" s="5"/>
      <c r="W2321" s="5"/>
      <c r="X2321" s="5"/>
      <c r="Y2321" s="5"/>
      <c r="Z2321" s="5"/>
      <c r="AA2321" s="5"/>
      <c r="AB2321" s="5"/>
      <c r="AC2321" s="5"/>
      <c r="AD2321" s="5"/>
      <c r="AE2321" s="5"/>
      <c r="AF2321" s="5"/>
      <c r="AG2321" s="5"/>
      <c r="AH2321" s="5"/>
      <c r="AI2321" s="5"/>
    </row>
    <row r="2322" spans="1:35" s="28" customFormat="1" ht="27.75" customHeight="1" x14ac:dyDescent="0.4">
      <c r="A2322" s="9" t="s">
        <v>3503</v>
      </c>
      <c r="B2322" s="9" t="s">
        <v>4577</v>
      </c>
      <c r="C2322" s="9" t="s">
        <v>4578</v>
      </c>
      <c r="D2322" s="18">
        <v>1442240562</v>
      </c>
      <c r="E2322" s="11">
        <v>46387</v>
      </c>
      <c r="F2322" s="9" t="s">
        <v>40</v>
      </c>
      <c r="G2322" s="5">
        <v>2320</v>
      </c>
      <c r="H2322" s="12">
        <f t="shared" si="72"/>
        <v>11</v>
      </c>
      <c r="I2322" s="12">
        <f t="shared" si="73"/>
        <v>7</v>
      </c>
      <c r="J2322" s="5"/>
      <c r="K2322" s="5"/>
      <c r="L2322" s="5"/>
      <c r="M2322" s="5"/>
      <c r="N2322" s="5"/>
      <c r="O2322" s="5"/>
      <c r="P2322" s="5"/>
      <c r="Q2322" s="5"/>
      <c r="R2322" s="5"/>
      <c r="S2322" s="5"/>
      <c r="T2322" s="5"/>
      <c r="U2322" s="5"/>
      <c r="V2322" s="5"/>
      <c r="W2322" s="5"/>
      <c r="X2322" s="5"/>
      <c r="Y2322" s="5"/>
      <c r="Z2322" s="5"/>
      <c r="AA2322" s="5"/>
      <c r="AB2322" s="5"/>
      <c r="AC2322" s="5"/>
      <c r="AD2322" s="5"/>
      <c r="AE2322" s="5"/>
      <c r="AF2322" s="5"/>
      <c r="AG2322" s="5"/>
      <c r="AH2322" s="5"/>
      <c r="AI2322" s="5"/>
    </row>
    <row r="2323" spans="1:35" s="28" customFormat="1" ht="27.75" customHeight="1" x14ac:dyDescent="0.4">
      <c r="A2323" s="9" t="s">
        <v>3503</v>
      </c>
      <c r="B2323" s="9" t="s">
        <v>4579</v>
      </c>
      <c r="C2323" s="9" t="s">
        <v>4580</v>
      </c>
      <c r="D2323" s="18">
        <v>1442240075</v>
      </c>
      <c r="E2323" s="11">
        <v>46387</v>
      </c>
      <c r="F2323" s="9" t="s">
        <v>40</v>
      </c>
      <c r="G2323" s="12">
        <v>2321</v>
      </c>
      <c r="H2323" s="12">
        <f t="shared" si="72"/>
        <v>19</v>
      </c>
      <c r="I2323" s="12">
        <f t="shared" si="73"/>
        <v>8</v>
      </c>
      <c r="J2323" s="5"/>
      <c r="K2323" s="5"/>
      <c r="L2323" s="5"/>
      <c r="M2323" s="5"/>
      <c r="N2323" s="5"/>
      <c r="O2323" s="5"/>
      <c r="P2323" s="5"/>
      <c r="Q2323" s="5"/>
      <c r="R2323" s="5"/>
      <c r="S2323" s="5"/>
      <c r="T2323" s="5"/>
      <c r="U2323" s="5"/>
      <c r="V2323" s="5"/>
      <c r="W2323" s="5"/>
      <c r="X2323" s="5"/>
      <c r="Y2323" s="5"/>
      <c r="Z2323" s="5"/>
      <c r="AA2323" s="5"/>
      <c r="AB2323" s="5"/>
      <c r="AC2323" s="5"/>
      <c r="AD2323" s="5"/>
      <c r="AE2323" s="5"/>
      <c r="AF2323" s="5"/>
      <c r="AG2323" s="5"/>
      <c r="AH2323" s="5"/>
      <c r="AI2323" s="5"/>
    </row>
    <row r="2324" spans="1:35" s="28" customFormat="1" ht="27.75" customHeight="1" x14ac:dyDescent="0.4">
      <c r="A2324" s="9" t="s">
        <v>3503</v>
      </c>
      <c r="B2324" s="9" t="s">
        <v>4581</v>
      </c>
      <c r="C2324" s="9" t="s">
        <v>4582</v>
      </c>
      <c r="D2324" s="18">
        <v>1442284198</v>
      </c>
      <c r="E2324" s="11">
        <v>46387</v>
      </c>
      <c r="F2324" s="9" t="s">
        <v>40</v>
      </c>
      <c r="G2324" s="5">
        <v>2322</v>
      </c>
      <c r="H2324" s="12">
        <f t="shared" si="72"/>
        <v>10</v>
      </c>
      <c r="I2324" s="12">
        <f t="shared" si="73"/>
        <v>9</v>
      </c>
      <c r="J2324" s="5"/>
      <c r="K2324" s="5"/>
      <c r="L2324" s="5"/>
      <c r="M2324" s="5"/>
      <c r="N2324" s="5"/>
      <c r="O2324" s="5"/>
      <c r="P2324" s="5"/>
      <c r="Q2324" s="5"/>
      <c r="R2324" s="5"/>
      <c r="S2324" s="5"/>
      <c r="T2324" s="5"/>
      <c r="U2324" s="5"/>
      <c r="V2324" s="5"/>
      <c r="W2324" s="5"/>
      <c r="X2324" s="5"/>
      <c r="Y2324" s="5"/>
      <c r="Z2324" s="5"/>
      <c r="AA2324" s="5"/>
      <c r="AB2324" s="5"/>
      <c r="AC2324" s="5"/>
      <c r="AD2324" s="5"/>
      <c r="AE2324" s="5"/>
      <c r="AF2324" s="5"/>
      <c r="AG2324" s="5"/>
      <c r="AH2324" s="5"/>
      <c r="AI2324" s="5"/>
    </row>
    <row r="2325" spans="1:35" s="28" customFormat="1" ht="27.75" customHeight="1" x14ac:dyDescent="0.4">
      <c r="A2325" s="29" t="s">
        <v>3503</v>
      </c>
      <c r="B2325" s="29" t="s">
        <v>4583</v>
      </c>
      <c r="C2325" s="22" t="s">
        <v>4584</v>
      </c>
      <c r="D2325" s="10">
        <v>1442246841</v>
      </c>
      <c r="E2325" s="11">
        <v>47664</v>
      </c>
      <c r="F2325" s="9" t="s">
        <v>40</v>
      </c>
      <c r="G2325" s="12">
        <v>2323</v>
      </c>
      <c r="H2325" s="12">
        <f t="shared" si="72"/>
        <v>14</v>
      </c>
      <c r="I2325" s="12">
        <f t="shared" si="73"/>
        <v>7</v>
      </c>
      <c r="J2325" s="5"/>
      <c r="K2325" s="5"/>
      <c r="L2325" s="5"/>
      <c r="M2325" s="5"/>
      <c r="N2325" s="5"/>
      <c r="O2325" s="5"/>
      <c r="P2325" s="5"/>
      <c r="Q2325" s="5"/>
      <c r="R2325" s="5"/>
      <c r="S2325" s="5"/>
      <c r="T2325" s="5"/>
      <c r="U2325" s="5"/>
      <c r="V2325" s="5"/>
      <c r="W2325" s="5"/>
      <c r="X2325" s="5"/>
      <c r="Y2325" s="5"/>
      <c r="Z2325" s="5"/>
      <c r="AA2325" s="5"/>
      <c r="AB2325" s="5"/>
      <c r="AC2325" s="5"/>
      <c r="AD2325" s="5"/>
      <c r="AE2325" s="5"/>
      <c r="AF2325" s="5"/>
      <c r="AG2325" s="5"/>
      <c r="AH2325" s="5"/>
      <c r="AI2325" s="5"/>
    </row>
    <row r="2326" spans="1:35" s="24" customFormat="1" ht="27.75" customHeight="1" x14ac:dyDescent="0.4">
      <c r="A2326" s="9" t="s">
        <v>3503</v>
      </c>
      <c r="B2326" s="9" t="s">
        <v>4585</v>
      </c>
      <c r="C2326" s="9" t="s">
        <v>4586</v>
      </c>
      <c r="D2326" s="18">
        <v>1442246494</v>
      </c>
      <c r="E2326" s="11">
        <v>48213</v>
      </c>
      <c r="F2326" s="9" t="s">
        <v>40</v>
      </c>
      <c r="G2326" s="5">
        <v>2324</v>
      </c>
      <c r="H2326" s="12">
        <f t="shared" si="72"/>
        <v>22</v>
      </c>
      <c r="I2326" s="12">
        <f t="shared" si="73"/>
        <v>11</v>
      </c>
      <c r="J2326" s="5"/>
      <c r="K2326" s="5"/>
      <c r="L2326" s="5"/>
      <c r="M2326" s="5"/>
      <c r="N2326" s="5"/>
      <c r="O2326" s="5"/>
      <c r="P2326" s="5"/>
      <c r="Q2326" s="5"/>
      <c r="R2326" s="5"/>
      <c r="S2326" s="5"/>
      <c r="T2326" s="5"/>
      <c r="U2326" s="5"/>
      <c r="V2326" s="5"/>
      <c r="W2326" s="5"/>
      <c r="X2326" s="5"/>
      <c r="Y2326" s="5"/>
      <c r="Z2326" s="5"/>
      <c r="AA2326" s="5"/>
      <c r="AB2326" s="5"/>
      <c r="AC2326" s="5"/>
      <c r="AD2326" s="5"/>
      <c r="AE2326" s="5"/>
      <c r="AF2326" s="5"/>
      <c r="AG2326" s="5"/>
      <c r="AH2326" s="5"/>
      <c r="AI2326" s="5"/>
    </row>
    <row r="2327" spans="1:35" s="24" customFormat="1" ht="27.75" customHeight="1" x14ac:dyDescent="0.4">
      <c r="A2327" s="9" t="s">
        <v>3503</v>
      </c>
      <c r="B2327" s="9" t="s">
        <v>4587</v>
      </c>
      <c r="C2327" s="9" t="s">
        <v>4588</v>
      </c>
      <c r="D2327" s="18">
        <v>1442241107</v>
      </c>
      <c r="E2327" s="11">
        <v>46477</v>
      </c>
      <c r="F2327" s="9" t="s">
        <v>40</v>
      </c>
      <c r="G2327" s="12">
        <v>2325</v>
      </c>
      <c r="H2327" s="12">
        <f t="shared" si="72"/>
        <v>12</v>
      </c>
      <c r="I2327" s="12">
        <f t="shared" si="73"/>
        <v>8</v>
      </c>
      <c r="J2327" s="5"/>
      <c r="K2327" s="5"/>
      <c r="L2327" s="5"/>
      <c r="M2327" s="5"/>
      <c r="N2327" s="5"/>
      <c r="O2327" s="5"/>
      <c r="P2327" s="5"/>
      <c r="Q2327" s="5"/>
      <c r="R2327" s="5"/>
      <c r="S2327" s="5"/>
      <c r="T2327" s="5"/>
      <c r="U2327" s="5"/>
      <c r="V2327" s="5"/>
      <c r="W2327" s="5"/>
      <c r="X2327" s="5"/>
      <c r="Y2327" s="5"/>
      <c r="Z2327" s="5"/>
      <c r="AA2327" s="5"/>
      <c r="AB2327" s="5"/>
      <c r="AC2327" s="5"/>
      <c r="AD2327" s="5"/>
      <c r="AE2327" s="5"/>
      <c r="AF2327" s="5"/>
      <c r="AG2327" s="5"/>
      <c r="AH2327" s="5"/>
      <c r="AI2327" s="5"/>
    </row>
    <row r="2328" spans="1:35" s="28" customFormat="1" ht="27.75" customHeight="1" x14ac:dyDescent="0.4">
      <c r="A2328" s="13" t="s">
        <v>3503</v>
      </c>
      <c r="B2328" s="9" t="s">
        <v>4589</v>
      </c>
      <c r="C2328" s="9" t="s">
        <v>4590</v>
      </c>
      <c r="D2328" s="18">
        <v>1442240810</v>
      </c>
      <c r="E2328" s="11">
        <v>47787</v>
      </c>
      <c r="F2328" s="9" t="s">
        <v>40</v>
      </c>
      <c r="G2328" s="5">
        <v>2326</v>
      </c>
      <c r="H2328" s="12">
        <f t="shared" si="72"/>
        <v>22</v>
      </c>
      <c r="I2328" s="12">
        <f t="shared" si="73"/>
        <v>5</v>
      </c>
      <c r="J2328" s="5"/>
      <c r="K2328" s="5"/>
      <c r="L2328" s="5"/>
      <c r="M2328" s="5"/>
      <c r="N2328" s="5"/>
      <c r="O2328" s="5"/>
      <c r="P2328" s="5"/>
      <c r="Q2328" s="5"/>
      <c r="R2328" s="5"/>
      <c r="S2328" s="5"/>
      <c r="T2328" s="5"/>
      <c r="U2328" s="5"/>
      <c r="V2328" s="5"/>
      <c r="W2328" s="5"/>
      <c r="X2328" s="5"/>
      <c r="Y2328" s="5"/>
      <c r="Z2328" s="5"/>
      <c r="AA2328" s="5"/>
      <c r="AB2328" s="5"/>
      <c r="AC2328" s="5"/>
      <c r="AD2328" s="5"/>
      <c r="AE2328" s="5"/>
      <c r="AF2328" s="5"/>
      <c r="AG2328" s="5"/>
      <c r="AH2328" s="5"/>
      <c r="AI2328" s="5"/>
    </row>
    <row r="2329" spans="1:35" s="5" customFormat="1" ht="27.75" customHeight="1" x14ac:dyDescent="0.4">
      <c r="A2329" s="13" t="s">
        <v>3503</v>
      </c>
      <c r="B2329" s="9" t="s">
        <v>4591</v>
      </c>
      <c r="C2329" s="9" t="s">
        <v>4592</v>
      </c>
      <c r="D2329" s="18">
        <v>1442247039</v>
      </c>
      <c r="E2329" s="11">
        <v>48182</v>
      </c>
      <c r="F2329" s="9" t="s">
        <v>40</v>
      </c>
      <c r="G2329" s="12">
        <v>2327</v>
      </c>
      <c r="H2329" s="12">
        <f t="shared" si="72"/>
        <v>14</v>
      </c>
      <c r="I2329" s="12">
        <f t="shared" si="73"/>
        <v>8</v>
      </c>
    </row>
    <row r="2330" spans="1:35" s="5" customFormat="1" ht="27.75" customHeight="1" x14ac:dyDescent="0.4">
      <c r="A2330" s="13" t="s">
        <v>3503</v>
      </c>
      <c r="B2330" s="9" t="s">
        <v>4593</v>
      </c>
      <c r="C2330" s="9" t="s">
        <v>4594</v>
      </c>
      <c r="D2330" s="18">
        <v>1442246874</v>
      </c>
      <c r="E2330" s="11">
        <v>47756</v>
      </c>
      <c r="F2330" s="9" t="s">
        <v>40</v>
      </c>
      <c r="G2330" s="5">
        <v>2328</v>
      </c>
      <c r="H2330" s="12">
        <f t="shared" si="72"/>
        <v>12</v>
      </c>
      <c r="I2330" s="12">
        <f t="shared" si="73"/>
        <v>10</v>
      </c>
    </row>
    <row r="2331" spans="1:35" s="5" customFormat="1" ht="27.75" customHeight="1" x14ac:dyDescent="0.4">
      <c r="A2331" s="9" t="s">
        <v>3503</v>
      </c>
      <c r="B2331" s="9" t="s">
        <v>4595</v>
      </c>
      <c r="C2331" s="9" t="s">
        <v>4596</v>
      </c>
      <c r="D2331" s="18">
        <v>1442284255</v>
      </c>
      <c r="E2331" s="11">
        <v>46387</v>
      </c>
      <c r="F2331" s="9" t="s">
        <v>40</v>
      </c>
      <c r="G2331" s="12">
        <v>2329</v>
      </c>
      <c r="H2331" s="12">
        <f t="shared" si="72"/>
        <v>15</v>
      </c>
      <c r="I2331" s="12">
        <f t="shared" si="73"/>
        <v>10</v>
      </c>
    </row>
    <row r="2332" spans="1:35" s="5" customFormat="1" ht="27.75" customHeight="1" x14ac:dyDescent="0.4">
      <c r="A2332" s="9" t="s">
        <v>3503</v>
      </c>
      <c r="B2332" s="9" t="s">
        <v>4597</v>
      </c>
      <c r="C2332" s="9" t="s">
        <v>4598</v>
      </c>
      <c r="D2332" s="18">
        <v>1442240000</v>
      </c>
      <c r="E2332" s="11">
        <v>46387</v>
      </c>
      <c r="F2332" s="9" t="s">
        <v>40</v>
      </c>
      <c r="G2332" s="5">
        <v>2330</v>
      </c>
      <c r="H2332" s="12">
        <f t="shared" si="72"/>
        <v>14</v>
      </c>
      <c r="I2332" s="12">
        <f t="shared" si="73"/>
        <v>12</v>
      </c>
    </row>
    <row r="2333" spans="1:35" s="5" customFormat="1" ht="27.75" customHeight="1" x14ac:dyDescent="0.4">
      <c r="A2333" s="13" t="s">
        <v>3503</v>
      </c>
      <c r="B2333" s="9" t="s">
        <v>4599</v>
      </c>
      <c r="C2333" s="9" t="s">
        <v>4600</v>
      </c>
      <c r="D2333" s="18">
        <v>1442246759</v>
      </c>
      <c r="E2333" s="11">
        <v>47542</v>
      </c>
      <c r="F2333" s="9" t="s">
        <v>40</v>
      </c>
      <c r="G2333" s="12">
        <v>2331</v>
      </c>
      <c r="H2333" s="12">
        <f t="shared" si="72"/>
        <v>16</v>
      </c>
      <c r="I2333" s="12">
        <f t="shared" si="73"/>
        <v>12</v>
      </c>
    </row>
    <row r="2334" spans="1:35" s="5" customFormat="1" ht="27.75" customHeight="1" x14ac:dyDescent="0.4">
      <c r="A2334" s="13" t="s">
        <v>3503</v>
      </c>
      <c r="B2334" s="9" t="s">
        <v>4601</v>
      </c>
      <c r="C2334" s="49" t="s">
        <v>4602</v>
      </c>
      <c r="D2334" s="18">
        <v>1442240455</v>
      </c>
      <c r="E2334" s="11">
        <v>46996</v>
      </c>
      <c r="F2334" s="9" t="s">
        <v>40</v>
      </c>
      <c r="G2334" s="5">
        <v>2332</v>
      </c>
      <c r="H2334" s="12">
        <f t="shared" si="72"/>
        <v>36</v>
      </c>
      <c r="I2334" s="12">
        <f t="shared" si="73"/>
        <v>18</v>
      </c>
    </row>
    <row r="2335" spans="1:35" s="5" customFormat="1" ht="27.75" customHeight="1" x14ac:dyDescent="0.4">
      <c r="A2335" s="9" t="s">
        <v>3503</v>
      </c>
      <c r="B2335" s="13" t="s">
        <v>4603</v>
      </c>
      <c r="C2335" s="13" t="s">
        <v>4604</v>
      </c>
      <c r="D2335" s="18">
        <v>1442240927</v>
      </c>
      <c r="E2335" s="11">
        <v>48334</v>
      </c>
      <c r="F2335" s="9" t="s">
        <v>40</v>
      </c>
      <c r="G2335" s="12">
        <v>2333</v>
      </c>
      <c r="H2335" s="12">
        <f t="shared" si="72"/>
        <v>13</v>
      </c>
      <c r="I2335" s="12">
        <f t="shared" si="73"/>
        <v>4</v>
      </c>
    </row>
    <row r="2336" spans="1:35" s="5" customFormat="1" ht="27.75" customHeight="1" x14ac:dyDescent="0.4">
      <c r="A2336" s="9" t="s">
        <v>3503</v>
      </c>
      <c r="B2336" s="13" t="s">
        <v>4605</v>
      </c>
      <c r="C2336" s="9" t="s">
        <v>4606</v>
      </c>
      <c r="D2336" s="18">
        <v>1442246585</v>
      </c>
      <c r="E2336" s="11">
        <v>47208</v>
      </c>
      <c r="F2336" s="9" t="s">
        <v>40</v>
      </c>
      <c r="G2336" s="5">
        <v>2334</v>
      </c>
      <c r="H2336" s="12">
        <f t="shared" si="72"/>
        <v>13</v>
      </c>
      <c r="I2336" s="12">
        <f t="shared" si="73"/>
        <v>8</v>
      </c>
    </row>
    <row r="2337" spans="1:9" s="5" customFormat="1" ht="27.75" customHeight="1" x14ac:dyDescent="0.4">
      <c r="A2337" s="9" t="s">
        <v>3503</v>
      </c>
      <c r="B2337" s="13" t="s">
        <v>4607</v>
      </c>
      <c r="C2337" s="13" t="s">
        <v>4606</v>
      </c>
      <c r="D2337" s="18">
        <v>1442283778</v>
      </c>
      <c r="E2337" s="11">
        <v>46387</v>
      </c>
      <c r="F2337" s="9" t="s">
        <v>40</v>
      </c>
      <c r="G2337" s="12">
        <v>2335</v>
      </c>
      <c r="H2337" s="12">
        <f t="shared" si="72"/>
        <v>13</v>
      </c>
      <c r="I2337" s="12">
        <f t="shared" si="73"/>
        <v>11</v>
      </c>
    </row>
    <row r="2338" spans="1:9" s="5" customFormat="1" ht="27.75" customHeight="1" x14ac:dyDescent="0.4">
      <c r="A2338" s="9" t="s">
        <v>3503</v>
      </c>
      <c r="B2338" s="9" t="s">
        <v>4608</v>
      </c>
      <c r="C2338" s="9" t="s">
        <v>4609</v>
      </c>
      <c r="D2338" s="18">
        <v>1442201259</v>
      </c>
      <c r="E2338" s="11">
        <v>46387</v>
      </c>
      <c r="F2338" s="9" t="s">
        <v>40</v>
      </c>
      <c r="G2338" s="5">
        <v>2336</v>
      </c>
      <c r="H2338" s="12">
        <f t="shared" si="72"/>
        <v>13</v>
      </c>
      <c r="I2338" s="12">
        <f t="shared" si="73"/>
        <v>10</v>
      </c>
    </row>
    <row r="2339" spans="1:9" s="5" customFormat="1" ht="27.75" customHeight="1" x14ac:dyDescent="0.4">
      <c r="A2339" s="9" t="s">
        <v>3503</v>
      </c>
      <c r="B2339" s="9" t="s">
        <v>4610</v>
      </c>
      <c r="C2339" s="9" t="s">
        <v>4611</v>
      </c>
      <c r="D2339" s="18">
        <v>1442246999</v>
      </c>
      <c r="E2339" s="11">
        <v>48091</v>
      </c>
      <c r="F2339" s="9" t="s">
        <v>40</v>
      </c>
      <c r="G2339" s="12">
        <v>2337</v>
      </c>
      <c r="H2339" s="12">
        <f t="shared" si="72"/>
        <v>14</v>
      </c>
      <c r="I2339" s="12">
        <f t="shared" si="73"/>
        <v>16</v>
      </c>
    </row>
    <row r="2340" spans="1:9" s="5" customFormat="1" ht="27.75" customHeight="1" x14ac:dyDescent="0.4">
      <c r="A2340" s="9" t="s">
        <v>3503</v>
      </c>
      <c r="B2340" s="9" t="s">
        <v>4612</v>
      </c>
      <c r="C2340" s="9" t="s">
        <v>4613</v>
      </c>
      <c r="D2340" s="18">
        <v>1442246536</v>
      </c>
      <c r="E2340" s="11">
        <v>46843</v>
      </c>
      <c r="F2340" s="9" t="s">
        <v>40</v>
      </c>
      <c r="G2340" s="5">
        <v>2338</v>
      </c>
      <c r="H2340" s="12">
        <f t="shared" si="72"/>
        <v>23</v>
      </c>
      <c r="I2340" s="12">
        <f t="shared" si="73"/>
        <v>14</v>
      </c>
    </row>
    <row r="2341" spans="1:9" s="5" customFormat="1" ht="27.75" customHeight="1" x14ac:dyDescent="0.4">
      <c r="A2341" s="9" t="s">
        <v>3503</v>
      </c>
      <c r="B2341" s="9" t="s">
        <v>4614</v>
      </c>
      <c r="C2341" s="9" t="s">
        <v>4615</v>
      </c>
      <c r="D2341" s="18">
        <v>1442246965</v>
      </c>
      <c r="E2341" s="11">
        <v>47938</v>
      </c>
      <c r="F2341" s="9" t="s">
        <v>40</v>
      </c>
      <c r="G2341" s="12">
        <v>2339</v>
      </c>
      <c r="H2341" s="12">
        <f t="shared" si="72"/>
        <v>23</v>
      </c>
      <c r="I2341" s="12">
        <f t="shared" si="73"/>
        <v>18</v>
      </c>
    </row>
    <row r="2342" spans="1:9" s="5" customFormat="1" ht="27.75" customHeight="1" x14ac:dyDescent="0.4">
      <c r="A2342" s="15" t="s">
        <v>3503</v>
      </c>
      <c r="B2342" s="15" t="s">
        <v>4616</v>
      </c>
      <c r="C2342" s="15" t="s">
        <v>4617</v>
      </c>
      <c r="D2342" s="21">
        <v>1442284222</v>
      </c>
      <c r="E2342" s="11">
        <v>46387</v>
      </c>
      <c r="F2342" s="9" t="s">
        <v>40</v>
      </c>
      <c r="G2342" s="5">
        <v>2340</v>
      </c>
      <c r="H2342" s="12">
        <f t="shared" si="72"/>
        <v>12</v>
      </c>
      <c r="I2342" s="12">
        <f t="shared" si="73"/>
        <v>8</v>
      </c>
    </row>
    <row r="2343" spans="1:9" s="5" customFormat="1" ht="27.75" customHeight="1" x14ac:dyDescent="0.4">
      <c r="A2343" s="9" t="s">
        <v>3503</v>
      </c>
      <c r="B2343" s="9" t="s">
        <v>4618</v>
      </c>
      <c r="C2343" s="9" t="s">
        <v>4619</v>
      </c>
      <c r="D2343" s="18">
        <v>1442241172</v>
      </c>
      <c r="E2343" s="11">
        <v>46873</v>
      </c>
      <c r="F2343" s="9" t="s">
        <v>40</v>
      </c>
      <c r="G2343" s="12">
        <v>2341</v>
      </c>
      <c r="H2343" s="12">
        <f t="shared" si="72"/>
        <v>13</v>
      </c>
      <c r="I2343" s="12">
        <f t="shared" si="73"/>
        <v>14</v>
      </c>
    </row>
    <row r="2344" spans="1:9" s="5" customFormat="1" ht="27.75" customHeight="1" x14ac:dyDescent="0.4">
      <c r="A2344" s="15" t="s">
        <v>3503</v>
      </c>
      <c r="B2344" s="15" t="s">
        <v>4620</v>
      </c>
      <c r="C2344" s="15" t="s">
        <v>4621</v>
      </c>
      <c r="D2344" s="21">
        <v>1442283851</v>
      </c>
      <c r="E2344" s="11">
        <v>46387</v>
      </c>
      <c r="F2344" s="9" t="s">
        <v>40</v>
      </c>
      <c r="G2344" s="5">
        <v>2342</v>
      </c>
      <c r="H2344" s="12">
        <f t="shared" si="72"/>
        <v>16</v>
      </c>
      <c r="I2344" s="12">
        <f t="shared" si="73"/>
        <v>11</v>
      </c>
    </row>
    <row r="2345" spans="1:9" s="5" customFormat="1" ht="27.75" customHeight="1" x14ac:dyDescent="0.4">
      <c r="A2345" s="9" t="s">
        <v>3503</v>
      </c>
      <c r="B2345" s="13" t="s">
        <v>4622</v>
      </c>
      <c r="C2345" s="9" t="s">
        <v>4623</v>
      </c>
      <c r="D2345" s="18">
        <v>1442241222</v>
      </c>
      <c r="E2345" s="11">
        <v>46843</v>
      </c>
      <c r="F2345" s="9" t="s">
        <v>40</v>
      </c>
      <c r="G2345" s="12">
        <v>2343</v>
      </c>
      <c r="H2345" s="12">
        <f t="shared" si="72"/>
        <v>14</v>
      </c>
      <c r="I2345" s="12">
        <f t="shared" si="73"/>
        <v>16</v>
      </c>
    </row>
    <row r="2346" spans="1:9" s="5" customFormat="1" ht="27.75" customHeight="1" x14ac:dyDescent="0.4">
      <c r="A2346" s="13" t="s">
        <v>3503</v>
      </c>
      <c r="B2346" s="9" t="s">
        <v>4624</v>
      </c>
      <c r="C2346" s="9" t="s">
        <v>4625</v>
      </c>
      <c r="D2346" s="18">
        <v>1442284206</v>
      </c>
      <c r="E2346" s="11">
        <v>46387</v>
      </c>
      <c r="F2346" s="9" t="s">
        <v>40</v>
      </c>
      <c r="G2346" s="5">
        <v>2344</v>
      </c>
      <c r="H2346" s="12">
        <f t="shared" si="72"/>
        <v>13</v>
      </c>
      <c r="I2346" s="12">
        <f t="shared" si="73"/>
        <v>8</v>
      </c>
    </row>
    <row r="2347" spans="1:9" s="5" customFormat="1" ht="27.75" customHeight="1" x14ac:dyDescent="0.4">
      <c r="A2347" s="9" t="s">
        <v>3503</v>
      </c>
      <c r="B2347" s="13" t="s">
        <v>4626</v>
      </c>
      <c r="C2347" s="9" t="s">
        <v>4627</v>
      </c>
      <c r="D2347" s="18">
        <v>1442246429</v>
      </c>
      <c r="E2347" s="11">
        <v>48426</v>
      </c>
      <c r="F2347" s="9" t="s">
        <v>40</v>
      </c>
      <c r="G2347" s="12">
        <v>2345</v>
      </c>
      <c r="H2347" s="12">
        <f t="shared" si="72"/>
        <v>15</v>
      </c>
      <c r="I2347" s="12">
        <f t="shared" si="73"/>
        <v>5</v>
      </c>
    </row>
    <row r="2348" spans="1:9" s="5" customFormat="1" ht="27.75" customHeight="1" x14ac:dyDescent="0.4">
      <c r="A2348" s="17" t="s">
        <v>3503</v>
      </c>
      <c r="B2348" s="15" t="s">
        <v>4628</v>
      </c>
      <c r="C2348" s="16" t="s">
        <v>4629</v>
      </c>
      <c r="D2348" s="10">
        <v>1442246619</v>
      </c>
      <c r="E2348" s="11">
        <v>47269</v>
      </c>
      <c r="F2348" s="9" t="s">
        <v>40</v>
      </c>
      <c r="G2348" s="5">
        <v>2346</v>
      </c>
      <c r="H2348" s="12">
        <f t="shared" si="72"/>
        <v>15</v>
      </c>
      <c r="I2348" s="12">
        <f t="shared" si="73"/>
        <v>5</v>
      </c>
    </row>
    <row r="2349" spans="1:9" s="5" customFormat="1" ht="27.75" customHeight="1" x14ac:dyDescent="0.4">
      <c r="A2349" s="13" t="s">
        <v>3503</v>
      </c>
      <c r="B2349" s="13" t="s">
        <v>4630</v>
      </c>
      <c r="C2349" s="13" t="s">
        <v>4631</v>
      </c>
      <c r="D2349" s="18">
        <v>1442284297</v>
      </c>
      <c r="E2349" s="11">
        <v>46387</v>
      </c>
      <c r="F2349" s="9" t="s">
        <v>40</v>
      </c>
      <c r="G2349" s="12">
        <v>2347</v>
      </c>
      <c r="H2349" s="12">
        <f t="shared" si="72"/>
        <v>15</v>
      </c>
      <c r="I2349" s="12">
        <f t="shared" si="73"/>
        <v>7</v>
      </c>
    </row>
    <row r="2350" spans="1:9" s="5" customFormat="1" ht="27.75" customHeight="1" x14ac:dyDescent="0.4">
      <c r="A2350" s="29" t="s">
        <v>3503</v>
      </c>
      <c r="B2350" s="29" t="s">
        <v>4632</v>
      </c>
      <c r="C2350" s="22" t="s">
        <v>4633</v>
      </c>
      <c r="D2350" s="10">
        <v>1442446866</v>
      </c>
      <c r="E2350" s="11">
        <v>47726</v>
      </c>
      <c r="F2350" s="9" t="s">
        <v>40</v>
      </c>
      <c r="G2350" s="5">
        <v>2348</v>
      </c>
      <c r="H2350" s="12">
        <f t="shared" si="72"/>
        <v>17</v>
      </c>
      <c r="I2350" s="12">
        <f t="shared" si="73"/>
        <v>7</v>
      </c>
    </row>
    <row r="2351" spans="1:9" s="5" customFormat="1" ht="27.75" customHeight="1" x14ac:dyDescent="0.4">
      <c r="A2351" s="9" t="s">
        <v>3503</v>
      </c>
      <c r="B2351" s="9" t="s">
        <v>4634</v>
      </c>
      <c r="C2351" s="9" t="s">
        <v>4635</v>
      </c>
      <c r="D2351" s="18">
        <v>1442283885</v>
      </c>
      <c r="E2351" s="11">
        <v>46387</v>
      </c>
      <c r="F2351" s="9" t="s">
        <v>40</v>
      </c>
      <c r="G2351" s="12">
        <v>2349</v>
      </c>
      <c r="H2351" s="12">
        <f t="shared" si="72"/>
        <v>14</v>
      </c>
      <c r="I2351" s="12">
        <f t="shared" si="73"/>
        <v>8</v>
      </c>
    </row>
    <row r="2352" spans="1:9" s="5" customFormat="1" ht="27.75" customHeight="1" x14ac:dyDescent="0.4">
      <c r="A2352" s="9" t="s">
        <v>3503</v>
      </c>
      <c r="B2352" s="9" t="s">
        <v>4636</v>
      </c>
      <c r="C2352" s="9" t="s">
        <v>4637</v>
      </c>
      <c r="D2352" s="18">
        <v>1442283133</v>
      </c>
      <c r="E2352" s="11">
        <v>46387</v>
      </c>
      <c r="F2352" s="9" t="s">
        <v>40</v>
      </c>
      <c r="G2352" s="5">
        <v>2350</v>
      </c>
      <c r="H2352" s="12">
        <f t="shared" si="72"/>
        <v>14</v>
      </c>
      <c r="I2352" s="12">
        <f t="shared" si="73"/>
        <v>13</v>
      </c>
    </row>
    <row r="2353" spans="1:35" s="5" customFormat="1" ht="27.75" customHeight="1" x14ac:dyDescent="0.4">
      <c r="A2353" s="9" t="s">
        <v>3503</v>
      </c>
      <c r="B2353" s="9" t="s">
        <v>4638</v>
      </c>
      <c r="C2353" s="9" t="s">
        <v>4639</v>
      </c>
      <c r="D2353" s="18">
        <v>1442240828</v>
      </c>
      <c r="E2353" s="11">
        <v>47938</v>
      </c>
      <c r="F2353" s="9" t="s">
        <v>40</v>
      </c>
      <c r="G2353" s="12">
        <v>2351</v>
      </c>
      <c r="H2353" s="12">
        <f t="shared" si="72"/>
        <v>11</v>
      </c>
      <c r="I2353" s="12">
        <f t="shared" si="73"/>
        <v>10</v>
      </c>
    </row>
    <row r="2354" spans="1:35" s="5" customFormat="1" ht="27.75" customHeight="1" x14ac:dyDescent="0.4">
      <c r="A2354" s="13" t="s">
        <v>3503</v>
      </c>
      <c r="B2354" s="9" t="s">
        <v>4640</v>
      </c>
      <c r="C2354" s="9" t="s">
        <v>4641</v>
      </c>
      <c r="D2354" s="18">
        <v>1442282770</v>
      </c>
      <c r="E2354" s="11">
        <v>46387</v>
      </c>
      <c r="F2354" s="9" t="s">
        <v>40</v>
      </c>
      <c r="G2354" s="5">
        <v>2352</v>
      </c>
      <c r="H2354" s="12">
        <f t="shared" si="72"/>
        <v>12</v>
      </c>
      <c r="I2354" s="12">
        <f t="shared" si="73"/>
        <v>11</v>
      </c>
    </row>
    <row r="2355" spans="1:35" s="5" customFormat="1" ht="27.75" customHeight="1" x14ac:dyDescent="0.4">
      <c r="A2355" s="9" t="s">
        <v>3503</v>
      </c>
      <c r="B2355" s="9" t="s">
        <v>4642</v>
      </c>
      <c r="C2355" s="9" t="s">
        <v>4643</v>
      </c>
      <c r="D2355" s="18">
        <v>1442241073</v>
      </c>
      <c r="E2355" s="11">
        <v>46507</v>
      </c>
      <c r="F2355" s="9" t="s">
        <v>40</v>
      </c>
      <c r="G2355" s="12">
        <v>2353</v>
      </c>
      <c r="H2355" s="12">
        <f t="shared" si="72"/>
        <v>16</v>
      </c>
      <c r="I2355" s="12">
        <f t="shared" si="73"/>
        <v>13</v>
      </c>
    </row>
    <row r="2356" spans="1:35" s="5" customFormat="1" ht="27.75" customHeight="1" x14ac:dyDescent="0.4">
      <c r="A2356" s="13" t="s">
        <v>3503</v>
      </c>
      <c r="B2356" s="9" t="s">
        <v>4644</v>
      </c>
      <c r="C2356" s="9" t="s">
        <v>4645</v>
      </c>
      <c r="D2356" s="18">
        <v>1442246825</v>
      </c>
      <c r="E2356" s="11">
        <v>47664</v>
      </c>
      <c r="F2356" s="9" t="s">
        <v>40</v>
      </c>
      <c r="G2356" s="5">
        <v>2354</v>
      </c>
      <c r="H2356" s="12">
        <f t="shared" si="72"/>
        <v>11</v>
      </c>
      <c r="I2356" s="12">
        <f t="shared" si="73"/>
        <v>6</v>
      </c>
    </row>
    <row r="2357" spans="1:35" s="5" customFormat="1" ht="27.75" customHeight="1" x14ac:dyDescent="0.4">
      <c r="A2357" s="9" t="s">
        <v>3503</v>
      </c>
      <c r="B2357" s="13" t="s">
        <v>4646</v>
      </c>
      <c r="C2357" s="9" t="s">
        <v>4647</v>
      </c>
      <c r="D2357" s="18">
        <v>1442240760</v>
      </c>
      <c r="E2357" s="11">
        <v>47664</v>
      </c>
      <c r="F2357" s="9" t="s">
        <v>40</v>
      </c>
      <c r="G2357" s="12">
        <v>2355</v>
      </c>
      <c r="H2357" s="12">
        <f t="shared" si="72"/>
        <v>20</v>
      </c>
      <c r="I2357" s="12">
        <f t="shared" si="73"/>
        <v>12</v>
      </c>
    </row>
    <row r="2358" spans="1:35" s="5" customFormat="1" ht="27.75" customHeight="1" x14ac:dyDescent="0.4">
      <c r="A2358" s="9" t="s">
        <v>3503</v>
      </c>
      <c r="B2358" s="9" t="s">
        <v>4648</v>
      </c>
      <c r="C2358" s="9" t="s">
        <v>4649</v>
      </c>
      <c r="D2358" s="18">
        <v>1442241156</v>
      </c>
      <c r="E2358" s="11">
        <v>46599</v>
      </c>
      <c r="F2358" s="9" t="s">
        <v>40</v>
      </c>
      <c r="G2358" s="5">
        <v>2356</v>
      </c>
      <c r="H2358" s="12">
        <f t="shared" si="72"/>
        <v>16</v>
      </c>
      <c r="I2358" s="12">
        <f t="shared" si="73"/>
        <v>8</v>
      </c>
    </row>
    <row r="2359" spans="1:35" s="5" customFormat="1" ht="27.75" customHeight="1" x14ac:dyDescent="0.4">
      <c r="A2359" s="13" t="s">
        <v>3503</v>
      </c>
      <c r="B2359" s="9" t="s">
        <v>3629</v>
      </c>
      <c r="C2359" s="9" t="s">
        <v>4650</v>
      </c>
      <c r="D2359" s="18">
        <v>1442283836</v>
      </c>
      <c r="E2359" s="11">
        <v>46387</v>
      </c>
      <c r="F2359" s="9" t="s">
        <v>40</v>
      </c>
      <c r="G2359" s="12">
        <v>2357</v>
      </c>
      <c r="H2359" s="12">
        <f t="shared" si="72"/>
        <v>9</v>
      </c>
      <c r="I2359" s="12">
        <f t="shared" si="73"/>
        <v>5</v>
      </c>
    </row>
    <row r="2360" spans="1:35" s="5" customFormat="1" ht="27.75" customHeight="1" x14ac:dyDescent="0.4">
      <c r="A2360" s="9" t="s">
        <v>3503</v>
      </c>
      <c r="B2360" s="9" t="s">
        <v>4651</v>
      </c>
      <c r="C2360" s="9" t="s">
        <v>4652</v>
      </c>
      <c r="D2360" s="18">
        <v>1442240547</v>
      </c>
      <c r="E2360" s="11">
        <v>46387</v>
      </c>
      <c r="F2360" s="9" t="s">
        <v>40</v>
      </c>
      <c r="G2360" s="5">
        <v>2358</v>
      </c>
      <c r="H2360" s="12">
        <f t="shared" si="72"/>
        <v>11</v>
      </c>
      <c r="I2360" s="12">
        <f t="shared" si="73"/>
        <v>12</v>
      </c>
    </row>
    <row r="2361" spans="1:35" s="5" customFormat="1" ht="27.75" customHeight="1" x14ac:dyDescent="0.4">
      <c r="A2361" s="9" t="s">
        <v>3503</v>
      </c>
      <c r="B2361" s="9" t="s">
        <v>4653</v>
      </c>
      <c r="C2361" s="9" t="s">
        <v>4654</v>
      </c>
      <c r="D2361" s="18">
        <v>1442201986</v>
      </c>
      <c r="E2361" s="11">
        <v>46387</v>
      </c>
      <c r="F2361" s="9" t="s">
        <v>40</v>
      </c>
      <c r="G2361" s="12">
        <v>2359</v>
      </c>
      <c r="H2361" s="12">
        <f t="shared" si="72"/>
        <v>10</v>
      </c>
      <c r="I2361" s="12">
        <f t="shared" si="73"/>
        <v>5</v>
      </c>
    </row>
    <row r="2362" spans="1:35" s="5" customFormat="1" ht="27.75" customHeight="1" x14ac:dyDescent="0.4">
      <c r="A2362" s="9" t="s">
        <v>3503</v>
      </c>
      <c r="B2362" s="9" t="s">
        <v>4655</v>
      </c>
      <c r="C2362" s="9" t="s">
        <v>4656</v>
      </c>
      <c r="D2362" s="18">
        <v>1442240364</v>
      </c>
      <c r="E2362" s="11">
        <v>46387</v>
      </c>
      <c r="F2362" s="9" t="s">
        <v>40</v>
      </c>
      <c r="G2362" s="5">
        <v>2360</v>
      </c>
      <c r="H2362" s="12">
        <f t="shared" si="72"/>
        <v>13</v>
      </c>
      <c r="I2362" s="12">
        <f t="shared" si="73"/>
        <v>9</v>
      </c>
    </row>
    <row r="2363" spans="1:35" s="5" customFormat="1" ht="27.75" customHeight="1" x14ac:dyDescent="0.4">
      <c r="A2363" s="9" t="s">
        <v>3503</v>
      </c>
      <c r="B2363" s="9" t="s">
        <v>3703</v>
      </c>
      <c r="C2363" s="9" t="s">
        <v>4657</v>
      </c>
      <c r="D2363" s="18">
        <v>1442240372</v>
      </c>
      <c r="E2363" s="11">
        <v>47057</v>
      </c>
      <c r="F2363" s="9" t="s">
        <v>40</v>
      </c>
      <c r="G2363" s="12">
        <v>2361</v>
      </c>
      <c r="H2363" s="12">
        <f t="shared" si="72"/>
        <v>19</v>
      </c>
      <c r="I2363" s="12">
        <f t="shared" si="73"/>
        <v>5</v>
      </c>
      <c r="J2363" s="24"/>
      <c r="K2363" s="24"/>
      <c r="L2363" s="24"/>
      <c r="M2363" s="24"/>
      <c r="N2363" s="24"/>
      <c r="O2363" s="24"/>
      <c r="P2363" s="24"/>
      <c r="Q2363" s="24"/>
      <c r="R2363" s="24"/>
      <c r="S2363" s="24"/>
      <c r="T2363" s="24"/>
      <c r="U2363" s="24"/>
      <c r="V2363" s="24"/>
      <c r="W2363" s="24"/>
      <c r="X2363" s="24"/>
      <c r="Y2363" s="24"/>
      <c r="Z2363" s="24"/>
      <c r="AA2363" s="24"/>
      <c r="AB2363" s="24"/>
      <c r="AC2363" s="24"/>
      <c r="AD2363" s="24"/>
      <c r="AE2363" s="24"/>
      <c r="AF2363" s="24"/>
      <c r="AG2363" s="24"/>
      <c r="AH2363" s="24"/>
      <c r="AI2363" s="24"/>
    </row>
    <row r="2364" spans="1:35" s="5" customFormat="1" ht="27.75" customHeight="1" x14ac:dyDescent="0.4">
      <c r="A2364" s="9" t="s">
        <v>3503</v>
      </c>
      <c r="B2364" s="9" t="s">
        <v>4658</v>
      </c>
      <c r="C2364" s="9" t="s">
        <v>4659</v>
      </c>
      <c r="D2364" s="18">
        <v>1442246924</v>
      </c>
      <c r="E2364" s="11">
        <v>47879</v>
      </c>
      <c r="F2364" s="9" t="s">
        <v>40</v>
      </c>
      <c r="G2364" s="5">
        <v>2362</v>
      </c>
      <c r="H2364" s="12">
        <f t="shared" si="72"/>
        <v>19</v>
      </c>
      <c r="I2364" s="12">
        <f t="shared" si="73"/>
        <v>17</v>
      </c>
    </row>
    <row r="2365" spans="1:35" s="5" customFormat="1" ht="27.75" customHeight="1" x14ac:dyDescent="0.4">
      <c r="A2365" s="9" t="s">
        <v>3503</v>
      </c>
      <c r="B2365" s="9" t="s">
        <v>4660</v>
      </c>
      <c r="C2365" s="9" t="s">
        <v>4661</v>
      </c>
      <c r="D2365" s="18">
        <v>1442283281</v>
      </c>
      <c r="E2365" s="11">
        <v>46387</v>
      </c>
      <c r="F2365" s="9" t="s">
        <v>40</v>
      </c>
      <c r="G2365" s="12">
        <v>2363</v>
      </c>
      <c r="H2365" s="12">
        <f t="shared" si="72"/>
        <v>10</v>
      </c>
      <c r="I2365" s="12">
        <f t="shared" si="73"/>
        <v>7</v>
      </c>
      <c r="J2365" s="24"/>
      <c r="K2365" s="24"/>
      <c r="L2365" s="24"/>
      <c r="M2365" s="24"/>
      <c r="N2365" s="24"/>
      <c r="O2365" s="24"/>
      <c r="P2365" s="24"/>
      <c r="Q2365" s="24"/>
      <c r="R2365" s="24"/>
      <c r="S2365" s="24"/>
      <c r="T2365" s="24"/>
      <c r="U2365" s="24"/>
      <c r="V2365" s="24"/>
      <c r="W2365" s="24"/>
      <c r="X2365" s="24"/>
      <c r="Y2365" s="24"/>
      <c r="Z2365" s="24"/>
      <c r="AA2365" s="24"/>
      <c r="AB2365" s="24"/>
      <c r="AC2365" s="24"/>
      <c r="AD2365" s="24"/>
      <c r="AE2365" s="24"/>
      <c r="AF2365" s="24"/>
      <c r="AG2365" s="24"/>
      <c r="AH2365" s="24"/>
      <c r="AI2365" s="24"/>
    </row>
    <row r="2366" spans="1:35" s="5" customFormat="1" ht="27.75" customHeight="1" x14ac:dyDescent="0.4">
      <c r="A2366" s="22" t="s">
        <v>3503</v>
      </c>
      <c r="B2366" s="16" t="s">
        <v>4662</v>
      </c>
      <c r="C2366" s="16" t="s">
        <v>4663</v>
      </c>
      <c r="D2366" s="21">
        <v>1442282424</v>
      </c>
      <c r="E2366" s="11">
        <v>46387</v>
      </c>
      <c r="F2366" s="9" t="s">
        <v>40</v>
      </c>
      <c r="G2366" s="5">
        <v>2364</v>
      </c>
      <c r="H2366" s="12">
        <f t="shared" si="72"/>
        <v>11</v>
      </c>
      <c r="I2366" s="12">
        <f t="shared" si="73"/>
        <v>8</v>
      </c>
    </row>
    <row r="2367" spans="1:35" s="5" customFormat="1" ht="27.75" customHeight="1" x14ac:dyDescent="0.4">
      <c r="A2367" s="9" t="s">
        <v>3503</v>
      </c>
      <c r="B2367" s="9" t="s">
        <v>4664</v>
      </c>
      <c r="C2367" s="9" t="s">
        <v>4665</v>
      </c>
      <c r="D2367" s="18">
        <v>1442240570</v>
      </c>
      <c r="E2367" s="11">
        <v>47149</v>
      </c>
      <c r="F2367" s="9" t="s">
        <v>40</v>
      </c>
      <c r="G2367" s="12">
        <v>2365</v>
      </c>
      <c r="H2367" s="12">
        <f t="shared" si="72"/>
        <v>11</v>
      </c>
      <c r="I2367" s="12">
        <f t="shared" si="73"/>
        <v>15</v>
      </c>
    </row>
    <row r="2368" spans="1:35" s="5" customFormat="1" ht="27.75" customHeight="1" x14ac:dyDescent="0.4">
      <c r="A2368" s="9" t="s">
        <v>3503</v>
      </c>
      <c r="B2368" s="9" t="s">
        <v>4666</v>
      </c>
      <c r="C2368" s="49" t="s">
        <v>4667</v>
      </c>
      <c r="D2368" s="18">
        <v>1442240505</v>
      </c>
      <c r="E2368" s="11">
        <v>48304</v>
      </c>
      <c r="F2368" s="9" t="s">
        <v>40</v>
      </c>
      <c r="G2368" s="5">
        <v>2366</v>
      </c>
      <c r="H2368" s="12">
        <f t="shared" si="72"/>
        <v>36</v>
      </c>
      <c r="I2368" s="12">
        <f t="shared" si="73"/>
        <v>13</v>
      </c>
    </row>
    <row r="2369" spans="1:35" s="5" customFormat="1" ht="27.75" customHeight="1" x14ac:dyDescent="0.4">
      <c r="A2369" s="9" t="s">
        <v>3503</v>
      </c>
      <c r="B2369" s="9" t="s">
        <v>4668</v>
      </c>
      <c r="C2369" s="9" t="s">
        <v>4669</v>
      </c>
      <c r="D2369" s="18">
        <v>1442240539</v>
      </c>
      <c r="E2369" s="11">
        <v>47057</v>
      </c>
      <c r="F2369" s="9" t="s">
        <v>40</v>
      </c>
      <c r="G2369" s="12">
        <v>2367</v>
      </c>
      <c r="H2369" s="12">
        <f t="shared" si="72"/>
        <v>18</v>
      </c>
      <c r="I2369" s="12">
        <f t="shared" si="73"/>
        <v>5</v>
      </c>
    </row>
    <row r="2370" spans="1:35" s="5" customFormat="1" ht="27.75" customHeight="1" x14ac:dyDescent="0.4">
      <c r="A2370" s="13" t="s">
        <v>3503</v>
      </c>
      <c r="B2370" s="13" t="s">
        <v>4670</v>
      </c>
      <c r="C2370" s="13" t="s">
        <v>4671</v>
      </c>
      <c r="D2370" s="18">
        <v>1442282929</v>
      </c>
      <c r="E2370" s="11">
        <v>46387</v>
      </c>
      <c r="F2370" s="9" t="s">
        <v>40</v>
      </c>
      <c r="G2370" s="5">
        <v>2368</v>
      </c>
      <c r="H2370" s="12">
        <f t="shared" si="72"/>
        <v>7</v>
      </c>
      <c r="I2370" s="12">
        <f t="shared" si="73"/>
        <v>14</v>
      </c>
    </row>
    <row r="2371" spans="1:35" s="5" customFormat="1" ht="27.75" customHeight="1" x14ac:dyDescent="0.4">
      <c r="A2371" s="17" t="s">
        <v>3503</v>
      </c>
      <c r="B2371" s="9" t="s">
        <v>4672</v>
      </c>
      <c r="C2371" s="9" t="s">
        <v>4673</v>
      </c>
      <c r="D2371" s="18">
        <v>1442283216</v>
      </c>
      <c r="E2371" s="11">
        <v>46387</v>
      </c>
      <c r="F2371" s="9" t="s">
        <v>40</v>
      </c>
      <c r="G2371" s="12">
        <v>2369</v>
      </c>
      <c r="H2371" s="12">
        <f t="shared" si="72"/>
        <v>19</v>
      </c>
      <c r="I2371" s="12">
        <f t="shared" si="73"/>
        <v>6</v>
      </c>
    </row>
    <row r="2372" spans="1:35" s="5" customFormat="1" ht="27.75" customHeight="1" x14ac:dyDescent="0.4">
      <c r="A2372" s="9" t="s">
        <v>3503</v>
      </c>
      <c r="B2372" s="9" t="s">
        <v>4674</v>
      </c>
      <c r="C2372" s="9" t="s">
        <v>4675</v>
      </c>
      <c r="D2372" s="18">
        <v>1442240059</v>
      </c>
      <c r="E2372" s="11">
        <v>46387</v>
      </c>
      <c r="F2372" s="9" t="s">
        <v>40</v>
      </c>
      <c r="G2372" s="5">
        <v>2370</v>
      </c>
      <c r="H2372" s="12">
        <f t="shared" ref="H2372:H2435" si="74">LEN(C2372)</f>
        <v>10</v>
      </c>
      <c r="I2372" s="12">
        <f t="shared" ref="I2372:I2435" si="75">LEN(B2372)</f>
        <v>13</v>
      </c>
      <c r="J2372" s="12"/>
      <c r="K2372" s="12"/>
      <c r="L2372" s="12"/>
      <c r="M2372" s="12"/>
      <c r="N2372" s="12"/>
      <c r="O2372" s="12"/>
      <c r="P2372" s="12"/>
      <c r="Q2372" s="12"/>
      <c r="R2372" s="12"/>
      <c r="S2372" s="12"/>
      <c r="T2372" s="12"/>
      <c r="U2372" s="12"/>
      <c r="V2372" s="12"/>
      <c r="W2372" s="12"/>
      <c r="X2372" s="12"/>
      <c r="Y2372" s="12"/>
      <c r="Z2372" s="12"/>
      <c r="AA2372" s="12"/>
      <c r="AB2372" s="12"/>
      <c r="AC2372" s="12"/>
      <c r="AD2372" s="12"/>
      <c r="AE2372" s="12"/>
      <c r="AF2372" s="12"/>
      <c r="AG2372" s="12"/>
      <c r="AH2372" s="12"/>
      <c r="AI2372" s="12"/>
    </row>
    <row r="2373" spans="1:35" s="5" customFormat="1" ht="27.75" customHeight="1" x14ac:dyDescent="0.4">
      <c r="A2373" s="13" t="s">
        <v>3503</v>
      </c>
      <c r="B2373" s="9" t="s">
        <v>4676</v>
      </c>
      <c r="C2373" s="9" t="s">
        <v>4677</v>
      </c>
      <c r="D2373" s="18">
        <v>1442282895</v>
      </c>
      <c r="E2373" s="11">
        <v>46387</v>
      </c>
      <c r="F2373" s="9" t="s">
        <v>40</v>
      </c>
      <c r="G2373" s="12">
        <v>2371</v>
      </c>
      <c r="H2373" s="12">
        <f t="shared" si="74"/>
        <v>10</v>
      </c>
      <c r="I2373" s="12">
        <f t="shared" si="75"/>
        <v>5</v>
      </c>
    </row>
    <row r="2374" spans="1:35" s="5" customFormat="1" ht="27.75" customHeight="1" x14ac:dyDescent="0.4">
      <c r="A2374" s="9" t="s">
        <v>3503</v>
      </c>
      <c r="B2374" s="9" t="s">
        <v>4678</v>
      </c>
      <c r="C2374" s="9" t="s">
        <v>4679</v>
      </c>
      <c r="D2374" s="18">
        <v>1442200202</v>
      </c>
      <c r="E2374" s="11">
        <v>46387</v>
      </c>
      <c r="F2374" s="9" t="s">
        <v>40</v>
      </c>
      <c r="G2374" s="5">
        <v>2372</v>
      </c>
      <c r="H2374" s="12">
        <f t="shared" si="74"/>
        <v>8</v>
      </c>
      <c r="I2374" s="12">
        <f t="shared" si="75"/>
        <v>9</v>
      </c>
    </row>
    <row r="2375" spans="1:35" s="5" customFormat="1" ht="27.75" customHeight="1" x14ac:dyDescent="0.4">
      <c r="A2375" s="13" t="s">
        <v>3503</v>
      </c>
      <c r="B2375" s="13" t="s">
        <v>4680</v>
      </c>
      <c r="C2375" s="13" t="s">
        <v>4679</v>
      </c>
      <c r="D2375" s="18">
        <v>1442240588</v>
      </c>
      <c r="E2375" s="11">
        <v>47177</v>
      </c>
      <c r="F2375" s="9" t="s">
        <v>40</v>
      </c>
      <c r="G2375" s="12">
        <v>2373</v>
      </c>
      <c r="H2375" s="12">
        <f t="shared" si="74"/>
        <v>8</v>
      </c>
      <c r="I2375" s="12">
        <f t="shared" si="75"/>
        <v>14</v>
      </c>
    </row>
    <row r="2376" spans="1:35" s="5" customFormat="1" ht="27.75" customHeight="1" x14ac:dyDescent="0.4">
      <c r="A2376" s="13" t="s">
        <v>3503</v>
      </c>
      <c r="B2376" s="9" t="s">
        <v>4681</v>
      </c>
      <c r="C2376" s="9" t="s">
        <v>4682</v>
      </c>
      <c r="D2376" s="18">
        <v>1442246395</v>
      </c>
      <c r="E2376" s="11">
        <v>47968</v>
      </c>
      <c r="F2376" s="9" t="s">
        <v>40</v>
      </c>
      <c r="G2376" s="5">
        <v>2374</v>
      </c>
      <c r="H2376" s="12">
        <f t="shared" si="74"/>
        <v>19</v>
      </c>
      <c r="I2376" s="12">
        <f t="shared" si="75"/>
        <v>10</v>
      </c>
    </row>
    <row r="2377" spans="1:35" s="5" customFormat="1" ht="27.75" customHeight="1" x14ac:dyDescent="0.4">
      <c r="A2377" s="13" t="s">
        <v>3503</v>
      </c>
      <c r="B2377" s="9" t="s">
        <v>4683</v>
      </c>
      <c r="C2377" s="9" t="s">
        <v>1224</v>
      </c>
      <c r="D2377" s="18">
        <v>1442241206</v>
      </c>
      <c r="E2377" s="11">
        <v>46812</v>
      </c>
      <c r="F2377" s="9" t="s">
        <v>40</v>
      </c>
      <c r="G2377" s="12">
        <v>2375</v>
      </c>
      <c r="H2377" s="12">
        <f t="shared" si="74"/>
        <v>8</v>
      </c>
      <c r="I2377" s="12">
        <f t="shared" si="75"/>
        <v>10</v>
      </c>
    </row>
    <row r="2378" spans="1:35" s="5" customFormat="1" ht="27.75" customHeight="1" x14ac:dyDescent="0.4">
      <c r="A2378" s="9" t="s">
        <v>3503</v>
      </c>
      <c r="B2378" s="9" t="s">
        <v>4684</v>
      </c>
      <c r="C2378" s="9" t="s">
        <v>4685</v>
      </c>
      <c r="D2378" s="18">
        <v>1442202182</v>
      </c>
      <c r="E2378" s="11">
        <v>46387</v>
      </c>
      <c r="F2378" s="9" t="s">
        <v>40</v>
      </c>
      <c r="G2378" s="5">
        <v>2376</v>
      </c>
      <c r="H2378" s="12">
        <f t="shared" si="74"/>
        <v>29</v>
      </c>
      <c r="I2378" s="12">
        <f t="shared" si="75"/>
        <v>16</v>
      </c>
    </row>
    <row r="2379" spans="1:35" s="5" customFormat="1" ht="27.75" customHeight="1" x14ac:dyDescent="0.4">
      <c r="A2379" s="13" t="s">
        <v>3503</v>
      </c>
      <c r="B2379" s="9" t="s">
        <v>4686</v>
      </c>
      <c r="C2379" s="9" t="s">
        <v>4687</v>
      </c>
      <c r="D2379" s="18">
        <v>1442201077</v>
      </c>
      <c r="E2379" s="11">
        <v>46387</v>
      </c>
      <c r="F2379" s="9" t="s">
        <v>40</v>
      </c>
      <c r="G2379" s="12">
        <v>2377</v>
      </c>
      <c r="H2379" s="12">
        <f t="shared" si="74"/>
        <v>8</v>
      </c>
      <c r="I2379" s="12">
        <f t="shared" si="75"/>
        <v>12</v>
      </c>
    </row>
    <row r="2380" spans="1:35" s="5" customFormat="1" ht="27.75" customHeight="1" x14ac:dyDescent="0.4">
      <c r="A2380" s="9" t="s">
        <v>3503</v>
      </c>
      <c r="B2380" s="13" t="s">
        <v>4688</v>
      </c>
      <c r="C2380" s="13" t="s">
        <v>4689</v>
      </c>
      <c r="D2380" s="18">
        <v>1442240596</v>
      </c>
      <c r="E2380" s="11">
        <v>47177</v>
      </c>
      <c r="F2380" s="9" t="s">
        <v>40</v>
      </c>
      <c r="G2380" s="5">
        <v>2378</v>
      </c>
      <c r="H2380" s="12">
        <f t="shared" si="74"/>
        <v>8</v>
      </c>
      <c r="I2380" s="12">
        <f t="shared" si="75"/>
        <v>11</v>
      </c>
    </row>
    <row r="2381" spans="1:35" s="5" customFormat="1" ht="27.75" customHeight="1" x14ac:dyDescent="0.4">
      <c r="A2381" s="9" t="s">
        <v>3503</v>
      </c>
      <c r="B2381" s="9" t="s">
        <v>4690</v>
      </c>
      <c r="C2381" s="9" t="s">
        <v>4691</v>
      </c>
      <c r="D2381" s="18">
        <v>1442240265</v>
      </c>
      <c r="E2381" s="11">
        <v>46660</v>
      </c>
      <c r="F2381" s="9" t="s">
        <v>40</v>
      </c>
      <c r="G2381" s="12">
        <v>2379</v>
      </c>
      <c r="H2381" s="12">
        <f t="shared" si="74"/>
        <v>10</v>
      </c>
      <c r="I2381" s="12">
        <f t="shared" si="75"/>
        <v>9</v>
      </c>
    </row>
    <row r="2382" spans="1:35" s="5" customFormat="1" ht="27.75" customHeight="1" x14ac:dyDescent="0.4">
      <c r="A2382" s="9" t="s">
        <v>3503</v>
      </c>
      <c r="B2382" s="9" t="s">
        <v>4692</v>
      </c>
      <c r="C2382" s="9" t="s">
        <v>4693</v>
      </c>
      <c r="D2382" s="18">
        <v>1442246809</v>
      </c>
      <c r="E2382" s="11">
        <v>47695</v>
      </c>
      <c r="F2382" s="9" t="s">
        <v>40</v>
      </c>
      <c r="G2382" s="5">
        <v>2380</v>
      </c>
      <c r="H2382" s="12">
        <f t="shared" si="74"/>
        <v>19</v>
      </c>
      <c r="I2382" s="12">
        <f t="shared" si="75"/>
        <v>11</v>
      </c>
    </row>
    <row r="2383" spans="1:35" s="5" customFormat="1" ht="27.75" customHeight="1" x14ac:dyDescent="0.4">
      <c r="A2383" s="9" t="s">
        <v>3503</v>
      </c>
      <c r="B2383" s="9" t="s">
        <v>4694</v>
      </c>
      <c r="C2383" s="9" t="s">
        <v>4695</v>
      </c>
      <c r="D2383" s="18">
        <v>1442284354</v>
      </c>
      <c r="E2383" s="11">
        <v>46387</v>
      </c>
      <c r="F2383" s="9" t="s">
        <v>40</v>
      </c>
      <c r="G2383" s="12">
        <v>2381</v>
      </c>
      <c r="H2383" s="12">
        <f t="shared" si="74"/>
        <v>8</v>
      </c>
      <c r="I2383" s="12">
        <f t="shared" si="75"/>
        <v>6</v>
      </c>
    </row>
    <row r="2384" spans="1:35" s="5" customFormat="1" ht="27.75" customHeight="1" x14ac:dyDescent="0.4">
      <c r="A2384" s="9" t="s">
        <v>3503</v>
      </c>
      <c r="B2384" s="13" t="s">
        <v>4696</v>
      </c>
      <c r="C2384" s="13" t="s">
        <v>4697</v>
      </c>
      <c r="D2384" s="18">
        <v>1442241040</v>
      </c>
      <c r="E2384" s="11">
        <v>46446</v>
      </c>
      <c r="F2384" s="9" t="s">
        <v>40</v>
      </c>
      <c r="G2384" s="5">
        <v>2382</v>
      </c>
      <c r="H2384" s="12">
        <f t="shared" si="74"/>
        <v>9</v>
      </c>
      <c r="I2384" s="12">
        <f t="shared" si="75"/>
        <v>11</v>
      </c>
    </row>
    <row r="2385" spans="1:9" s="5" customFormat="1" ht="27.75" customHeight="1" x14ac:dyDescent="0.4">
      <c r="A2385" s="9" t="s">
        <v>3503</v>
      </c>
      <c r="B2385" s="13" t="s">
        <v>4698</v>
      </c>
      <c r="C2385" s="9" t="s">
        <v>4699</v>
      </c>
      <c r="D2385" s="18">
        <v>1442202356</v>
      </c>
      <c r="E2385" s="11">
        <v>46387</v>
      </c>
      <c r="F2385" s="9" t="s">
        <v>40</v>
      </c>
      <c r="G2385" s="12">
        <v>2383</v>
      </c>
      <c r="H2385" s="12">
        <f t="shared" si="74"/>
        <v>20</v>
      </c>
      <c r="I2385" s="12">
        <f t="shared" si="75"/>
        <v>8</v>
      </c>
    </row>
    <row r="2386" spans="1:9" s="5" customFormat="1" ht="27.75" customHeight="1" x14ac:dyDescent="0.4">
      <c r="A2386" s="15" t="s">
        <v>3503</v>
      </c>
      <c r="B2386" s="16" t="s">
        <v>4700</v>
      </c>
      <c r="C2386" s="16" t="s">
        <v>4701</v>
      </c>
      <c r="D2386" s="10">
        <v>1442284040</v>
      </c>
      <c r="E2386" s="11">
        <v>46387</v>
      </c>
      <c r="F2386" s="9" t="s">
        <v>40</v>
      </c>
      <c r="G2386" s="5">
        <v>2384</v>
      </c>
      <c r="H2386" s="12">
        <f t="shared" si="74"/>
        <v>19</v>
      </c>
      <c r="I2386" s="12">
        <f t="shared" si="75"/>
        <v>9</v>
      </c>
    </row>
    <row r="2387" spans="1:9" s="5" customFormat="1" ht="27.75" customHeight="1" x14ac:dyDescent="0.4">
      <c r="A2387" s="17" t="s">
        <v>3503</v>
      </c>
      <c r="B2387" s="13" t="s">
        <v>4702</v>
      </c>
      <c r="C2387" s="34" t="s">
        <v>4703</v>
      </c>
      <c r="D2387" s="26">
        <v>1442246379</v>
      </c>
      <c r="E2387" s="11">
        <v>47938</v>
      </c>
      <c r="F2387" s="9" t="s">
        <v>40</v>
      </c>
      <c r="G2387" s="12">
        <v>2385</v>
      </c>
      <c r="H2387" s="12">
        <f t="shared" si="74"/>
        <v>18</v>
      </c>
      <c r="I2387" s="12">
        <f t="shared" si="75"/>
        <v>13</v>
      </c>
    </row>
    <row r="2388" spans="1:9" s="5" customFormat="1" ht="27.75" customHeight="1" x14ac:dyDescent="0.4">
      <c r="A2388" s="13" t="s">
        <v>3503</v>
      </c>
      <c r="B2388" s="9" t="s">
        <v>4704</v>
      </c>
      <c r="C2388" s="9" t="s">
        <v>4705</v>
      </c>
      <c r="D2388" s="18">
        <v>1442283091</v>
      </c>
      <c r="E2388" s="11">
        <v>46387</v>
      </c>
      <c r="F2388" s="9" t="s">
        <v>40</v>
      </c>
      <c r="G2388" s="5">
        <v>2386</v>
      </c>
      <c r="H2388" s="12">
        <f t="shared" si="74"/>
        <v>9</v>
      </c>
      <c r="I2388" s="12">
        <f t="shared" si="75"/>
        <v>5</v>
      </c>
    </row>
    <row r="2389" spans="1:9" s="5" customFormat="1" ht="27.75" customHeight="1" x14ac:dyDescent="0.4">
      <c r="A2389" s="9" t="s">
        <v>3503</v>
      </c>
      <c r="B2389" s="13" t="s">
        <v>4706</v>
      </c>
      <c r="C2389" s="13" t="s">
        <v>4707</v>
      </c>
      <c r="D2389" s="18">
        <v>1442246684</v>
      </c>
      <c r="E2389" s="11">
        <v>47391</v>
      </c>
      <c r="F2389" s="9" t="s">
        <v>40</v>
      </c>
      <c r="G2389" s="12">
        <v>2387</v>
      </c>
      <c r="H2389" s="12">
        <f t="shared" si="74"/>
        <v>12</v>
      </c>
      <c r="I2389" s="12">
        <f t="shared" si="75"/>
        <v>12</v>
      </c>
    </row>
    <row r="2390" spans="1:9" s="5" customFormat="1" ht="27.75" customHeight="1" x14ac:dyDescent="0.4">
      <c r="A2390" s="13" t="s">
        <v>3503</v>
      </c>
      <c r="B2390" s="9" t="s">
        <v>4708</v>
      </c>
      <c r="C2390" s="9" t="s">
        <v>4707</v>
      </c>
      <c r="D2390" s="18">
        <v>1442246726</v>
      </c>
      <c r="E2390" s="11">
        <v>47391</v>
      </c>
      <c r="F2390" s="9" t="s">
        <v>40</v>
      </c>
      <c r="G2390" s="5">
        <v>2388</v>
      </c>
      <c r="H2390" s="12">
        <f t="shared" si="74"/>
        <v>12</v>
      </c>
      <c r="I2390" s="12">
        <f t="shared" si="75"/>
        <v>11</v>
      </c>
    </row>
    <row r="2391" spans="1:9" s="5" customFormat="1" ht="27.75" customHeight="1" x14ac:dyDescent="0.4">
      <c r="A2391" s="9" t="s">
        <v>3503</v>
      </c>
      <c r="B2391" s="14" t="s">
        <v>4709</v>
      </c>
      <c r="C2391" s="9" t="s">
        <v>4710</v>
      </c>
      <c r="D2391" s="18">
        <v>1442283554</v>
      </c>
      <c r="E2391" s="11">
        <v>46387</v>
      </c>
      <c r="F2391" s="9" t="s">
        <v>40</v>
      </c>
      <c r="G2391" s="12">
        <v>2389</v>
      </c>
      <c r="H2391" s="12">
        <f t="shared" si="74"/>
        <v>21</v>
      </c>
      <c r="I2391" s="12">
        <f t="shared" si="75"/>
        <v>15</v>
      </c>
    </row>
    <row r="2392" spans="1:9" s="5" customFormat="1" ht="27.75" customHeight="1" x14ac:dyDescent="0.4">
      <c r="A2392" s="9" t="s">
        <v>3503</v>
      </c>
      <c r="B2392" s="9" t="s">
        <v>4711</v>
      </c>
      <c r="C2392" s="9" t="s">
        <v>4712</v>
      </c>
      <c r="D2392" s="18">
        <v>1442240646</v>
      </c>
      <c r="E2392" s="11">
        <v>47269</v>
      </c>
      <c r="F2392" s="9" t="s">
        <v>40</v>
      </c>
      <c r="G2392" s="5">
        <v>2390</v>
      </c>
      <c r="H2392" s="12">
        <f t="shared" si="74"/>
        <v>9</v>
      </c>
      <c r="I2392" s="12">
        <f t="shared" si="75"/>
        <v>9</v>
      </c>
    </row>
    <row r="2393" spans="1:9" s="5" customFormat="1" ht="27.75" customHeight="1" x14ac:dyDescent="0.4">
      <c r="A2393" s="9" t="s">
        <v>3503</v>
      </c>
      <c r="B2393" s="9" t="s">
        <v>4713</v>
      </c>
      <c r="C2393" s="9" t="s">
        <v>4714</v>
      </c>
      <c r="D2393" s="18">
        <v>1442202158</v>
      </c>
      <c r="E2393" s="11">
        <v>46387</v>
      </c>
      <c r="F2393" s="9" t="s">
        <v>40</v>
      </c>
      <c r="G2393" s="12">
        <v>2391</v>
      </c>
      <c r="H2393" s="12">
        <f t="shared" si="74"/>
        <v>11</v>
      </c>
      <c r="I2393" s="12">
        <f t="shared" si="75"/>
        <v>9</v>
      </c>
    </row>
    <row r="2394" spans="1:9" s="5" customFormat="1" ht="27.75" customHeight="1" x14ac:dyDescent="0.4">
      <c r="A2394" s="9" t="s">
        <v>3503</v>
      </c>
      <c r="B2394" s="9" t="s">
        <v>4715</v>
      </c>
      <c r="C2394" s="9" t="s">
        <v>4716</v>
      </c>
      <c r="D2394" s="18">
        <v>1442246528</v>
      </c>
      <c r="E2394" s="11">
        <v>46873</v>
      </c>
      <c r="F2394" s="9" t="s">
        <v>40</v>
      </c>
      <c r="G2394" s="5">
        <v>2392</v>
      </c>
      <c r="H2394" s="12">
        <f t="shared" si="74"/>
        <v>10</v>
      </c>
      <c r="I2394" s="12">
        <f t="shared" si="75"/>
        <v>13</v>
      </c>
    </row>
    <row r="2395" spans="1:9" s="5" customFormat="1" ht="27.75" customHeight="1" x14ac:dyDescent="0.4">
      <c r="A2395" s="17" t="s">
        <v>3503</v>
      </c>
      <c r="B2395" s="9" t="s">
        <v>4717</v>
      </c>
      <c r="C2395" s="9" t="s">
        <v>4718</v>
      </c>
      <c r="D2395" s="18">
        <v>1442240174</v>
      </c>
      <c r="E2395" s="11">
        <v>46387</v>
      </c>
      <c r="F2395" s="9" t="s">
        <v>40</v>
      </c>
      <c r="G2395" s="12">
        <v>2393</v>
      </c>
      <c r="H2395" s="12">
        <f t="shared" si="74"/>
        <v>11</v>
      </c>
      <c r="I2395" s="12">
        <f t="shared" si="75"/>
        <v>13</v>
      </c>
    </row>
    <row r="2396" spans="1:9" s="5" customFormat="1" ht="27.75" customHeight="1" x14ac:dyDescent="0.4">
      <c r="A2396" s="9" t="s">
        <v>3503</v>
      </c>
      <c r="B2396" s="9" t="s">
        <v>4719</v>
      </c>
      <c r="C2396" s="9" t="s">
        <v>1258</v>
      </c>
      <c r="D2396" s="18">
        <v>1442240323</v>
      </c>
      <c r="E2396" s="11">
        <v>46721</v>
      </c>
      <c r="F2396" s="9" t="s">
        <v>40</v>
      </c>
      <c r="G2396" s="5">
        <v>2394</v>
      </c>
      <c r="H2396" s="12">
        <f t="shared" si="74"/>
        <v>11</v>
      </c>
      <c r="I2396" s="12">
        <f t="shared" si="75"/>
        <v>9</v>
      </c>
    </row>
    <row r="2397" spans="1:9" s="5" customFormat="1" ht="27.75" customHeight="1" x14ac:dyDescent="0.4">
      <c r="A2397" s="9" t="s">
        <v>3503</v>
      </c>
      <c r="B2397" s="13" t="s">
        <v>4720</v>
      </c>
      <c r="C2397" s="9" t="s">
        <v>4721</v>
      </c>
      <c r="D2397" s="18">
        <v>1442240471</v>
      </c>
      <c r="E2397" s="11">
        <v>47087</v>
      </c>
      <c r="F2397" s="9" t="s">
        <v>40</v>
      </c>
      <c r="G2397" s="12">
        <v>2395</v>
      </c>
      <c r="H2397" s="12">
        <f t="shared" si="74"/>
        <v>10</v>
      </c>
      <c r="I2397" s="12">
        <f t="shared" si="75"/>
        <v>6</v>
      </c>
    </row>
    <row r="2398" spans="1:9" s="5" customFormat="1" ht="27.75" customHeight="1" x14ac:dyDescent="0.4">
      <c r="A2398" s="9" t="s">
        <v>3503</v>
      </c>
      <c r="B2398" s="9" t="s">
        <v>4722</v>
      </c>
      <c r="C2398" s="9" t="s">
        <v>4723</v>
      </c>
      <c r="D2398" s="18">
        <v>1442240794</v>
      </c>
      <c r="E2398" s="11">
        <v>47361</v>
      </c>
      <c r="F2398" s="9" t="s">
        <v>40</v>
      </c>
      <c r="G2398" s="5">
        <v>2396</v>
      </c>
      <c r="H2398" s="12">
        <f t="shared" si="74"/>
        <v>13</v>
      </c>
      <c r="I2398" s="12">
        <f t="shared" si="75"/>
        <v>11</v>
      </c>
    </row>
    <row r="2399" spans="1:9" s="5" customFormat="1" ht="27.75" customHeight="1" x14ac:dyDescent="0.4">
      <c r="A2399" s="9" t="s">
        <v>3503</v>
      </c>
      <c r="B2399" s="9" t="s">
        <v>4724</v>
      </c>
      <c r="C2399" s="9" t="s">
        <v>4725</v>
      </c>
      <c r="D2399" s="18">
        <v>1442246361</v>
      </c>
      <c r="E2399" s="11">
        <v>47938</v>
      </c>
      <c r="F2399" s="9" t="s">
        <v>40</v>
      </c>
      <c r="G2399" s="12">
        <v>2397</v>
      </c>
      <c r="H2399" s="12">
        <f t="shared" si="74"/>
        <v>23</v>
      </c>
      <c r="I2399" s="12">
        <f t="shared" si="75"/>
        <v>9</v>
      </c>
    </row>
    <row r="2400" spans="1:9" s="5" customFormat="1" ht="27.75" customHeight="1" x14ac:dyDescent="0.4">
      <c r="A2400" s="9" t="s">
        <v>3503</v>
      </c>
      <c r="B2400" s="9" t="s">
        <v>4726</v>
      </c>
      <c r="C2400" s="9" t="s">
        <v>4727</v>
      </c>
      <c r="D2400" s="18">
        <v>1442241198</v>
      </c>
      <c r="E2400" s="11">
        <v>46812</v>
      </c>
      <c r="F2400" s="9" t="s">
        <v>40</v>
      </c>
      <c r="G2400" s="5">
        <v>2398</v>
      </c>
      <c r="H2400" s="12">
        <f t="shared" si="74"/>
        <v>12</v>
      </c>
      <c r="I2400" s="12">
        <f t="shared" si="75"/>
        <v>8</v>
      </c>
    </row>
    <row r="2401" spans="1:35" s="5" customFormat="1" ht="27.75" customHeight="1" x14ac:dyDescent="0.4">
      <c r="A2401" s="9" t="s">
        <v>3503</v>
      </c>
      <c r="B2401" s="9" t="s">
        <v>4728</v>
      </c>
      <c r="C2401" s="9" t="s">
        <v>4729</v>
      </c>
      <c r="D2401" s="18">
        <v>1442240034</v>
      </c>
      <c r="E2401" s="11">
        <v>46387</v>
      </c>
      <c r="F2401" s="9" t="s">
        <v>40</v>
      </c>
      <c r="G2401" s="12">
        <v>2399</v>
      </c>
      <c r="H2401" s="12">
        <f t="shared" si="74"/>
        <v>11</v>
      </c>
      <c r="I2401" s="12">
        <f t="shared" si="75"/>
        <v>9</v>
      </c>
    </row>
    <row r="2402" spans="1:35" s="5" customFormat="1" ht="27.75" customHeight="1" x14ac:dyDescent="0.4">
      <c r="A2402" s="9" t="s">
        <v>3503</v>
      </c>
      <c r="B2402" s="9" t="s">
        <v>4730</v>
      </c>
      <c r="C2402" s="9" t="s">
        <v>4731</v>
      </c>
      <c r="D2402" s="18">
        <v>1442202281</v>
      </c>
      <c r="E2402" s="11">
        <v>46387</v>
      </c>
      <c r="F2402" s="9" t="s">
        <v>40</v>
      </c>
      <c r="G2402" s="5">
        <v>2400</v>
      </c>
      <c r="H2402" s="12">
        <f t="shared" si="74"/>
        <v>12</v>
      </c>
      <c r="I2402" s="12">
        <f t="shared" si="75"/>
        <v>5</v>
      </c>
    </row>
    <row r="2403" spans="1:35" s="5" customFormat="1" ht="27.75" customHeight="1" x14ac:dyDescent="0.4">
      <c r="A2403" s="13" t="s">
        <v>3503</v>
      </c>
      <c r="B2403" s="9" t="s">
        <v>4732</v>
      </c>
      <c r="C2403" s="9" t="s">
        <v>4733</v>
      </c>
      <c r="D2403" s="18">
        <v>1442202117</v>
      </c>
      <c r="E2403" s="11">
        <v>46387</v>
      </c>
      <c r="F2403" s="9" t="s">
        <v>40</v>
      </c>
      <c r="G2403" s="12">
        <v>2401</v>
      </c>
      <c r="H2403" s="12">
        <f t="shared" si="74"/>
        <v>12</v>
      </c>
      <c r="I2403" s="12">
        <f t="shared" si="75"/>
        <v>10</v>
      </c>
    </row>
    <row r="2404" spans="1:35" s="5" customFormat="1" ht="27.75" customHeight="1" x14ac:dyDescent="0.4">
      <c r="A2404" s="9" t="s">
        <v>3503</v>
      </c>
      <c r="B2404" s="13" t="s">
        <v>4734</v>
      </c>
      <c r="C2404" s="13" t="s">
        <v>4735</v>
      </c>
      <c r="D2404" s="18">
        <v>1442240141</v>
      </c>
      <c r="E2404" s="11">
        <v>46387</v>
      </c>
      <c r="F2404" s="9" t="s">
        <v>40</v>
      </c>
      <c r="G2404" s="5">
        <v>2402</v>
      </c>
      <c r="H2404" s="12">
        <f t="shared" si="74"/>
        <v>9</v>
      </c>
      <c r="I2404" s="12">
        <f t="shared" si="75"/>
        <v>12</v>
      </c>
    </row>
    <row r="2405" spans="1:35" s="5" customFormat="1" ht="27.75" customHeight="1" x14ac:dyDescent="0.4">
      <c r="A2405" s="13" t="s">
        <v>3503</v>
      </c>
      <c r="B2405" s="13" t="s">
        <v>4736</v>
      </c>
      <c r="C2405" s="13" t="s">
        <v>4737</v>
      </c>
      <c r="D2405" s="18">
        <v>1442241180</v>
      </c>
      <c r="E2405" s="11">
        <v>46812</v>
      </c>
      <c r="F2405" s="9" t="s">
        <v>40</v>
      </c>
      <c r="G2405" s="12">
        <v>2403</v>
      </c>
      <c r="H2405" s="12">
        <f t="shared" si="74"/>
        <v>16</v>
      </c>
      <c r="I2405" s="12">
        <f t="shared" si="75"/>
        <v>11</v>
      </c>
    </row>
    <row r="2406" spans="1:35" s="5" customFormat="1" ht="27.75" customHeight="1" x14ac:dyDescent="0.4">
      <c r="A2406" s="9" t="s">
        <v>3503</v>
      </c>
      <c r="B2406" s="9" t="s">
        <v>4738</v>
      </c>
      <c r="C2406" s="9" t="s">
        <v>4739</v>
      </c>
      <c r="D2406" s="18">
        <v>1442246551</v>
      </c>
      <c r="E2406" s="11">
        <v>47026</v>
      </c>
      <c r="F2406" s="9" t="s">
        <v>40</v>
      </c>
      <c r="G2406" s="5">
        <v>2404</v>
      </c>
      <c r="H2406" s="12">
        <f t="shared" si="74"/>
        <v>11</v>
      </c>
      <c r="I2406" s="12">
        <f t="shared" si="75"/>
        <v>5</v>
      </c>
    </row>
    <row r="2407" spans="1:35" s="5" customFormat="1" ht="27.75" customHeight="1" x14ac:dyDescent="0.4">
      <c r="A2407" s="9" t="s">
        <v>3503</v>
      </c>
      <c r="B2407" s="9" t="s">
        <v>4740</v>
      </c>
      <c r="C2407" s="9" t="s">
        <v>4741</v>
      </c>
      <c r="D2407" s="18">
        <v>1442246692</v>
      </c>
      <c r="E2407" s="11">
        <v>47391</v>
      </c>
      <c r="F2407" s="9" t="s">
        <v>40</v>
      </c>
      <c r="G2407" s="12">
        <v>2405</v>
      </c>
      <c r="H2407" s="12">
        <f t="shared" si="74"/>
        <v>13</v>
      </c>
      <c r="I2407" s="12">
        <f t="shared" si="75"/>
        <v>9</v>
      </c>
    </row>
    <row r="2408" spans="1:35" s="5" customFormat="1" ht="27.75" customHeight="1" x14ac:dyDescent="0.4">
      <c r="A2408" s="9" t="s">
        <v>3503</v>
      </c>
      <c r="B2408" s="9" t="s">
        <v>4742</v>
      </c>
      <c r="C2408" s="9" t="s">
        <v>4743</v>
      </c>
      <c r="D2408" s="18">
        <v>1442282648</v>
      </c>
      <c r="E2408" s="11">
        <v>46387</v>
      </c>
      <c r="F2408" s="9" t="s">
        <v>40</v>
      </c>
      <c r="G2408" s="5">
        <v>2406</v>
      </c>
      <c r="H2408" s="12">
        <f t="shared" si="74"/>
        <v>13</v>
      </c>
      <c r="I2408" s="12">
        <f t="shared" si="75"/>
        <v>10</v>
      </c>
    </row>
    <row r="2409" spans="1:35" s="5" customFormat="1" ht="27.75" customHeight="1" x14ac:dyDescent="0.4">
      <c r="A2409" s="9" t="s">
        <v>3503</v>
      </c>
      <c r="B2409" s="9" t="s">
        <v>4744</v>
      </c>
      <c r="C2409" s="9" t="s">
        <v>4745</v>
      </c>
      <c r="D2409" s="18">
        <v>1442240919</v>
      </c>
      <c r="E2409" s="11">
        <v>48304</v>
      </c>
      <c r="F2409" s="9" t="s">
        <v>40</v>
      </c>
      <c r="G2409" s="12">
        <v>2407</v>
      </c>
      <c r="H2409" s="12">
        <f t="shared" si="74"/>
        <v>13</v>
      </c>
      <c r="I2409" s="12">
        <f t="shared" si="75"/>
        <v>5</v>
      </c>
    </row>
    <row r="2410" spans="1:35" s="5" customFormat="1" ht="27.75" customHeight="1" x14ac:dyDescent="0.4">
      <c r="A2410" s="9" t="s">
        <v>3503</v>
      </c>
      <c r="B2410" s="9" t="s">
        <v>4746</v>
      </c>
      <c r="C2410" s="9" t="s">
        <v>4747</v>
      </c>
      <c r="D2410" s="18">
        <v>1442247013</v>
      </c>
      <c r="E2410" s="11">
        <v>48152</v>
      </c>
      <c r="F2410" s="9" t="s">
        <v>40</v>
      </c>
      <c r="G2410" s="5">
        <v>2408</v>
      </c>
      <c r="H2410" s="12">
        <f t="shared" si="74"/>
        <v>14</v>
      </c>
      <c r="I2410" s="12">
        <f t="shared" si="75"/>
        <v>13</v>
      </c>
    </row>
    <row r="2411" spans="1:35" s="5" customFormat="1" ht="27.75" customHeight="1" x14ac:dyDescent="0.4">
      <c r="A2411" s="9" t="s">
        <v>3503</v>
      </c>
      <c r="B2411" s="9" t="s">
        <v>4748</v>
      </c>
      <c r="C2411" s="9" t="s">
        <v>4749</v>
      </c>
      <c r="D2411" s="18">
        <v>1442240513</v>
      </c>
      <c r="E2411" s="11">
        <v>48304</v>
      </c>
      <c r="F2411" s="9" t="s">
        <v>40</v>
      </c>
      <c r="G2411" s="12">
        <v>2409</v>
      </c>
      <c r="H2411" s="12">
        <f t="shared" si="74"/>
        <v>15</v>
      </c>
      <c r="I2411" s="12">
        <f t="shared" si="75"/>
        <v>11</v>
      </c>
    </row>
    <row r="2412" spans="1:35" s="5" customFormat="1" ht="27.75" customHeight="1" x14ac:dyDescent="0.4">
      <c r="A2412" s="9" t="s">
        <v>3503</v>
      </c>
      <c r="B2412" s="9" t="s">
        <v>4750</v>
      </c>
      <c r="C2412" s="9" t="s">
        <v>4751</v>
      </c>
      <c r="D2412" s="18">
        <v>1442283703</v>
      </c>
      <c r="E2412" s="11">
        <v>46387</v>
      </c>
      <c r="F2412" s="9" t="s">
        <v>40</v>
      </c>
      <c r="G2412" s="5">
        <v>2410</v>
      </c>
      <c r="H2412" s="12">
        <f t="shared" si="74"/>
        <v>13</v>
      </c>
      <c r="I2412" s="12">
        <f t="shared" si="75"/>
        <v>6</v>
      </c>
      <c r="J2412" s="24"/>
      <c r="K2412" s="24"/>
      <c r="L2412" s="24"/>
      <c r="M2412" s="24"/>
      <c r="N2412" s="24"/>
      <c r="O2412" s="24"/>
      <c r="P2412" s="24"/>
      <c r="Q2412" s="24"/>
      <c r="R2412" s="24"/>
      <c r="S2412" s="24"/>
      <c r="T2412" s="24"/>
      <c r="U2412" s="24"/>
      <c r="V2412" s="24"/>
      <c r="W2412" s="24"/>
      <c r="X2412" s="24"/>
      <c r="Y2412" s="24"/>
      <c r="Z2412" s="24"/>
      <c r="AA2412" s="24"/>
      <c r="AB2412" s="24"/>
      <c r="AC2412" s="24"/>
      <c r="AD2412" s="24"/>
      <c r="AE2412" s="24"/>
      <c r="AF2412" s="24"/>
      <c r="AG2412" s="24"/>
      <c r="AH2412" s="24"/>
      <c r="AI2412" s="24"/>
    </row>
    <row r="2413" spans="1:35" s="5" customFormat="1" ht="27.75" customHeight="1" x14ac:dyDescent="0.4">
      <c r="A2413" s="9" t="s">
        <v>3503</v>
      </c>
      <c r="B2413" s="16" t="s">
        <v>4752</v>
      </c>
      <c r="C2413" s="16" t="s">
        <v>4753</v>
      </c>
      <c r="D2413" s="10">
        <v>1442283950</v>
      </c>
      <c r="E2413" s="11">
        <v>46387</v>
      </c>
      <c r="F2413" s="9" t="s">
        <v>40</v>
      </c>
      <c r="G2413" s="12">
        <v>2411</v>
      </c>
      <c r="H2413" s="12">
        <f t="shared" si="74"/>
        <v>11</v>
      </c>
      <c r="I2413" s="12">
        <f t="shared" si="75"/>
        <v>5</v>
      </c>
    </row>
    <row r="2414" spans="1:35" s="5" customFormat="1" ht="27.75" customHeight="1" x14ac:dyDescent="0.4">
      <c r="A2414" s="9" t="s">
        <v>3503</v>
      </c>
      <c r="B2414" s="14" t="s">
        <v>4754</v>
      </c>
      <c r="C2414" s="9" t="s">
        <v>4755</v>
      </c>
      <c r="D2414" s="18">
        <v>1442246593</v>
      </c>
      <c r="E2414" s="11">
        <v>47118</v>
      </c>
      <c r="F2414" s="9" t="s">
        <v>40</v>
      </c>
      <c r="G2414" s="5">
        <v>2412</v>
      </c>
      <c r="H2414" s="12">
        <f t="shared" si="74"/>
        <v>12</v>
      </c>
      <c r="I2414" s="12">
        <f t="shared" si="75"/>
        <v>13</v>
      </c>
    </row>
    <row r="2415" spans="1:35" s="5" customFormat="1" ht="27.75" customHeight="1" x14ac:dyDescent="0.4">
      <c r="A2415" s="9" t="s">
        <v>3503</v>
      </c>
      <c r="B2415" s="9" t="s">
        <v>4756</v>
      </c>
      <c r="C2415" s="9" t="s">
        <v>4757</v>
      </c>
      <c r="D2415" s="18">
        <v>1442282549</v>
      </c>
      <c r="E2415" s="11">
        <v>46387</v>
      </c>
      <c r="F2415" s="9" t="s">
        <v>40</v>
      </c>
      <c r="G2415" s="12">
        <v>2413</v>
      </c>
      <c r="H2415" s="12">
        <f t="shared" si="74"/>
        <v>14</v>
      </c>
      <c r="I2415" s="12">
        <f t="shared" si="75"/>
        <v>5</v>
      </c>
    </row>
    <row r="2416" spans="1:35" s="5" customFormat="1" ht="27.75" customHeight="1" x14ac:dyDescent="0.4">
      <c r="A2416" s="9" t="s">
        <v>3503</v>
      </c>
      <c r="B2416" s="9" t="s">
        <v>4758</v>
      </c>
      <c r="C2416" s="9" t="s">
        <v>4759</v>
      </c>
      <c r="D2416" s="18">
        <v>1442240489</v>
      </c>
      <c r="E2416" s="11">
        <v>47026</v>
      </c>
      <c r="F2416" s="9" t="s">
        <v>40</v>
      </c>
      <c r="G2416" s="5">
        <v>2414</v>
      </c>
      <c r="H2416" s="12">
        <f t="shared" si="74"/>
        <v>14</v>
      </c>
      <c r="I2416" s="12">
        <f t="shared" si="75"/>
        <v>11</v>
      </c>
    </row>
    <row r="2417" spans="1:35" s="5" customFormat="1" ht="27.75" customHeight="1" x14ac:dyDescent="0.4">
      <c r="A2417" s="9" t="s">
        <v>3503</v>
      </c>
      <c r="B2417" s="9" t="s">
        <v>4760</v>
      </c>
      <c r="C2417" s="9" t="s">
        <v>1314</v>
      </c>
      <c r="D2417" s="18">
        <v>1442246890</v>
      </c>
      <c r="E2417" s="11">
        <v>47879</v>
      </c>
      <c r="F2417" s="9" t="s">
        <v>40</v>
      </c>
      <c r="G2417" s="12">
        <v>2415</v>
      </c>
      <c r="H2417" s="12">
        <f t="shared" si="74"/>
        <v>12</v>
      </c>
      <c r="I2417" s="12">
        <f t="shared" si="75"/>
        <v>6</v>
      </c>
    </row>
    <row r="2418" spans="1:35" s="5" customFormat="1" ht="27.75" customHeight="1" x14ac:dyDescent="0.4">
      <c r="A2418" s="9" t="s">
        <v>3503</v>
      </c>
      <c r="B2418" s="9" t="s">
        <v>4761</v>
      </c>
      <c r="C2418" s="9" t="s">
        <v>4762</v>
      </c>
      <c r="D2418" s="18">
        <v>1442201135</v>
      </c>
      <c r="E2418" s="11">
        <v>46387</v>
      </c>
      <c r="F2418" s="9" t="s">
        <v>40</v>
      </c>
      <c r="G2418" s="5">
        <v>2416</v>
      </c>
      <c r="H2418" s="12">
        <f t="shared" si="74"/>
        <v>8</v>
      </c>
      <c r="I2418" s="12">
        <f t="shared" si="75"/>
        <v>10</v>
      </c>
      <c r="J2418" s="24"/>
      <c r="K2418" s="24"/>
      <c r="L2418" s="24"/>
      <c r="M2418" s="24"/>
      <c r="N2418" s="24"/>
      <c r="O2418" s="24"/>
      <c r="P2418" s="24"/>
      <c r="Q2418" s="24"/>
      <c r="R2418" s="24"/>
      <c r="S2418" s="24"/>
      <c r="T2418" s="24"/>
      <c r="U2418" s="24"/>
      <c r="V2418" s="24"/>
      <c r="W2418" s="24"/>
      <c r="X2418" s="24"/>
      <c r="Y2418" s="24"/>
      <c r="Z2418" s="24"/>
      <c r="AA2418" s="24"/>
      <c r="AB2418" s="24"/>
      <c r="AC2418" s="24"/>
      <c r="AD2418" s="24"/>
      <c r="AE2418" s="24"/>
      <c r="AF2418" s="24"/>
      <c r="AG2418" s="24"/>
      <c r="AH2418" s="24"/>
      <c r="AI2418" s="24"/>
    </row>
    <row r="2419" spans="1:35" s="5" customFormat="1" ht="27.75" customHeight="1" x14ac:dyDescent="0.4">
      <c r="A2419" s="9" t="s">
        <v>3503</v>
      </c>
      <c r="B2419" s="9" t="s">
        <v>4763</v>
      </c>
      <c r="C2419" s="9" t="s">
        <v>4764</v>
      </c>
      <c r="D2419" s="18">
        <v>1442241032</v>
      </c>
      <c r="E2419" s="11">
        <v>46418</v>
      </c>
      <c r="F2419" s="9" t="s">
        <v>40</v>
      </c>
      <c r="G2419" s="12">
        <v>2417</v>
      </c>
      <c r="H2419" s="12">
        <f t="shared" si="74"/>
        <v>12</v>
      </c>
      <c r="I2419" s="12">
        <f t="shared" si="75"/>
        <v>12</v>
      </c>
    </row>
    <row r="2420" spans="1:35" s="5" customFormat="1" ht="27.75" customHeight="1" x14ac:dyDescent="0.4">
      <c r="A2420" s="9" t="s">
        <v>3503</v>
      </c>
      <c r="B2420" s="13" t="s">
        <v>4765</v>
      </c>
      <c r="C2420" s="13" t="s">
        <v>4766</v>
      </c>
      <c r="D2420" s="18">
        <v>1442246957</v>
      </c>
      <c r="E2420" s="11">
        <v>47999</v>
      </c>
      <c r="F2420" s="9" t="s">
        <v>40</v>
      </c>
      <c r="G2420" s="5">
        <v>2418</v>
      </c>
      <c r="H2420" s="12">
        <f t="shared" si="74"/>
        <v>8</v>
      </c>
      <c r="I2420" s="12">
        <f t="shared" si="75"/>
        <v>12</v>
      </c>
    </row>
    <row r="2421" spans="1:35" s="5" customFormat="1" ht="27.75" customHeight="1" x14ac:dyDescent="0.4">
      <c r="A2421" s="9" t="s">
        <v>3503</v>
      </c>
      <c r="B2421" s="9" t="s">
        <v>4767</v>
      </c>
      <c r="C2421" s="9" t="s">
        <v>4768</v>
      </c>
      <c r="D2421" s="26">
        <v>1442202083</v>
      </c>
      <c r="E2421" s="11">
        <v>46387</v>
      </c>
      <c r="F2421" s="9" t="s">
        <v>40</v>
      </c>
      <c r="G2421" s="12">
        <v>2419</v>
      </c>
      <c r="H2421" s="12">
        <f t="shared" si="74"/>
        <v>10</v>
      </c>
      <c r="I2421" s="12">
        <f t="shared" si="75"/>
        <v>8</v>
      </c>
    </row>
    <row r="2422" spans="1:35" s="5" customFormat="1" ht="27.75" customHeight="1" x14ac:dyDescent="0.4">
      <c r="A2422" s="9" t="s">
        <v>3503</v>
      </c>
      <c r="B2422" s="9" t="s">
        <v>4769</v>
      </c>
      <c r="C2422" s="9" t="s">
        <v>4770</v>
      </c>
      <c r="D2422" s="18">
        <v>1442246569</v>
      </c>
      <c r="E2422" s="11">
        <v>46965</v>
      </c>
      <c r="F2422" s="9" t="s">
        <v>40</v>
      </c>
      <c r="G2422" s="5">
        <v>2420</v>
      </c>
      <c r="H2422" s="12">
        <f t="shared" si="74"/>
        <v>26</v>
      </c>
      <c r="I2422" s="12">
        <f t="shared" si="75"/>
        <v>7</v>
      </c>
    </row>
    <row r="2423" spans="1:35" s="5" customFormat="1" ht="27.75" customHeight="1" x14ac:dyDescent="0.4">
      <c r="A2423" s="9" t="s">
        <v>3503</v>
      </c>
      <c r="B2423" s="9" t="s">
        <v>4771</v>
      </c>
      <c r="C2423" s="9" t="s">
        <v>4772</v>
      </c>
      <c r="D2423" s="18">
        <v>1442342947</v>
      </c>
      <c r="E2423" s="11">
        <v>46965</v>
      </c>
      <c r="F2423" s="9" t="s">
        <v>63</v>
      </c>
      <c r="G2423" s="12">
        <v>2421</v>
      </c>
      <c r="H2423" s="12">
        <f t="shared" si="74"/>
        <v>22</v>
      </c>
      <c r="I2423" s="12">
        <f t="shared" si="75"/>
        <v>13</v>
      </c>
    </row>
    <row r="2424" spans="1:35" s="5" customFormat="1" ht="27.75" customHeight="1" x14ac:dyDescent="0.4">
      <c r="A2424" s="9" t="s">
        <v>3503</v>
      </c>
      <c r="B2424" s="9" t="s">
        <v>4773</v>
      </c>
      <c r="C2424" s="9" t="s">
        <v>4774</v>
      </c>
      <c r="D2424" s="18">
        <v>1442301067</v>
      </c>
      <c r="E2424" s="11">
        <v>46387</v>
      </c>
      <c r="F2424" s="9" t="s">
        <v>63</v>
      </c>
      <c r="G2424" s="5">
        <v>2422</v>
      </c>
      <c r="H2424" s="12">
        <f t="shared" si="74"/>
        <v>12</v>
      </c>
      <c r="I2424" s="12">
        <f t="shared" si="75"/>
        <v>7</v>
      </c>
    </row>
    <row r="2425" spans="1:35" s="5" customFormat="1" ht="27.75" customHeight="1" x14ac:dyDescent="0.4">
      <c r="A2425" s="9" t="s">
        <v>3503</v>
      </c>
      <c r="B2425" s="9" t="s">
        <v>4775</v>
      </c>
      <c r="C2425" s="9" t="s">
        <v>4776</v>
      </c>
      <c r="D2425" s="18">
        <v>1442300994</v>
      </c>
      <c r="E2425" s="11">
        <v>46387</v>
      </c>
      <c r="F2425" s="9" t="s">
        <v>63</v>
      </c>
      <c r="G2425" s="12">
        <v>2423</v>
      </c>
      <c r="H2425" s="12">
        <f t="shared" si="74"/>
        <v>13</v>
      </c>
      <c r="I2425" s="12">
        <f t="shared" si="75"/>
        <v>8</v>
      </c>
    </row>
    <row r="2426" spans="1:35" s="5" customFormat="1" ht="27.75" customHeight="1" x14ac:dyDescent="0.4">
      <c r="A2426" s="9" t="s">
        <v>3503</v>
      </c>
      <c r="B2426" s="9" t="s">
        <v>4777</v>
      </c>
      <c r="C2426" s="9" t="s">
        <v>4778</v>
      </c>
      <c r="D2426" s="18">
        <v>1442340248</v>
      </c>
      <c r="E2426" s="11">
        <v>48304</v>
      </c>
      <c r="F2426" s="9" t="s">
        <v>63</v>
      </c>
      <c r="G2426" s="5">
        <v>2424</v>
      </c>
      <c r="H2426" s="12">
        <f t="shared" si="74"/>
        <v>13</v>
      </c>
      <c r="I2426" s="12">
        <f t="shared" si="75"/>
        <v>9</v>
      </c>
    </row>
    <row r="2427" spans="1:35" s="5" customFormat="1" ht="27.75" customHeight="1" x14ac:dyDescent="0.4">
      <c r="A2427" s="9" t="s">
        <v>3503</v>
      </c>
      <c r="B2427" s="9" t="s">
        <v>4779</v>
      </c>
      <c r="C2427" s="9" t="s">
        <v>4780</v>
      </c>
      <c r="D2427" s="18">
        <v>1442343069</v>
      </c>
      <c r="E2427" s="11">
        <v>47938</v>
      </c>
      <c r="F2427" s="9" t="s">
        <v>63</v>
      </c>
      <c r="G2427" s="12">
        <v>2425</v>
      </c>
      <c r="H2427" s="12">
        <f t="shared" si="74"/>
        <v>24</v>
      </c>
      <c r="I2427" s="12">
        <f t="shared" si="75"/>
        <v>9</v>
      </c>
    </row>
    <row r="2428" spans="1:35" s="5" customFormat="1" ht="27.75" customHeight="1" x14ac:dyDescent="0.4">
      <c r="A2428" s="9" t="s">
        <v>3503</v>
      </c>
      <c r="B2428" s="9" t="s">
        <v>4781</v>
      </c>
      <c r="C2428" s="9" t="s">
        <v>4782</v>
      </c>
      <c r="D2428" s="18">
        <v>1442343093</v>
      </c>
      <c r="E2428" s="11">
        <v>48091</v>
      </c>
      <c r="F2428" s="9" t="s">
        <v>63</v>
      </c>
      <c r="G2428" s="5">
        <v>2426</v>
      </c>
      <c r="H2428" s="12">
        <f t="shared" si="74"/>
        <v>13</v>
      </c>
      <c r="I2428" s="12">
        <f t="shared" si="75"/>
        <v>6</v>
      </c>
    </row>
    <row r="2429" spans="1:35" s="5" customFormat="1" ht="27.75" customHeight="1" x14ac:dyDescent="0.4">
      <c r="A2429" s="9" t="s">
        <v>3503</v>
      </c>
      <c r="B2429" s="16" t="s">
        <v>3737</v>
      </c>
      <c r="C2429" s="16" t="s">
        <v>4783</v>
      </c>
      <c r="D2429" s="10">
        <v>1442301257</v>
      </c>
      <c r="E2429" s="11">
        <v>46387</v>
      </c>
      <c r="F2429" s="9" t="s">
        <v>63</v>
      </c>
      <c r="G2429" s="12">
        <v>2427</v>
      </c>
      <c r="H2429" s="12">
        <f t="shared" si="74"/>
        <v>12</v>
      </c>
      <c r="I2429" s="12">
        <f t="shared" si="75"/>
        <v>5</v>
      </c>
    </row>
    <row r="2430" spans="1:35" s="5" customFormat="1" ht="27.75" customHeight="1" x14ac:dyDescent="0.4">
      <c r="A2430" s="9" t="s">
        <v>3503</v>
      </c>
      <c r="B2430" s="22" t="s">
        <v>4784</v>
      </c>
      <c r="C2430" s="22" t="s">
        <v>4785</v>
      </c>
      <c r="D2430" s="10">
        <v>1442342921</v>
      </c>
      <c r="E2430" s="11">
        <v>46904</v>
      </c>
      <c r="F2430" s="9" t="s">
        <v>63</v>
      </c>
      <c r="G2430" s="5">
        <v>2428</v>
      </c>
      <c r="H2430" s="12">
        <f t="shared" si="74"/>
        <v>13</v>
      </c>
      <c r="I2430" s="12">
        <f t="shared" si="75"/>
        <v>6</v>
      </c>
    </row>
    <row r="2431" spans="1:35" s="5" customFormat="1" ht="27.75" customHeight="1" x14ac:dyDescent="0.4">
      <c r="A2431" s="9" t="s">
        <v>3503</v>
      </c>
      <c r="B2431" s="9" t="s">
        <v>4786</v>
      </c>
      <c r="C2431" s="9" t="s">
        <v>4787</v>
      </c>
      <c r="D2431" s="18">
        <v>1442340131</v>
      </c>
      <c r="E2431" s="11">
        <v>48304</v>
      </c>
      <c r="F2431" s="9" t="s">
        <v>63</v>
      </c>
      <c r="G2431" s="12">
        <v>2429</v>
      </c>
      <c r="H2431" s="12">
        <f t="shared" si="74"/>
        <v>20</v>
      </c>
      <c r="I2431" s="12">
        <f t="shared" si="75"/>
        <v>17</v>
      </c>
    </row>
    <row r="2432" spans="1:35" s="5" customFormat="1" ht="27.75" customHeight="1" x14ac:dyDescent="0.4">
      <c r="A2432" s="9" t="s">
        <v>3503</v>
      </c>
      <c r="B2432" s="9" t="s">
        <v>4788</v>
      </c>
      <c r="C2432" s="9" t="s">
        <v>4789</v>
      </c>
      <c r="D2432" s="18">
        <v>1442340032</v>
      </c>
      <c r="E2432" s="11">
        <v>46387</v>
      </c>
      <c r="F2432" s="9" t="s">
        <v>63</v>
      </c>
      <c r="G2432" s="5">
        <v>2430</v>
      </c>
      <c r="H2432" s="12">
        <f t="shared" si="74"/>
        <v>11</v>
      </c>
      <c r="I2432" s="12">
        <f t="shared" si="75"/>
        <v>17</v>
      </c>
    </row>
    <row r="2433" spans="1:35" s="5" customFormat="1" ht="27.75" customHeight="1" x14ac:dyDescent="0.4">
      <c r="A2433" s="9" t="s">
        <v>3503</v>
      </c>
      <c r="B2433" s="9" t="s">
        <v>4790</v>
      </c>
      <c r="C2433" s="9" t="s">
        <v>4791</v>
      </c>
      <c r="D2433" s="18">
        <v>1442381671</v>
      </c>
      <c r="E2433" s="11">
        <v>46387</v>
      </c>
      <c r="F2433" s="9" t="s">
        <v>63</v>
      </c>
      <c r="G2433" s="12">
        <v>2431</v>
      </c>
      <c r="H2433" s="12">
        <f t="shared" si="74"/>
        <v>19</v>
      </c>
      <c r="I2433" s="12">
        <f t="shared" si="75"/>
        <v>11</v>
      </c>
    </row>
    <row r="2434" spans="1:35" s="5" customFormat="1" ht="27.75" customHeight="1" x14ac:dyDescent="0.4">
      <c r="A2434" s="9" t="s">
        <v>3503</v>
      </c>
      <c r="B2434" s="13" t="s">
        <v>4792</v>
      </c>
      <c r="C2434" s="13" t="s">
        <v>4793</v>
      </c>
      <c r="D2434" s="18">
        <v>1442342855</v>
      </c>
      <c r="E2434" s="11">
        <v>48091</v>
      </c>
      <c r="F2434" s="9" t="s">
        <v>63</v>
      </c>
      <c r="G2434" s="5">
        <v>2432</v>
      </c>
      <c r="H2434" s="12">
        <f t="shared" si="74"/>
        <v>21</v>
      </c>
      <c r="I2434" s="12">
        <f t="shared" si="75"/>
        <v>13</v>
      </c>
    </row>
    <row r="2435" spans="1:35" s="5" customFormat="1" ht="27.75" customHeight="1" x14ac:dyDescent="0.4">
      <c r="A2435" s="9" t="s">
        <v>3503</v>
      </c>
      <c r="B2435" s="9" t="s">
        <v>4794</v>
      </c>
      <c r="C2435" s="9" t="s">
        <v>4795</v>
      </c>
      <c r="D2435" s="18">
        <v>1442340180</v>
      </c>
      <c r="E2435" s="11">
        <v>47177</v>
      </c>
      <c r="F2435" s="9" t="s">
        <v>63</v>
      </c>
      <c r="G2435" s="12">
        <v>2433</v>
      </c>
      <c r="H2435" s="12">
        <f t="shared" si="74"/>
        <v>12</v>
      </c>
      <c r="I2435" s="12">
        <f t="shared" si="75"/>
        <v>10</v>
      </c>
    </row>
    <row r="2436" spans="1:35" s="5" customFormat="1" ht="27.75" customHeight="1" x14ac:dyDescent="0.4">
      <c r="A2436" s="9" t="s">
        <v>3503</v>
      </c>
      <c r="B2436" s="9" t="s">
        <v>4796</v>
      </c>
      <c r="C2436" s="9" t="s">
        <v>4797</v>
      </c>
      <c r="D2436" s="18">
        <v>1442301273</v>
      </c>
      <c r="E2436" s="11">
        <v>46387</v>
      </c>
      <c r="F2436" s="9" t="s">
        <v>63</v>
      </c>
      <c r="G2436" s="5">
        <v>2434</v>
      </c>
      <c r="H2436" s="12">
        <f t="shared" ref="H2436:H2499" si="76">LEN(C2436)</f>
        <v>14</v>
      </c>
      <c r="I2436" s="12">
        <f t="shared" ref="I2436:I2499" si="77">LEN(B2436)</f>
        <v>4</v>
      </c>
      <c r="J2436" s="24"/>
      <c r="K2436" s="24"/>
      <c r="L2436" s="24"/>
      <c r="M2436" s="24"/>
      <c r="N2436" s="24"/>
      <c r="O2436" s="24"/>
      <c r="P2436" s="24"/>
      <c r="Q2436" s="24"/>
      <c r="R2436" s="24"/>
      <c r="S2436" s="24"/>
      <c r="T2436" s="24"/>
      <c r="U2436" s="24"/>
      <c r="V2436" s="24"/>
      <c r="W2436" s="24"/>
      <c r="X2436" s="24"/>
      <c r="Y2436" s="24"/>
      <c r="Z2436" s="24"/>
      <c r="AA2436" s="24"/>
      <c r="AB2436" s="24"/>
      <c r="AC2436" s="24"/>
      <c r="AD2436" s="24"/>
      <c r="AE2436" s="24"/>
      <c r="AF2436" s="24"/>
      <c r="AG2436" s="24"/>
      <c r="AH2436" s="24"/>
      <c r="AI2436" s="24"/>
    </row>
    <row r="2437" spans="1:35" s="5" customFormat="1" ht="27.75" customHeight="1" x14ac:dyDescent="0.4">
      <c r="A2437" s="13" t="s">
        <v>3503</v>
      </c>
      <c r="B2437" s="9" t="s">
        <v>4798</v>
      </c>
      <c r="C2437" s="9" t="s">
        <v>4799</v>
      </c>
      <c r="D2437" s="18">
        <v>1442343044</v>
      </c>
      <c r="E2437" s="11">
        <v>47999</v>
      </c>
      <c r="F2437" s="9" t="s">
        <v>63</v>
      </c>
      <c r="G2437" s="12">
        <v>2435</v>
      </c>
      <c r="H2437" s="12">
        <f t="shared" si="76"/>
        <v>21</v>
      </c>
      <c r="I2437" s="12">
        <f t="shared" si="77"/>
        <v>10</v>
      </c>
    </row>
    <row r="2438" spans="1:35" s="5" customFormat="1" ht="27.75" customHeight="1" x14ac:dyDescent="0.4">
      <c r="A2438" s="15" t="s">
        <v>3503</v>
      </c>
      <c r="B2438" s="15" t="s">
        <v>4800</v>
      </c>
      <c r="C2438" s="15" t="s">
        <v>4801</v>
      </c>
      <c r="D2438" s="21">
        <v>1442342954</v>
      </c>
      <c r="E2438" s="11">
        <v>47057</v>
      </c>
      <c r="F2438" s="9" t="s">
        <v>63</v>
      </c>
      <c r="G2438" s="5">
        <v>2436</v>
      </c>
      <c r="H2438" s="12">
        <f t="shared" si="76"/>
        <v>12</v>
      </c>
      <c r="I2438" s="12">
        <f t="shared" si="77"/>
        <v>6</v>
      </c>
      <c r="J2438" s="12"/>
      <c r="K2438" s="12"/>
      <c r="L2438" s="12"/>
      <c r="M2438" s="12"/>
      <c r="N2438" s="12"/>
      <c r="O2438" s="12"/>
      <c r="P2438" s="12"/>
      <c r="Q2438" s="12"/>
      <c r="R2438" s="12"/>
      <c r="S2438" s="12"/>
      <c r="T2438" s="12"/>
      <c r="U2438" s="12"/>
      <c r="V2438" s="12"/>
      <c r="W2438" s="12"/>
      <c r="X2438" s="12"/>
      <c r="Y2438" s="12"/>
      <c r="Z2438" s="12"/>
      <c r="AA2438" s="12"/>
      <c r="AB2438" s="12"/>
      <c r="AC2438" s="12"/>
      <c r="AD2438" s="12"/>
      <c r="AE2438" s="12"/>
      <c r="AF2438" s="12"/>
      <c r="AG2438" s="12"/>
      <c r="AH2438" s="12"/>
      <c r="AI2438" s="12"/>
    </row>
    <row r="2439" spans="1:35" s="5" customFormat="1" ht="27.75" customHeight="1" x14ac:dyDescent="0.4">
      <c r="A2439" s="9" t="s">
        <v>3503</v>
      </c>
      <c r="B2439" s="9" t="s">
        <v>4802</v>
      </c>
      <c r="C2439" s="9" t="s">
        <v>4803</v>
      </c>
      <c r="D2439" s="18">
        <v>1442381945</v>
      </c>
      <c r="E2439" s="11">
        <v>46387</v>
      </c>
      <c r="F2439" s="9" t="s">
        <v>63</v>
      </c>
      <c r="G2439" s="12">
        <v>2437</v>
      </c>
      <c r="H2439" s="12">
        <f t="shared" si="76"/>
        <v>13</v>
      </c>
      <c r="I2439" s="12">
        <f t="shared" si="77"/>
        <v>5</v>
      </c>
      <c r="J2439" s="12"/>
      <c r="K2439" s="12"/>
      <c r="L2439" s="12"/>
      <c r="M2439" s="12"/>
      <c r="N2439" s="12"/>
      <c r="O2439" s="12"/>
      <c r="P2439" s="12"/>
      <c r="Q2439" s="12"/>
      <c r="R2439" s="12"/>
      <c r="S2439" s="12"/>
      <c r="T2439" s="12"/>
      <c r="U2439" s="12"/>
      <c r="V2439" s="12"/>
      <c r="W2439" s="12"/>
      <c r="X2439" s="12"/>
      <c r="Y2439" s="12"/>
      <c r="Z2439" s="12"/>
      <c r="AA2439" s="12"/>
      <c r="AB2439" s="12"/>
      <c r="AC2439" s="12"/>
      <c r="AD2439" s="12"/>
      <c r="AE2439" s="12"/>
      <c r="AF2439" s="12"/>
      <c r="AG2439" s="12"/>
      <c r="AH2439" s="12"/>
      <c r="AI2439" s="12"/>
    </row>
    <row r="2440" spans="1:35" s="5" customFormat="1" ht="27.75" customHeight="1" x14ac:dyDescent="0.4">
      <c r="A2440" s="9" t="s">
        <v>3503</v>
      </c>
      <c r="B2440" s="9" t="s">
        <v>4804</v>
      </c>
      <c r="C2440" s="9" t="s">
        <v>4805</v>
      </c>
      <c r="D2440" s="18">
        <v>1442340230</v>
      </c>
      <c r="E2440" s="11">
        <v>48304</v>
      </c>
      <c r="F2440" s="9" t="s">
        <v>63</v>
      </c>
      <c r="G2440" s="5">
        <v>2438</v>
      </c>
      <c r="H2440" s="12">
        <f t="shared" si="76"/>
        <v>13</v>
      </c>
      <c r="I2440" s="12">
        <f t="shared" si="77"/>
        <v>9</v>
      </c>
    </row>
    <row r="2441" spans="1:35" s="5" customFormat="1" ht="27.75" customHeight="1" x14ac:dyDescent="0.4">
      <c r="A2441" s="16" t="s">
        <v>3503</v>
      </c>
      <c r="B2441" s="15" t="s">
        <v>4806</v>
      </c>
      <c r="C2441" s="16" t="s">
        <v>4807</v>
      </c>
      <c r="D2441" s="10">
        <v>1442343077</v>
      </c>
      <c r="E2441" s="11">
        <v>47968</v>
      </c>
      <c r="F2441" s="9" t="s">
        <v>63</v>
      </c>
      <c r="G2441" s="12">
        <v>2439</v>
      </c>
      <c r="H2441" s="12">
        <f t="shared" si="76"/>
        <v>13</v>
      </c>
      <c r="I2441" s="12">
        <f t="shared" si="77"/>
        <v>9</v>
      </c>
    </row>
    <row r="2442" spans="1:35" s="5" customFormat="1" ht="27.75" customHeight="1" x14ac:dyDescent="0.4">
      <c r="A2442" s="9" t="s">
        <v>3503</v>
      </c>
      <c r="B2442" s="9" t="s">
        <v>3980</v>
      </c>
      <c r="C2442" s="9" t="s">
        <v>4808</v>
      </c>
      <c r="D2442" s="18">
        <v>1442382315</v>
      </c>
      <c r="E2442" s="11">
        <v>46387</v>
      </c>
      <c r="F2442" s="9" t="s">
        <v>63</v>
      </c>
      <c r="G2442" s="5">
        <v>2440</v>
      </c>
      <c r="H2442" s="12">
        <f t="shared" si="76"/>
        <v>18</v>
      </c>
      <c r="I2442" s="12">
        <f t="shared" si="77"/>
        <v>6</v>
      </c>
    </row>
    <row r="2443" spans="1:35" s="5" customFormat="1" ht="27.75" customHeight="1" x14ac:dyDescent="0.4">
      <c r="A2443" s="9" t="s">
        <v>3503</v>
      </c>
      <c r="B2443" s="9" t="s">
        <v>4809</v>
      </c>
      <c r="C2443" s="9" t="s">
        <v>4810</v>
      </c>
      <c r="D2443" s="18">
        <v>1442343002</v>
      </c>
      <c r="E2443" s="11">
        <v>47664</v>
      </c>
      <c r="F2443" s="9" t="s">
        <v>63</v>
      </c>
      <c r="G2443" s="12">
        <v>2441</v>
      </c>
      <c r="H2443" s="12">
        <f t="shared" si="76"/>
        <v>25</v>
      </c>
      <c r="I2443" s="12">
        <f t="shared" si="77"/>
        <v>10</v>
      </c>
    </row>
    <row r="2444" spans="1:35" s="5" customFormat="1" ht="27.75" customHeight="1" x14ac:dyDescent="0.4">
      <c r="A2444" s="9" t="s">
        <v>3503</v>
      </c>
      <c r="B2444" s="9" t="s">
        <v>4811</v>
      </c>
      <c r="C2444" s="9" t="s">
        <v>4812</v>
      </c>
      <c r="D2444" s="18">
        <v>1442342996</v>
      </c>
      <c r="E2444" s="11">
        <v>47542</v>
      </c>
      <c r="F2444" s="9" t="s">
        <v>63</v>
      </c>
      <c r="G2444" s="5">
        <v>2442</v>
      </c>
      <c r="H2444" s="12">
        <f t="shared" si="76"/>
        <v>12</v>
      </c>
      <c r="I2444" s="12">
        <f t="shared" si="77"/>
        <v>13</v>
      </c>
    </row>
    <row r="2445" spans="1:35" s="5" customFormat="1" ht="27.75" customHeight="1" x14ac:dyDescent="0.4">
      <c r="A2445" s="9" t="s">
        <v>3503</v>
      </c>
      <c r="B2445" s="9" t="s">
        <v>4813</v>
      </c>
      <c r="C2445" s="9" t="s">
        <v>4814</v>
      </c>
      <c r="D2445" s="18">
        <v>1442340305</v>
      </c>
      <c r="E2445" s="11">
        <v>46326</v>
      </c>
      <c r="F2445" s="9" t="s">
        <v>63</v>
      </c>
      <c r="G2445" s="12">
        <v>2443</v>
      </c>
      <c r="H2445" s="12">
        <f t="shared" si="76"/>
        <v>12</v>
      </c>
      <c r="I2445" s="12">
        <f t="shared" si="77"/>
        <v>9</v>
      </c>
    </row>
    <row r="2446" spans="1:35" s="5" customFormat="1" ht="27.75" customHeight="1" x14ac:dyDescent="0.4">
      <c r="A2446" s="9" t="s">
        <v>3503</v>
      </c>
      <c r="B2446" s="9" t="s">
        <v>4815</v>
      </c>
      <c r="C2446" s="9" t="s">
        <v>4816</v>
      </c>
      <c r="D2446" s="18">
        <v>1442300481</v>
      </c>
      <c r="E2446" s="11">
        <v>46387</v>
      </c>
      <c r="F2446" s="9" t="s">
        <v>63</v>
      </c>
      <c r="G2446" s="5">
        <v>2444</v>
      </c>
      <c r="H2446" s="12">
        <f t="shared" si="76"/>
        <v>14</v>
      </c>
      <c r="I2446" s="12">
        <f t="shared" si="77"/>
        <v>8</v>
      </c>
    </row>
    <row r="2447" spans="1:35" s="5" customFormat="1" ht="27.75" customHeight="1" x14ac:dyDescent="0.4">
      <c r="A2447" s="9" t="s">
        <v>3503</v>
      </c>
      <c r="B2447" s="9" t="s">
        <v>4817</v>
      </c>
      <c r="C2447" s="9" t="s">
        <v>4818</v>
      </c>
      <c r="D2447" s="18">
        <v>1442300085</v>
      </c>
      <c r="E2447" s="11">
        <v>46387</v>
      </c>
      <c r="F2447" s="9" t="s">
        <v>63</v>
      </c>
      <c r="G2447" s="12">
        <v>2445</v>
      </c>
      <c r="H2447" s="12">
        <f t="shared" si="76"/>
        <v>11</v>
      </c>
      <c r="I2447" s="12">
        <f t="shared" si="77"/>
        <v>10</v>
      </c>
    </row>
    <row r="2448" spans="1:35" s="5" customFormat="1" ht="27.75" customHeight="1" x14ac:dyDescent="0.4">
      <c r="A2448" s="13" t="s">
        <v>3503</v>
      </c>
      <c r="B2448" s="9" t="s">
        <v>4819</v>
      </c>
      <c r="C2448" s="9" t="s">
        <v>4820</v>
      </c>
      <c r="D2448" s="18">
        <v>1442301158</v>
      </c>
      <c r="E2448" s="11">
        <v>46387</v>
      </c>
      <c r="F2448" s="9" t="s">
        <v>63</v>
      </c>
      <c r="G2448" s="5">
        <v>2446</v>
      </c>
      <c r="H2448" s="12">
        <f t="shared" si="76"/>
        <v>11</v>
      </c>
      <c r="I2448" s="12">
        <f t="shared" si="77"/>
        <v>7</v>
      </c>
    </row>
    <row r="2449" spans="1:9" s="5" customFormat="1" ht="27.75" customHeight="1" x14ac:dyDescent="0.4">
      <c r="A2449" s="13" t="s">
        <v>3503</v>
      </c>
      <c r="B2449" s="13" t="s">
        <v>4194</v>
      </c>
      <c r="C2449" s="13" t="s">
        <v>4821</v>
      </c>
      <c r="D2449" s="18">
        <v>1442382034</v>
      </c>
      <c r="E2449" s="11">
        <v>46387</v>
      </c>
      <c r="F2449" s="9" t="s">
        <v>63</v>
      </c>
      <c r="G2449" s="12">
        <v>2447</v>
      </c>
      <c r="H2449" s="12">
        <f t="shared" si="76"/>
        <v>9</v>
      </c>
      <c r="I2449" s="12">
        <f t="shared" si="77"/>
        <v>6</v>
      </c>
    </row>
    <row r="2450" spans="1:9" s="5" customFormat="1" ht="27.75" customHeight="1" x14ac:dyDescent="0.4">
      <c r="A2450" s="13" t="s">
        <v>3503</v>
      </c>
      <c r="B2450" s="9" t="s">
        <v>4822</v>
      </c>
      <c r="C2450" s="9" t="s">
        <v>4823</v>
      </c>
      <c r="D2450" s="18">
        <v>1442382406</v>
      </c>
      <c r="E2450" s="11">
        <v>46387</v>
      </c>
      <c r="F2450" s="9" t="s">
        <v>63</v>
      </c>
      <c r="G2450" s="5">
        <v>2448</v>
      </c>
      <c r="H2450" s="12">
        <f t="shared" si="76"/>
        <v>11</v>
      </c>
      <c r="I2450" s="12">
        <f t="shared" si="77"/>
        <v>13</v>
      </c>
    </row>
    <row r="2451" spans="1:9" s="5" customFormat="1" ht="27.75" customHeight="1" x14ac:dyDescent="0.4">
      <c r="A2451" s="9" t="s">
        <v>3503</v>
      </c>
      <c r="B2451" s="9" t="s">
        <v>4824</v>
      </c>
      <c r="C2451" s="9" t="s">
        <v>4825</v>
      </c>
      <c r="D2451" s="18">
        <v>1442300366</v>
      </c>
      <c r="E2451" s="11">
        <v>46387</v>
      </c>
      <c r="F2451" s="9" t="s">
        <v>63</v>
      </c>
      <c r="G2451" s="12">
        <v>2449</v>
      </c>
      <c r="H2451" s="12">
        <f t="shared" si="76"/>
        <v>9</v>
      </c>
      <c r="I2451" s="12">
        <f t="shared" si="77"/>
        <v>5</v>
      </c>
    </row>
    <row r="2452" spans="1:9" s="5" customFormat="1" ht="27.75" customHeight="1" x14ac:dyDescent="0.4">
      <c r="A2452" s="13" t="s">
        <v>3503</v>
      </c>
      <c r="B2452" s="13" t="s">
        <v>4826</v>
      </c>
      <c r="C2452" s="13" t="s">
        <v>4827</v>
      </c>
      <c r="D2452" s="26">
        <v>1442340321</v>
      </c>
      <c r="E2452" s="11">
        <v>46446</v>
      </c>
      <c r="F2452" s="9" t="s">
        <v>63</v>
      </c>
      <c r="G2452" s="5">
        <v>2450</v>
      </c>
      <c r="H2452" s="12">
        <f t="shared" si="76"/>
        <v>13</v>
      </c>
      <c r="I2452" s="12">
        <f t="shared" si="77"/>
        <v>5</v>
      </c>
    </row>
    <row r="2453" spans="1:9" s="5" customFormat="1" ht="27.75" customHeight="1" x14ac:dyDescent="0.4">
      <c r="A2453" s="9" t="s">
        <v>3503</v>
      </c>
      <c r="B2453" s="9" t="s">
        <v>4828</v>
      </c>
      <c r="C2453" s="9" t="s">
        <v>4829</v>
      </c>
      <c r="D2453" s="18">
        <v>1442340206</v>
      </c>
      <c r="E2453" s="11">
        <v>47299</v>
      </c>
      <c r="F2453" s="9" t="s">
        <v>63</v>
      </c>
      <c r="G2453" s="12">
        <v>2451</v>
      </c>
      <c r="H2453" s="12">
        <f t="shared" si="76"/>
        <v>12</v>
      </c>
      <c r="I2453" s="12">
        <f t="shared" si="77"/>
        <v>7</v>
      </c>
    </row>
    <row r="2454" spans="1:9" s="5" customFormat="1" ht="27.75" customHeight="1" x14ac:dyDescent="0.4">
      <c r="A2454" s="13" t="s">
        <v>3503</v>
      </c>
      <c r="B2454" s="9" t="s">
        <v>4830</v>
      </c>
      <c r="C2454" s="9" t="s">
        <v>4831</v>
      </c>
      <c r="D2454" s="18">
        <v>1442382174</v>
      </c>
      <c r="E2454" s="11">
        <v>46387</v>
      </c>
      <c r="F2454" s="9" t="s">
        <v>63</v>
      </c>
      <c r="G2454" s="5">
        <v>2452</v>
      </c>
      <c r="H2454" s="12">
        <f t="shared" si="76"/>
        <v>11</v>
      </c>
      <c r="I2454" s="12">
        <f t="shared" si="77"/>
        <v>6</v>
      </c>
    </row>
    <row r="2455" spans="1:9" s="5" customFormat="1" ht="27.75" customHeight="1" x14ac:dyDescent="0.4">
      <c r="A2455" s="9" t="s">
        <v>3503</v>
      </c>
      <c r="B2455" s="13" t="s">
        <v>4832</v>
      </c>
      <c r="C2455" s="9" t="s">
        <v>4833</v>
      </c>
      <c r="D2455" s="18">
        <v>1442382299</v>
      </c>
      <c r="E2455" s="11">
        <v>46387</v>
      </c>
      <c r="F2455" s="9" t="s">
        <v>63</v>
      </c>
      <c r="G2455" s="12">
        <v>2453</v>
      </c>
      <c r="H2455" s="12">
        <f t="shared" si="76"/>
        <v>13</v>
      </c>
      <c r="I2455" s="12">
        <f t="shared" si="77"/>
        <v>5</v>
      </c>
    </row>
    <row r="2456" spans="1:9" s="5" customFormat="1" ht="27.75" customHeight="1" x14ac:dyDescent="0.4">
      <c r="A2456" s="9" t="s">
        <v>3503</v>
      </c>
      <c r="B2456" s="9" t="s">
        <v>4834</v>
      </c>
      <c r="C2456" s="9" t="s">
        <v>4835</v>
      </c>
      <c r="D2456" s="18">
        <v>1442340099</v>
      </c>
      <c r="E2456" s="11">
        <v>46873</v>
      </c>
      <c r="F2456" s="9" t="s">
        <v>63</v>
      </c>
      <c r="G2456" s="5">
        <v>2454</v>
      </c>
      <c r="H2456" s="12">
        <f t="shared" si="76"/>
        <v>12</v>
      </c>
      <c r="I2456" s="12">
        <f t="shared" si="77"/>
        <v>12</v>
      </c>
    </row>
    <row r="2457" spans="1:9" s="5" customFormat="1" ht="27.75" customHeight="1" x14ac:dyDescent="0.4">
      <c r="A2457" s="9" t="s">
        <v>3503</v>
      </c>
      <c r="B2457" s="9" t="s">
        <v>4836</v>
      </c>
      <c r="C2457" s="9" t="s">
        <v>4837</v>
      </c>
      <c r="D2457" s="23">
        <v>1442301018</v>
      </c>
      <c r="E2457" s="11">
        <v>46387</v>
      </c>
      <c r="F2457" s="9" t="s">
        <v>63</v>
      </c>
      <c r="G2457" s="12">
        <v>2455</v>
      </c>
      <c r="H2457" s="12">
        <f t="shared" si="76"/>
        <v>12</v>
      </c>
      <c r="I2457" s="12">
        <f t="shared" si="77"/>
        <v>6</v>
      </c>
    </row>
    <row r="2458" spans="1:9" s="5" customFormat="1" ht="27.75" customHeight="1" x14ac:dyDescent="0.4">
      <c r="A2458" s="22" t="s">
        <v>3503</v>
      </c>
      <c r="B2458" s="15" t="s">
        <v>4838</v>
      </c>
      <c r="C2458" s="16" t="s">
        <v>4839</v>
      </c>
      <c r="D2458" s="10">
        <v>1442342970</v>
      </c>
      <c r="E2458" s="11">
        <v>47483</v>
      </c>
      <c r="F2458" s="9" t="s">
        <v>63</v>
      </c>
      <c r="G2458" s="5">
        <v>2456</v>
      </c>
      <c r="H2458" s="12">
        <f t="shared" si="76"/>
        <v>12</v>
      </c>
      <c r="I2458" s="12">
        <f t="shared" si="77"/>
        <v>6</v>
      </c>
    </row>
    <row r="2459" spans="1:9" s="5" customFormat="1" ht="27.75" customHeight="1" x14ac:dyDescent="0.4">
      <c r="A2459" s="13" t="s">
        <v>3503</v>
      </c>
      <c r="B2459" s="9" t="s">
        <v>4840</v>
      </c>
      <c r="C2459" s="9" t="s">
        <v>4841</v>
      </c>
      <c r="D2459" s="18">
        <v>1442340115</v>
      </c>
      <c r="E2459" s="11">
        <v>47026</v>
      </c>
      <c r="F2459" s="9" t="s">
        <v>63</v>
      </c>
      <c r="G2459" s="12">
        <v>2457</v>
      </c>
      <c r="H2459" s="12">
        <f t="shared" si="76"/>
        <v>11</v>
      </c>
      <c r="I2459" s="12">
        <f t="shared" si="77"/>
        <v>13</v>
      </c>
    </row>
    <row r="2460" spans="1:9" s="5" customFormat="1" ht="27.75" customHeight="1" x14ac:dyDescent="0.4">
      <c r="A2460" s="13" t="s">
        <v>3503</v>
      </c>
      <c r="B2460" s="9" t="s">
        <v>4842</v>
      </c>
      <c r="C2460" s="9" t="s">
        <v>4843</v>
      </c>
      <c r="D2460" s="18">
        <v>1442381754</v>
      </c>
      <c r="E2460" s="11">
        <v>46387</v>
      </c>
      <c r="F2460" s="9" t="s">
        <v>63</v>
      </c>
      <c r="G2460" s="5">
        <v>2458</v>
      </c>
      <c r="H2460" s="12">
        <f t="shared" si="76"/>
        <v>11</v>
      </c>
      <c r="I2460" s="12">
        <f t="shared" si="77"/>
        <v>5</v>
      </c>
    </row>
    <row r="2461" spans="1:9" s="5" customFormat="1" ht="27.75" customHeight="1" x14ac:dyDescent="0.4">
      <c r="A2461" s="13" t="s">
        <v>3503</v>
      </c>
      <c r="B2461" s="13" t="s">
        <v>4844</v>
      </c>
      <c r="C2461" s="13" t="s">
        <v>4845</v>
      </c>
      <c r="D2461" s="26">
        <v>1442381796</v>
      </c>
      <c r="E2461" s="11">
        <v>46387</v>
      </c>
      <c r="F2461" s="9" t="s">
        <v>63</v>
      </c>
      <c r="G2461" s="12">
        <v>2459</v>
      </c>
      <c r="H2461" s="12">
        <f t="shared" si="76"/>
        <v>11</v>
      </c>
      <c r="I2461" s="12">
        <f t="shared" si="77"/>
        <v>8</v>
      </c>
    </row>
    <row r="2462" spans="1:9" s="5" customFormat="1" ht="27.75" customHeight="1" x14ac:dyDescent="0.4">
      <c r="A2462" s="9" t="s">
        <v>3503</v>
      </c>
      <c r="B2462" s="9" t="s">
        <v>4846</v>
      </c>
      <c r="C2462" s="9" t="s">
        <v>4847</v>
      </c>
      <c r="D2462" s="18">
        <v>1442342988</v>
      </c>
      <c r="E2462" s="11">
        <v>47514</v>
      </c>
      <c r="F2462" s="9" t="s">
        <v>63</v>
      </c>
      <c r="G2462" s="5">
        <v>2460</v>
      </c>
      <c r="H2462" s="12">
        <f t="shared" si="76"/>
        <v>11</v>
      </c>
      <c r="I2462" s="12">
        <f t="shared" si="77"/>
        <v>13</v>
      </c>
    </row>
    <row r="2463" spans="1:9" s="5" customFormat="1" ht="27.75" customHeight="1" x14ac:dyDescent="0.4">
      <c r="A2463" s="9" t="s">
        <v>3503</v>
      </c>
      <c r="B2463" s="9" t="s">
        <v>4848</v>
      </c>
      <c r="C2463" s="9" t="s">
        <v>4849</v>
      </c>
      <c r="D2463" s="18">
        <v>1442340008</v>
      </c>
      <c r="E2463" s="11">
        <v>46387</v>
      </c>
      <c r="F2463" s="9" t="s">
        <v>63</v>
      </c>
      <c r="G2463" s="12">
        <v>2461</v>
      </c>
      <c r="H2463" s="12">
        <f t="shared" si="76"/>
        <v>11</v>
      </c>
      <c r="I2463" s="12">
        <f t="shared" si="77"/>
        <v>8</v>
      </c>
    </row>
    <row r="2464" spans="1:9" s="5" customFormat="1" ht="27.75" customHeight="1" x14ac:dyDescent="0.4">
      <c r="A2464" s="17" t="s">
        <v>3503</v>
      </c>
      <c r="B2464" s="9" t="s">
        <v>4850</v>
      </c>
      <c r="C2464" s="9" t="s">
        <v>4851</v>
      </c>
      <c r="D2464" s="18">
        <v>1442381879</v>
      </c>
      <c r="E2464" s="11">
        <v>46387</v>
      </c>
      <c r="F2464" s="9" t="s">
        <v>63</v>
      </c>
      <c r="G2464" s="5">
        <v>2462</v>
      </c>
      <c r="H2464" s="12">
        <f t="shared" si="76"/>
        <v>22</v>
      </c>
      <c r="I2464" s="12">
        <f t="shared" si="77"/>
        <v>13</v>
      </c>
    </row>
    <row r="2465" spans="1:9" s="5" customFormat="1" ht="27.75" customHeight="1" x14ac:dyDescent="0.4">
      <c r="A2465" s="13" t="s">
        <v>3503</v>
      </c>
      <c r="B2465" s="9" t="s">
        <v>4852</v>
      </c>
      <c r="C2465" s="9" t="s">
        <v>4853</v>
      </c>
      <c r="D2465" s="18">
        <v>1442381853</v>
      </c>
      <c r="E2465" s="11">
        <v>46387</v>
      </c>
      <c r="F2465" s="9" t="s">
        <v>63</v>
      </c>
      <c r="G2465" s="12">
        <v>2463</v>
      </c>
      <c r="H2465" s="12">
        <f t="shared" si="76"/>
        <v>10</v>
      </c>
      <c r="I2465" s="12">
        <f t="shared" si="77"/>
        <v>6</v>
      </c>
    </row>
    <row r="2466" spans="1:9" s="5" customFormat="1" ht="27.75" customHeight="1" x14ac:dyDescent="0.4">
      <c r="A2466" s="13" t="s">
        <v>3503</v>
      </c>
      <c r="B2466" s="9" t="s">
        <v>4854</v>
      </c>
      <c r="C2466" s="9" t="s">
        <v>4855</v>
      </c>
      <c r="D2466" s="18">
        <v>1442340024</v>
      </c>
      <c r="E2466" s="11">
        <v>46387</v>
      </c>
      <c r="F2466" s="9" t="s">
        <v>63</v>
      </c>
      <c r="G2466" s="5">
        <v>2464</v>
      </c>
      <c r="H2466" s="12">
        <f t="shared" si="76"/>
        <v>11</v>
      </c>
      <c r="I2466" s="12">
        <f t="shared" si="77"/>
        <v>15</v>
      </c>
    </row>
    <row r="2467" spans="1:9" s="5" customFormat="1" ht="27.75" customHeight="1" x14ac:dyDescent="0.4">
      <c r="A2467" s="9" t="s">
        <v>3503</v>
      </c>
      <c r="B2467" s="9" t="s">
        <v>4856</v>
      </c>
      <c r="C2467" s="9" t="s">
        <v>4857</v>
      </c>
      <c r="D2467" s="18">
        <v>1442343051</v>
      </c>
      <c r="E2467" s="11">
        <v>47999</v>
      </c>
      <c r="F2467" s="9" t="s">
        <v>63</v>
      </c>
      <c r="G2467" s="12">
        <v>2465</v>
      </c>
      <c r="H2467" s="12">
        <f t="shared" si="76"/>
        <v>13</v>
      </c>
      <c r="I2467" s="12">
        <f t="shared" si="77"/>
        <v>14</v>
      </c>
    </row>
    <row r="2468" spans="1:9" s="5" customFormat="1" ht="27.75" customHeight="1" x14ac:dyDescent="0.4">
      <c r="A2468" s="29" t="s">
        <v>3503</v>
      </c>
      <c r="B2468" s="29" t="s">
        <v>4858</v>
      </c>
      <c r="C2468" s="22" t="s">
        <v>4859</v>
      </c>
      <c r="D2468" s="10">
        <v>1442300598</v>
      </c>
      <c r="E2468" s="11">
        <v>46387</v>
      </c>
      <c r="F2468" s="9" t="s">
        <v>63</v>
      </c>
      <c r="G2468" s="5">
        <v>2466</v>
      </c>
      <c r="H2468" s="12">
        <f t="shared" si="76"/>
        <v>11</v>
      </c>
      <c r="I2468" s="12">
        <f t="shared" si="77"/>
        <v>4</v>
      </c>
    </row>
    <row r="2469" spans="1:9" s="5" customFormat="1" ht="27.75" customHeight="1" x14ac:dyDescent="0.4">
      <c r="A2469" s="15" t="s">
        <v>3503</v>
      </c>
      <c r="B2469" s="15" t="s">
        <v>4860</v>
      </c>
      <c r="C2469" s="16" t="s">
        <v>4861</v>
      </c>
      <c r="D2469" s="10">
        <v>1442382240</v>
      </c>
      <c r="E2469" s="27">
        <v>46387</v>
      </c>
      <c r="F2469" s="9" t="s">
        <v>63</v>
      </c>
      <c r="G2469" s="12">
        <v>2467</v>
      </c>
      <c r="H2469" s="12">
        <f t="shared" si="76"/>
        <v>13</v>
      </c>
      <c r="I2469" s="12">
        <f t="shared" si="77"/>
        <v>14</v>
      </c>
    </row>
    <row r="2470" spans="1:9" s="5" customFormat="1" ht="27.75" customHeight="1" x14ac:dyDescent="0.4">
      <c r="A2470" s="9" t="s">
        <v>3503</v>
      </c>
      <c r="B2470" s="9" t="s">
        <v>4862</v>
      </c>
      <c r="C2470" s="9" t="s">
        <v>4863</v>
      </c>
      <c r="D2470" s="18">
        <v>1442381556</v>
      </c>
      <c r="E2470" s="11">
        <v>46387</v>
      </c>
      <c r="F2470" s="9" t="s">
        <v>63</v>
      </c>
      <c r="G2470" s="5">
        <v>2468</v>
      </c>
      <c r="H2470" s="12">
        <f t="shared" si="76"/>
        <v>13</v>
      </c>
      <c r="I2470" s="12">
        <f t="shared" si="77"/>
        <v>11</v>
      </c>
    </row>
    <row r="2471" spans="1:9" s="5" customFormat="1" ht="27.75" customHeight="1" x14ac:dyDescent="0.4">
      <c r="A2471" s="9" t="s">
        <v>3503</v>
      </c>
      <c r="B2471" s="9" t="s">
        <v>4864</v>
      </c>
      <c r="C2471" s="9" t="s">
        <v>4865</v>
      </c>
      <c r="D2471" s="18">
        <v>1442382224</v>
      </c>
      <c r="E2471" s="11">
        <v>46387</v>
      </c>
      <c r="F2471" s="9" t="s">
        <v>63</v>
      </c>
      <c r="G2471" s="12">
        <v>2469</v>
      </c>
      <c r="H2471" s="12">
        <f t="shared" si="76"/>
        <v>11</v>
      </c>
      <c r="I2471" s="12">
        <f t="shared" si="77"/>
        <v>11</v>
      </c>
    </row>
    <row r="2472" spans="1:9" s="5" customFormat="1" ht="27.75" customHeight="1" x14ac:dyDescent="0.4">
      <c r="A2472" s="9" t="s">
        <v>3503</v>
      </c>
      <c r="B2472" s="13" t="s">
        <v>4866</v>
      </c>
      <c r="C2472" s="9" t="s">
        <v>4867</v>
      </c>
      <c r="D2472" s="18">
        <v>1442382257</v>
      </c>
      <c r="E2472" s="11">
        <v>46387</v>
      </c>
      <c r="F2472" s="9" t="s">
        <v>63</v>
      </c>
      <c r="G2472" s="5">
        <v>2470</v>
      </c>
      <c r="H2472" s="12">
        <f t="shared" si="76"/>
        <v>13</v>
      </c>
      <c r="I2472" s="12">
        <f t="shared" si="77"/>
        <v>4</v>
      </c>
    </row>
    <row r="2473" spans="1:9" s="5" customFormat="1" ht="27.75" customHeight="1" x14ac:dyDescent="0.4">
      <c r="A2473" s="13" t="s">
        <v>3503</v>
      </c>
      <c r="B2473" s="9" t="s">
        <v>4868</v>
      </c>
      <c r="C2473" s="9" t="s">
        <v>4869</v>
      </c>
      <c r="D2473" s="18">
        <v>1442340362</v>
      </c>
      <c r="E2473" s="11">
        <v>46752</v>
      </c>
      <c r="F2473" s="9" t="s">
        <v>63</v>
      </c>
      <c r="G2473" s="12">
        <v>2471</v>
      </c>
      <c r="H2473" s="12">
        <f t="shared" si="76"/>
        <v>12</v>
      </c>
      <c r="I2473" s="12">
        <f t="shared" si="77"/>
        <v>15</v>
      </c>
    </row>
    <row r="2474" spans="1:9" s="5" customFormat="1" ht="27.75" customHeight="1" x14ac:dyDescent="0.4">
      <c r="A2474" s="9" t="s">
        <v>3503</v>
      </c>
      <c r="B2474" s="9" t="s">
        <v>4870</v>
      </c>
      <c r="C2474" s="9" t="s">
        <v>4871</v>
      </c>
      <c r="D2474" s="18">
        <v>1442382281</v>
      </c>
      <c r="E2474" s="11">
        <v>46965</v>
      </c>
      <c r="F2474" s="9" t="s">
        <v>63</v>
      </c>
      <c r="G2474" s="5">
        <v>2472</v>
      </c>
      <c r="H2474" s="12">
        <f t="shared" si="76"/>
        <v>12</v>
      </c>
      <c r="I2474" s="12">
        <f t="shared" si="77"/>
        <v>5</v>
      </c>
    </row>
    <row r="2475" spans="1:9" s="5" customFormat="1" ht="27.75" customHeight="1" x14ac:dyDescent="0.4">
      <c r="A2475" s="9" t="s">
        <v>3503</v>
      </c>
      <c r="B2475" s="9" t="s">
        <v>4872</v>
      </c>
      <c r="C2475" s="9" t="s">
        <v>4873</v>
      </c>
      <c r="D2475" s="18">
        <v>1442340347</v>
      </c>
      <c r="E2475" s="11">
        <v>46538</v>
      </c>
      <c r="F2475" s="9" t="s">
        <v>63</v>
      </c>
      <c r="G2475" s="12">
        <v>2473</v>
      </c>
      <c r="H2475" s="12">
        <f t="shared" si="76"/>
        <v>17</v>
      </c>
      <c r="I2475" s="12">
        <f t="shared" si="77"/>
        <v>11</v>
      </c>
    </row>
    <row r="2476" spans="1:9" s="5" customFormat="1" ht="27.75" customHeight="1" x14ac:dyDescent="0.4">
      <c r="A2476" s="9" t="s">
        <v>3503</v>
      </c>
      <c r="B2476" s="9" t="s">
        <v>4874</v>
      </c>
      <c r="C2476" s="9" t="s">
        <v>4875</v>
      </c>
      <c r="D2476" s="18">
        <v>1442340016</v>
      </c>
      <c r="E2476" s="11">
        <v>46387</v>
      </c>
      <c r="F2476" s="9" t="s">
        <v>63</v>
      </c>
      <c r="G2476" s="5">
        <v>2474</v>
      </c>
      <c r="H2476" s="12">
        <f t="shared" si="76"/>
        <v>14</v>
      </c>
      <c r="I2476" s="12">
        <f t="shared" si="77"/>
        <v>10</v>
      </c>
    </row>
    <row r="2477" spans="1:9" s="5" customFormat="1" ht="27.75" customHeight="1" x14ac:dyDescent="0.4">
      <c r="A2477" s="9" t="s">
        <v>3503</v>
      </c>
      <c r="B2477" s="9" t="s">
        <v>4876</v>
      </c>
      <c r="C2477" s="9" t="s">
        <v>4877</v>
      </c>
      <c r="D2477" s="18">
        <v>1442343085</v>
      </c>
      <c r="E2477" s="11">
        <v>47999</v>
      </c>
      <c r="F2477" s="9" t="s">
        <v>63</v>
      </c>
      <c r="G2477" s="12">
        <v>2475</v>
      </c>
      <c r="H2477" s="12">
        <f t="shared" si="76"/>
        <v>11</v>
      </c>
      <c r="I2477" s="12">
        <f t="shared" si="77"/>
        <v>6</v>
      </c>
    </row>
    <row r="2478" spans="1:9" s="5" customFormat="1" ht="27.75" customHeight="1" x14ac:dyDescent="0.4">
      <c r="A2478" s="13" t="s">
        <v>3503</v>
      </c>
      <c r="B2478" s="9" t="s">
        <v>4878</v>
      </c>
      <c r="C2478" s="9" t="s">
        <v>4879</v>
      </c>
      <c r="D2478" s="18">
        <v>1442343010</v>
      </c>
      <c r="E2478" s="11">
        <v>47695</v>
      </c>
      <c r="F2478" s="9" t="s">
        <v>63</v>
      </c>
      <c r="G2478" s="5">
        <v>2476</v>
      </c>
      <c r="H2478" s="12">
        <f t="shared" si="76"/>
        <v>25</v>
      </c>
      <c r="I2478" s="12">
        <f t="shared" si="77"/>
        <v>10</v>
      </c>
    </row>
    <row r="2479" spans="1:9" s="5" customFormat="1" ht="27.75" customHeight="1" x14ac:dyDescent="0.4">
      <c r="A2479" s="13" t="s">
        <v>3503</v>
      </c>
      <c r="B2479" s="9" t="s">
        <v>4880</v>
      </c>
      <c r="C2479" s="9" t="s">
        <v>4881</v>
      </c>
      <c r="D2479" s="18">
        <v>1442300408</v>
      </c>
      <c r="E2479" s="11">
        <v>46387</v>
      </c>
      <c r="F2479" s="9" t="s">
        <v>63</v>
      </c>
      <c r="G2479" s="12">
        <v>2477</v>
      </c>
      <c r="H2479" s="12">
        <f t="shared" si="76"/>
        <v>13</v>
      </c>
      <c r="I2479" s="12">
        <f t="shared" si="77"/>
        <v>13</v>
      </c>
    </row>
    <row r="2480" spans="1:9" s="5" customFormat="1" ht="27.75" customHeight="1" x14ac:dyDescent="0.4">
      <c r="A2480" s="9" t="s">
        <v>3503</v>
      </c>
      <c r="B2480" s="9" t="s">
        <v>4882</v>
      </c>
      <c r="C2480" s="9" t="s">
        <v>4883</v>
      </c>
      <c r="D2480" s="18">
        <v>1442382331</v>
      </c>
      <c r="E2480" s="11">
        <v>46387</v>
      </c>
      <c r="F2480" s="9" t="s">
        <v>63</v>
      </c>
      <c r="G2480" s="5">
        <v>2478</v>
      </c>
      <c r="H2480" s="12">
        <f t="shared" si="76"/>
        <v>19</v>
      </c>
      <c r="I2480" s="12">
        <f t="shared" si="77"/>
        <v>4</v>
      </c>
    </row>
    <row r="2481" spans="1:35" s="5" customFormat="1" ht="27.75" customHeight="1" x14ac:dyDescent="0.4">
      <c r="A2481" s="13" t="s">
        <v>3503</v>
      </c>
      <c r="B2481" s="9" t="s">
        <v>4884</v>
      </c>
      <c r="C2481" s="9" t="s">
        <v>4885</v>
      </c>
      <c r="D2481" s="18">
        <v>1442381531</v>
      </c>
      <c r="E2481" s="11">
        <v>46387</v>
      </c>
      <c r="F2481" s="9" t="s">
        <v>63</v>
      </c>
      <c r="G2481" s="12">
        <v>2479</v>
      </c>
      <c r="H2481" s="12">
        <f t="shared" si="76"/>
        <v>26</v>
      </c>
      <c r="I2481" s="12">
        <f t="shared" si="77"/>
        <v>8</v>
      </c>
    </row>
    <row r="2482" spans="1:35" s="5" customFormat="1" ht="27.75" customHeight="1" x14ac:dyDescent="0.4">
      <c r="A2482" s="9" t="s">
        <v>3503</v>
      </c>
      <c r="B2482" s="9" t="s">
        <v>4886</v>
      </c>
      <c r="C2482" s="9" t="s">
        <v>4887</v>
      </c>
      <c r="D2482" s="18">
        <v>1442382422</v>
      </c>
      <c r="E2482" s="11">
        <v>46387</v>
      </c>
      <c r="F2482" s="9" t="s">
        <v>63</v>
      </c>
      <c r="G2482" s="5">
        <v>2480</v>
      </c>
      <c r="H2482" s="12">
        <f t="shared" si="76"/>
        <v>13</v>
      </c>
      <c r="I2482" s="12">
        <f t="shared" si="77"/>
        <v>5</v>
      </c>
    </row>
    <row r="2483" spans="1:35" s="5" customFormat="1" ht="27.75" customHeight="1" x14ac:dyDescent="0.4">
      <c r="A2483" s="9" t="s">
        <v>3503</v>
      </c>
      <c r="B2483" s="9" t="s">
        <v>4888</v>
      </c>
      <c r="C2483" s="9" t="s">
        <v>4889</v>
      </c>
      <c r="D2483" s="18">
        <v>1442340271</v>
      </c>
      <c r="E2483" s="11">
        <v>48426</v>
      </c>
      <c r="F2483" s="9" t="s">
        <v>63</v>
      </c>
      <c r="G2483" s="12">
        <v>2481</v>
      </c>
      <c r="H2483" s="12">
        <f t="shared" si="76"/>
        <v>11</v>
      </c>
      <c r="I2483" s="12">
        <f t="shared" si="77"/>
        <v>12</v>
      </c>
    </row>
    <row r="2484" spans="1:35" s="5" customFormat="1" ht="27.75" customHeight="1" x14ac:dyDescent="0.4">
      <c r="A2484" s="9" t="s">
        <v>3503</v>
      </c>
      <c r="B2484" s="9" t="s">
        <v>4890</v>
      </c>
      <c r="C2484" s="9" t="s">
        <v>4891</v>
      </c>
      <c r="D2484" s="18">
        <v>1442342822</v>
      </c>
      <c r="E2484" s="11">
        <v>47879</v>
      </c>
      <c r="F2484" s="9" t="s">
        <v>63</v>
      </c>
      <c r="G2484" s="5">
        <v>2482</v>
      </c>
      <c r="H2484" s="12">
        <f t="shared" si="76"/>
        <v>13</v>
      </c>
      <c r="I2484" s="12">
        <f t="shared" si="77"/>
        <v>6</v>
      </c>
    </row>
    <row r="2485" spans="1:35" s="5" customFormat="1" ht="27.75" customHeight="1" x14ac:dyDescent="0.4">
      <c r="A2485" s="9" t="s">
        <v>3503</v>
      </c>
      <c r="B2485" s="9" t="s">
        <v>4892</v>
      </c>
      <c r="C2485" s="9" t="s">
        <v>4893</v>
      </c>
      <c r="D2485" s="18">
        <v>1442382117</v>
      </c>
      <c r="E2485" s="11">
        <v>46387</v>
      </c>
      <c r="F2485" s="9" t="s">
        <v>63</v>
      </c>
      <c r="G2485" s="12">
        <v>2483</v>
      </c>
      <c r="H2485" s="12">
        <f t="shared" si="76"/>
        <v>10</v>
      </c>
      <c r="I2485" s="12">
        <f t="shared" si="77"/>
        <v>5</v>
      </c>
      <c r="J2485" s="12"/>
      <c r="K2485" s="12"/>
      <c r="L2485" s="12"/>
      <c r="M2485" s="12"/>
      <c r="N2485" s="12"/>
      <c r="O2485" s="12"/>
      <c r="P2485" s="12"/>
      <c r="Q2485" s="12"/>
      <c r="R2485" s="12"/>
      <c r="S2485" s="12"/>
      <c r="T2485" s="12"/>
      <c r="U2485" s="12"/>
      <c r="V2485" s="12"/>
      <c r="W2485" s="12"/>
      <c r="X2485" s="12"/>
      <c r="Y2485" s="12"/>
      <c r="Z2485" s="12"/>
      <c r="AA2485" s="12"/>
      <c r="AB2485" s="12"/>
      <c r="AC2485" s="12"/>
      <c r="AD2485" s="12"/>
      <c r="AE2485" s="12"/>
      <c r="AF2485" s="12"/>
      <c r="AG2485" s="12"/>
      <c r="AH2485" s="12"/>
      <c r="AI2485" s="12"/>
    </row>
    <row r="2486" spans="1:35" s="5" customFormat="1" ht="27.75" customHeight="1" x14ac:dyDescent="0.4">
      <c r="A2486" s="13" t="s">
        <v>3503</v>
      </c>
      <c r="B2486" s="9" t="s">
        <v>4894</v>
      </c>
      <c r="C2486" s="9" t="s">
        <v>4895</v>
      </c>
      <c r="D2486" s="18">
        <v>1442340297</v>
      </c>
      <c r="E2486" s="11">
        <v>46660</v>
      </c>
      <c r="F2486" s="9" t="s">
        <v>63</v>
      </c>
      <c r="G2486" s="5">
        <v>2484</v>
      </c>
      <c r="H2486" s="12">
        <f t="shared" si="76"/>
        <v>21</v>
      </c>
      <c r="I2486" s="12">
        <f t="shared" si="77"/>
        <v>8</v>
      </c>
    </row>
    <row r="2487" spans="1:35" s="5" customFormat="1" ht="27.75" customHeight="1" x14ac:dyDescent="0.4">
      <c r="A2487" s="9" t="s">
        <v>3503</v>
      </c>
      <c r="B2487" s="13" t="s">
        <v>4896</v>
      </c>
      <c r="C2487" s="13" t="s">
        <v>4897</v>
      </c>
      <c r="D2487" s="18">
        <v>1442342962</v>
      </c>
      <c r="E2487" s="11">
        <v>47238</v>
      </c>
      <c r="F2487" s="9" t="s">
        <v>63</v>
      </c>
      <c r="G2487" s="12">
        <v>2485</v>
      </c>
      <c r="H2487" s="12">
        <f t="shared" si="76"/>
        <v>12</v>
      </c>
      <c r="I2487" s="12">
        <f t="shared" si="77"/>
        <v>13</v>
      </c>
    </row>
    <row r="2488" spans="1:35" s="5" customFormat="1" ht="27.75" customHeight="1" x14ac:dyDescent="0.4">
      <c r="A2488" s="13" t="s">
        <v>3503</v>
      </c>
      <c r="B2488" s="9" t="s">
        <v>4898</v>
      </c>
      <c r="C2488" s="9" t="s">
        <v>4899</v>
      </c>
      <c r="D2488" s="18">
        <v>1442381580</v>
      </c>
      <c r="E2488" s="11">
        <v>46387</v>
      </c>
      <c r="F2488" s="9" t="s">
        <v>63</v>
      </c>
      <c r="G2488" s="5">
        <v>2486</v>
      </c>
      <c r="H2488" s="12">
        <f t="shared" si="76"/>
        <v>15</v>
      </c>
      <c r="I2488" s="12">
        <f t="shared" si="77"/>
        <v>4</v>
      </c>
    </row>
    <row r="2489" spans="1:35" s="5" customFormat="1" ht="27.75" customHeight="1" x14ac:dyDescent="0.4">
      <c r="A2489" s="13" t="s">
        <v>3503</v>
      </c>
      <c r="B2489" s="9" t="s">
        <v>4900</v>
      </c>
      <c r="C2489" s="9" t="s">
        <v>4901</v>
      </c>
      <c r="D2489" s="18">
        <v>1442382430</v>
      </c>
      <c r="E2489" s="11">
        <v>46387</v>
      </c>
      <c r="F2489" s="9" t="s">
        <v>63</v>
      </c>
      <c r="G2489" s="12">
        <v>2487</v>
      </c>
      <c r="H2489" s="12">
        <f t="shared" si="76"/>
        <v>13</v>
      </c>
      <c r="I2489" s="12">
        <f t="shared" si="77"/>
        <v>10</v>
      </c>
    </row>
    <row r="2490" spans="1:35" s="5" customFormat="1" ht="27.75" customHeight="1" x14ac:dyDescent="0.4">
      <c r="A2490" s="9" t="s">
        <v>3503</v>
      </c>
      <c r="B2490" s="9" t="s">
        <v>4902</v>
      </c>
      <c r="C2490" s="9" t="s">
        <v>4903</v>
      </c>
      <c r="D2490" s="18">
        <v>1442301489</v>
      </c>
      <c r="E2490" s="11">
        <v>46387</v>
      </c>
      <c r="F2490" s="9" t="s">
        <v>63</v>
      </c>
      <c r="G2490" s="5">
        <v>2488</v>
      </c>
      <c r="H2490" s="12">
        <f t="shared" si="76"/>
        <v>12</v>
      </c>
      <c r="I2490" s="12">
        <f t="shared" si="77"/>
        <v>6</v>
      </c>
    </row>
    <row r="2491" spans="1:35" s="5" customFormat="1" ht="27.75" customHeight="1" x14ac:dyDescent="0.4">
      <c r="A2491" s="9" t="s">
        <v>3503</v>
      </c>
      <c r="B2491" s="9" t="s">
        <v>4904</v>
      </c>
      <c r="C2491" s="9" t="s">
        <v>1435</v>
      </c>
      <c r="D2491" s="18">
        <v>1442301224</v>
      </c>
      <c r="E2491" s="11">
        <v>46387</v>
      </c>
      <c r="F2491" s="9" t="s">
        <v>63</v>
      </c>
      <c r="G2491" s="12">
        <v>2489</v>
      </c>
      <c r="H2491" s="12">
        <f t="shared" si="76"/>
        <v>12</v>
      </c>
      <c r="I2491" s="12">
        <f t="shared" si="77"/>
        <v>7</v>
      </c>
    </row>
    <row r="2492" spans="1:35" s="5" customFormat="1" ht="27.75" customHeight="1" x14ac:dyDescent="0.4">
      <c r="A2492" s="13" t="s">
        <v>3503</v>
      </c>
      <c r="B2492" s="9" t="s">
        <v>4905</v>
      </c>
      <c r="C2492" s="9" t="s">
        <v>4906</v>
      </c>
      <c r="D2492" s="18">
        <v>1442340073</v>
      </c>
      <c r="E2492" s="11">
        <v>46387</v>
      </c>
      <c r="F2492" s="9" t="s">
        <v>63</v>
      </c>
      <c r="G2492" s="5">
        <v>2490</v>
      </c>
      <c r="H2492" s="12">
        <f t="shared" si="76"/>
        <v>13</v>
      </c>
      <c r="I2492" s="12">
        <f t="shared" si="77"/>
        <v>6</v>
      </c>
    </row>
    <row r="2493" spans="1:35" s="5" customFormat="1" ht="27.75" customHeight="1" x14ac:dyDescent="0.4">
      <c r="A2493" s="9" t="s">
        <v>3503</v>
      </c>
      <c r="B2493" s="13" t="s">
        <v>4907</v>
      </c>
      <c r="C2493" s="13" t="s">
        <v>4908</v>
      </c>
      <c r="D2493" s="18">
        <v>1442381762</v>
      </c>
      <c r="E2493" s="11">
        <v>46387</v>
      </c>
      <c r="F2493" s="9" t="s">
        <v>63</v>
      </c>
      <c r="G2493" s="12">
        <v>2491</v>
      </c>
      <c r="H2493" s="12">
        <f t="shared" si="76"/>
        <v>12</v>
      </c>
      <c r="I2493" s="12">
        <f t="shared" si="77"/>
        <v>12</v>
      </c>
    </row>
    <row r="2494" spans="1:35" s="5" customFormat="1" ht="27.75" customHeight="1" x14ac:dyDescent="0.4">
      <c r="A2494" s="9" t="s">
        <v>3503</v>
      </c>
      <c r="B2494" s="13" t="s">
        <v>4909</v>
      </c>
      <c r="C2494" s="13" t="s">
        <v>4910</v>
      </c>
      <c r="D2494" s="18">
        <v>1442340263</v>
      </c>
      <c r="E2494" s="11">
        <v>48426</v>
      </c>
      <c r="F2494" s="9" t="s">
        <v>63</v>
      </c>
      <c r="G2494" s="5">
        <v>2492</v>
      </c>
      <c r="H2494" s="12">
        <f t="shared" si="76"/>
        <v>12</v>
      </c>
      <c r="I2494" s="12">
        <f t="shared" si="77"/>
        <v>10</v>
      </c>
    </row>
    <row r="2495" spans="1:35" s="5" customFormat="1" ht="27.75" customHeight="1" x14ac:dyDescent="0.4">
      <c r="A2495" s="9" t="s">
        <v>3503</v>
      </c>
      <c r="B2495" s="9" t="s">
        <v>4911</v>
      </c>
      <c r="C2495" s="9" t="s">
        <v>4912</v>
      </c>
      <c r="D2495" s="18">
        <v>1442382364</v>
      </c>
      <c r="E2495" s="11">
        <v>46387</v>
      </c>
      <c r="F2495" s="9" t="s">
        <v>63</v>
      </c>
      <c r="G2495" s="12">
        <v>2493</v>
      </c>
      <c r="H2495" s="12">
        <f t="shared" si="76"/>
        <v>11</v>
      </c>
      <c r="I2495" s="12">
        <f t="shared" si="77"/>
        <v>14</v>
      </c>
    </row>
    <row r="2496" spans="1:35" s="5" customFormat="1" ht="27.75" customHeight="1" x14ac:dyDescent="0.4">
      <c r="A2496" s="9" t="s">
        <v>3503</v>
      </c>
      <c r="B2496" s="9" t="s">
        <v>4913</v>
      </c>
      <c r="C2496" s="9" t="s">
        <v>1446</v>
      </c>
      <c r="D2496" s="18">
        <v>1442382232</v>
      </c>
      <c r="E2496" s="11">
        <v>46387</v>
      </c>
      <c r="F2496" s="9" t="s">
        <v>63</v>
      </c>
      <c r="G2496" s="5">
        <v>2494</v>
      </c>
      <c r="H2496" s="12">
        <f t="shared" si="76"/>
        <v>9</v>
      </c>
      <c r="I2496" s="12">
        <f t="shared" si="77"/>
        <v>4</v>
      </c>
    </row>
    <row r="2497" spans="1:9" s="5" customFormat="1" ht="27.75" customHeight="1" x14ac:dyDescent="0.4">
      <c r="A2497" s="9" t="s">
        <v>3503</v>
      </c>
      <c r="B2497" s="9" t="s">
        <v>4914</v>
      </c>
      <c r="C2497" s="9" t="s">
        <v>4915</v>
      </c>
      <c r="D2497" s="18">
        <v>1442382091</v>
      </c>
      <c r="E2497" s="11">
        <v>46387</v>
      </c>
      <c r="F2497" s="9" t="s">
        <v>63</v>
      </c>
      <c r="G2497" s="12">
        <v>2495</v>
      </c>
      <c r="H2497" s="12">
        <f t="shared" si="76"/>
        <v>10</v>
      </c>
      <c r="I2497" s="12">
        <f t="shared" si="77"/>
        <v>6</v>
      </c>
    </row>
    <row r="2498" spans="1:9" s="5" customFormat="1" ht="27.75" customHeight="1" x14ac:dyDescent="0.4">
      <c r="A2498" s="9" t="s">
        <v>3503</v>
      </c>
      <c r="B2498" s="13" t="s">
        <v>4916</v>
      </c>
      <c r="C2498" s="9" t="s">
        <v>4917</v>
      </c>
      <c r="D2498" s="18">
        <v>1442343036</v>
      </c>
      <c r="E2498" s="11">
        <v>47848</v>
      </c>
      <c r="F2498" s="9" t="s">
        <v>63</v>
      </c>
      <c r="G2498" s="5">
        <v>2496</v>
      </c>
      <c r="H2498" s="12">
        <f t="shared" si="76"/>
        <v>10</v>
      </c>
      <c r="I2498" s="12">
        <f t="shared" si="77"/>
        <v>10</v>
      </c>
    </row>
    <row r="2499" spans="1:9" s="5" customFormat="1" ht="27.75" customHeight="1" x14ac:dyDescent="0.4">
      <c r="A2499" s="9" t="s">
        <v>3503</v>
      </c>
      <c r="B2499" s="9" t="s">
        <v>4918</v>
      </c>
      <c r="C2499" s="9" t="s">
        <v>4919</v>
      </c>
      <c r="D2499" s="18">
        <v>1442382216</v>
      </c>
      <c r="E2499" s="11">
        <v>46387</v>
      </c>
      <c r="F2499" s="9" t="s">
        <v>63</v>
      </c>
      <c r="G2499" s="12">
        <v>2497</v>
      </c>
      <c r="H2499" s="12">
        <f t="shared" si="76"/>
        <v>12</v>
      </c>
      <c r="I2499" s="12">
        <f t="shared" si="77"/>
        <v>13</v>
      </c>
    </row>
    <row r="2500" spans="1:9" s="5" customFormat="1" ht="27.75" customHeight="1" x14ac:dyDescent="0.4">
      <c r="A2500" s="9" t="s">
        <v>3503</v>
      </c>
      <c r="B2500" s="9" t="s">
        <v>4920</v>
      </c>
      <c r="C2500" s="9" t="s">
        <v>4921</v>
      </c>
      <c r="D2500" s="18">
        <v>1442342848</v>
      </c>
      <c r="E2500" s="11">
        <v>47999</v>
      </c>
      <c r="F2500" s="9" t="s">
        <v>63</v>
      </c>
      <c r="G2500" s="5">
        <v>2498</v>
      </c>
      <c r="H2500" s="12">
        <f t="shared" ref="H2500:H2563" si="78">LEN(C2500)</f>
        <v>9</v>
      </c>
      <c r="I2500" s="12">
        <f t="shared" ref="I2500:I2563" si="79">LEN(B2500)</f>
        <v>15</v>
      </c>
    </row>
    <row r="2501" spans="1:9" s="5" customFormat="1" ht="27.75" customHeight="1" x14ac:dyDescent="0.4">
      <c r="A2501" s="9" t="s">
        <v>3503</v>
      </c>
      <c r="B2501" s="9" t="s">
        <v>4922</v>
      </c>
      <c r="C2501" s="9" t="s">
        <v>4923</v>
      </c>
      <c r="D2501" s="18">
        <v>1442342889</v>
      </c>
      <c r="E2501" s="11">
        <v>48121</v>
      </c>
      <c r="F2501" s="9" t="s">
        <v>63</v>
      </c>
      <c r="G2501" s="12">
        <v>2499</v>
      </c>
      <c r="H2501" s="12">
        <f t="shared" si="78"/>
        <v>9</v>
      </c>
      <c r="I2501" s="12">
        <f t="shared" si="79"/>
        <v>6</v>
      </c>
    </row>
    <row r="2502" spans="1:9" s="5" customFormat="1" ht="27.75" customHeight="1" x14ac:dyDescent="0.4">
      <c r="A2502" s="13" t="s">
        <v>3503</v>
      </c>
      <c r="B2502" s="9" t="s">
        <v>3561</v>
      </c>
      <c r="C2502" s="9" t="s">
        <v>4924</v>
      </c>
      <c r="D2502" s="18">
        <v>1442340065</v>
      </c>
      <c r="E2502" s="11">
        <v>46387</v>
      </c>
      <c r="F2502" s="9" t="s">
        <v>63</v>
      </c>
      <c r="G2502" s="5">
        <v>2500</v>
      </c>
      <c r="H2502" s="12">
        <f t="shared" si="78"/>
        <v>10</v>
      </c>
      <c r="I2502" s="12">
        <f t="shared" si="79"/>
        <v>5</v>
      </c>
    </row>
    <row r="2503" spans="1:9" s="5" customFormat="1" ht="27.75" customHeight="1" x14ac:dyDescent="0.4">
      <c r="A2503" s="9" t="s">
        <v>3503</v>
      </c>
      <c r="B2503" s="9" t="s">
        <v>4925</v>
      </c>
      <c r="C2503" s="9" t="s">
        <v>4926</v>
      </c>
      <c r="D2503" s="18">
        <v>1442381994</v>
      </c>
      <c r="E2503" s="11">
        <v>46387</v>
      </c>
      <c r="F2503" s="9" t="s">
        <v>63</v>
      </c>
      <c r="G2503" s="12">
        <v>2501</v>
      </c>
      <c r="H2503" s="12">
        <f t="shared" si="78"/>
        <v>10</v>
      </c>
      <c r="I2503" s="12">
        <f t="shared" si="79"/>
        <v>5</v>
      </c>
    </row>
    <row r="2504" spans="1:9" s="5" customFormat="1" ht="27.75" customHeight="1" x14ac:dyDescent="0.4">
      <c r="A2504" s="9" t="s">
        <v>3503</v>
      </c>
      <c r="B2504" s="9" t="s">
        <v>3966</v>
      </c>
      <c r="C2504" s="9" t="s">
        <v>4927</v>
      </c>
      <c r="D2504" s="18">
        <v>1442382307</v>
      </c>
      <c r="E2504" s="11">
        <v>46387</v>
      </c>
      <c r="F2504" s="9" t="s">
        <v>63</v>
      </c>
      <c r="G2504" s="5">
        <v>2502</v>
      </c>
      <c r="H2504" s="12">
        <f t="shared" si="78"/>
        <v>9</v>
      </c>
      <c r="I2504" s="12">
        <f t="shared" si="79"/>
        <v>6</v>
      </c>
    </row>
    <row r="2505" spans="1:9" s="5" customFormat="1" ht="27.75" customHeight="1" x14ac:dyDescent="0.4">
      <c r="A2505" s="9" t="s">
        <v>3503</v>
      </c>
      <c r="B2505" s="9" t="s">
        <v>4928</v>
      </c>
      <c r="C2505" s="9" t="s">
        <v>4929</v>
      </c>
      <c r="D2505" s="18">
        <v>1442340198</v>
      </c>
      <c r="E2505" s="11">
        <v>47238</v>
      </c>
      <c r="F2505" s="9" t="s">
        <v>63</v>
      </c>
      <c r="G2505" s="12">
        <v>2503</v>
      </c>
      <c r="H2505" s="12">
        <f t="shared" si="78"/>
        <v>13</v>
      </c>
      <c r="I2505" s="12">
        <f t="shared" si="79"/>
        <v>6</v>
      </c>
    </row>
    <row r="2506" spans="1:9" s="5" customFormat="1" ht="27.75" customHeight="1" x14ac:dyDescent="0.4">
      <c r="A2506" s="13" t="s">
        <v>3503</v>
      </c>
      <c r="B2506" s="13" t="s">
        <v>4930</v>
      </c>
      <c r="C2506" s="13" t="s">
        <v>4931</v>
      </c>
      <c r="D2506" s="18">
        <v>1442301125</v>
      </c>
      <c r="E2506" s="11">
        <v>46387</v>
      </c>
      <c r="F2506" s="9" t="s">
        <v>63</v>
      </c>
      <c r="G2506" s="5">
        <v>2504</v>
      </c>
      <c r="H2506" s="12">
        <f t="shared" si="78"/>
        <v>13</v>
      </c>
      <c r="I2506" s="12">
        <f t="shared" si="79"/>
        <v>9</v>
      </c>
    </row>
    <row r="2507" spans="1:9" s="5" customFormat="1" ht="27.75" customHeight="1" x14ac:dyDescent="0.4">
      <c r="A2507" s="13" t="s">
        <v>3503</v>
      </c>
      <c r="B2507" s="15" t="s">
        <v>4932</v>
      </c>
      <c r="C2507" s="16" t="s">
        <v>4933</v>
      </c>
      <c r="D2507" s="10">
        <v>1442340149</v>
      </c>
      <c r="E2507" s="11">
        <v>46387</v>
      </c>
      <c r="F2507" s="9" t="s">
        <v>63</v>
      </c>
      <c r="G2507" s="12">
        <v>2505</v>
      </c>
      <c r="H2507" s="12">
        <f t="shared" si="78"/>
        <v>14</v>
      </c>
      <c r="I2507" s="12">
        <f t="shared" si="79"/>
        <v>6</v>
      </c>
    </row>
    <row r="2508" spans="1:9" s="5" customFormat="1" ht="27.75" customHeight="1" x14ac:dyDescent="0.4">
      <c r="A2508" s="9" t="s">
        <v>3503</v>
      </c>
      <c r="B2508" s="9" t="s">
        <v>4934</v>
      </c>
      <c r="C2508" s="9" t="s">
        <v>4935</v>
      </c>
      <c r="D2508" s="18">
        <v>1442382349</v>
      </c>
      <c r="E2508" s="11">
        <v>46387</v>
      </c>
      <c r="F2508" s="9" t="s">
        <v>63</v>
      </c>
      <c r="G2508" s="5">
        <v>2506</v>
      </c>
      <c r="H2508" s="12">
        <f t="shared" si="78"/>
        <v>14</v>
      </c>
      <c r="I2508" s="12">
        <f t="shared" si="79"/>
        <v>14</v>
      </c>
    </row>
    <row r="2509" spans="1:9" s="5" customFormat="1" ht="27.75" customHeight="1" x14ac:dyDescent="0.4">
      <c r="A2509" s="9" t="s">
        <v>3503</v>
      </c>
      <c r="B2509" s="9" t="s">
        <v>4936</v>
      </c>
      <c r="C2509" s="9" t="s">
        <v>4937</v>
      </c>
      <c r="D2509" s="18">
        <v>1442301505</v>
      </c>
      <c r="E2509" s="11">
        <v>46387</v>
      </c>
      <c r="F2509" s="9" t="s">
        <v>63</v>
      </c>
      <c r="G2509" s="12">
        <v>2507</v>
      </c>
      <c r="H2509" s="12">
        <f t="shared" si="78"/>
        <v>13</v>
      </c>
      <c r="I2509" s="12">
        <f t="shared" si="79"/>
        <v>7</v>
      </c>
    </row>
    <row r="2510" spans="1:9" s="5" customFormat="1" ht="27.75" customHeight="1" x14ac:dyDescent="0.4">
      <c r="A2510" s="13" t="s">
        <v>3503</v>
      </c>
      <c r="B2510" s="9" t="s">
        <v>4938</v>
      </c>
      <c r="C2510" s="9" t="s">
        <v>4939</v>
      </c>
      <c r="D2510" s="18">
        <v>1442340081</v>
      </c>
      <c r="E2510" s="11">
        <v>46752</v>
      </c>
      <c r="F2510" s="9" t="s">
        <v>63</v>
      </c>
      <c r="G2510" s="5">
        <v>2508</v>
      </c>
      <c r="H2510" s="12">
        <f t="shared" si="78"/>
        <v>13</v>
      </c>
      <c r="I2510" s="12">
        <f t="shared" si="79"/>
        <v>7</v>
      </c>
    </row>
    <row r="2511" spans="1:9" s="5" customFormat="1" ht="27.75" customHeight="1" x14ac:dyDescent="0.4">
      <c r="A2511" s="9" t="s">
        <v>3503</v>
      </c>
      <c r="B2511" s="9" t="s">
        <v>4940</v>
      </c>
      <c r="C2511" s="9" t="s">
        <v>4941</v>
      </c>
      <c r="D2511" s="18">
        <v>1442300523</v>
      </c>
      <c r="E2511" s="11">
        <v>46387</v>
      </c>
      <c r="F2511" s="9" t="s">
        <v>63</v>
      </c>
      <c r="G2511" s="12">
        <v>2509</v>
      </c>
      <c r="H2511" s="12">
        <f t="shared" si="78"/>
        <v>9</v>
      </c>
      <c r="I2511" s="12">
        <f t="shared" si="79"/>
        <v>12</v>
      </c>
    </row>
    <row r="2512" spans="1:9" s="5" customFormat="1" ht="27.75" customHeight="1" x14ac:dyDescent="0.4">
      <c r="A2512" s="9" t="s">
        <v>3503</v>
      </c>
      <c r="B2512" s="9" t="s">
        <v>4942</v>
      </c>
      <c r="C2512" s="9" t="s">
        <v>4943</v>
      </c>
      <c r="D2512" s="26">
        <v>1442301174</v>
      </c>
      <c r="E2512" s="11">
        <v>46387</v>
      </c>
      <c r="F2512" s="9" t="s">
        <v>63</v>
      </c>
      <c r="G2512" s="5">
        <v>2510</v>
      </c>
      <c r="H2512" s="12">
        <f t="shared" si="78"/>
        <v>8</v>
      </c>
      <c r="I2512" s="12">
        <f t="shared" si="79"/>
        <v>5</v>
      </c>
    </row>
    <row r="2513" spans="1:35" s="5" customFormat="1" ht="27.75" customHeight="1" x14ac:dyDescent="0.4">
      <c r="A2513" s="13" t="s">
        <v>3503</v>
      </c>
      <c r="B2513" s="9" t="s">
        <v>4944</v>
      </c>
      <c r="C2513" s="9" t="s">
        <v>4945</v>
      </c>
      <c r="D2513" s="18">
        <v>1442382372</v>
      </c>
      <c r="E2513" s="11">
        <v>46387</v>
      </c>
      <c r="F2513" s="9" t="s">
        <v>63</v>
      </c>
      <c r="G2513" s="12">
        <v>2511</v>
      </c>
      <c r="H2513" s="12">
        <f t="shared" si="78"/>
        <v>10</v>
      </c>
      <c r="I2513" s="12">
        <f t="shared" si="79"/>
        <v>6</v>
      </c>
    </row>
    <row r="2514" spans="1:35" s="5" customFormat="1" ht="27.75" customHeight="1" x14ac:dyDescent="0.4">
      <c r="A2514" s="9" t="s">
        <v>3503</v>
      </c>
      <c r="B2514" s="9" t="s">
        <v>4946</v>
      </c>
      <c r="C2514" s="9" t="s">
        <v>4947</v>
      </c>
      <c r="D2514" s="18">
        <v>1442382273</v>
      </c>
      <c r="E2514" s="11">
        <v>46387</v>
      </c>
      <c r="F2514" s="9" t="s">
        <v>63</v>
      </c>
      <c r="G2514" s="5">
        <v>2512</v>
      </c>
      <c r="H2514" s="12">
        <f t="shared" si="78"/>
        <v>11</v>
      </c>
      <c r="I2514" s="12">
        <f t="shared" si="79"/>
        <v>5</v>
      </c>
    </row>
    <row r="2515" spans="1:35" s="5" customFormat="1" ht="27.75" customHeight="1" x14ac:dyDescent="0.4">
      <c r="A2515" s="9" t="s">
        <v>3503</v>
      </c>
      <c r="B2515" s="9" t="s">
        <v>4948</v>
      </c>
      <c r="C2515" s="9" t="s">
        <v>4949</v>
      </c>
      <c r="D2515" s="18">
        <v>1442342939</v>
      </c>
      <c r="E2515" s="11">
        <v>46934</v>
      </c>
      <c r="F2515" s="9" t="s">
        <v>63</v>
      </c>
      <c r="G2515" s="12">
        <v>2513</v>
      </c>
      <c r="H2515" s="12">
        <f t="shared" si="78"/>
        <v>11</v>
      </c>
      <c r="I2515" s="12">
        <f t="shared" si="79"/>
        <v>14</v>
      </c>
    </row>
    <row r="2516" spans="1:35" s="5" customFormat="1" ht="27.75" customHeight="1" x14ac:dyDescent="0.4">
      <c r="A2516" s="9" t="s">
        <v>3503</v>
      </c>
      <c r="B2516" s="9" t="s">
        <v>4950</v>
      </c>
      <c r="C2516" s="9" t="s">
        <v>4951</v>
      </c>
      <c r="D2516" s="18">
        <v>1442343028</v>
      </c>
      <c r="E2516" s="11">
        <v>47817</v>
      </c>
      <c r="F2516" s="9" t="s">
        <v>63</v>
      </c>
      <c r="G2516" s="5">
        <v>2514</v>
      </c>
      <c r="H2516" s="12">
        <f t="shared" si="78"/>
        <v>12</v>
      </c>
      <c r="I2516" s="12">
        <f t="shared" si="79"/>
        <v>13</v>
      </c>
    </row>
    <row r="2517" spans="1:35" s="5" customFormat="1" ht="27.75" customHeight="1" x14ac:dyDescent="0.4">
      <c r="A2517" s="9" t="s">
        <v>3503</v>
      </c>
      <c r="B2517" s="9" t="s">
        <v>3631</v>
      </c>
      <c r="C2517" s="9" t="s">
        <v>4952</v>
      </c>
      <c r="D2517" s="18">
        <v>1442381788</v>
      </c>
      <c r="E2517" s="11">
        <v>47542</v>
      </c>
      <c r="F2517" s="9" t="s">
        <v>63</v>
      </c>
      <c r="G2517" s="12">
        <v>2515</v>
      </c>
      <c r="H2517" s="12">
        <f t="shared" si="78"/>
        <v>13</v>
      </c>
      <c r="I2517" s="12">
        <f t="shared" si="79"/>
        <v>5</v>
      </c>
    </row>
    <row r="2518" spans="1:35" s="5" customFormat="1" ht="27.75" customHeight="1" x14ac:dyDescent="0.4">
      <c r="A2518" s="9" t="s">
        <v>3503</v>
      </c>
      <c r="B2518" s="9" t="s">
        <v>4953</v>
      </c>
      <c r="C2518" s="9" t="s">
        <v>4954</v>
      </c>
      <c r="D2518" s="18">
        <v>1442300762</v>
      </c>
      <c r="E2518" s="11">
        <v>46387</v>
      </c>
      <c r="F2518" s="9" t="s">
        <v>63</v>
      </c>
      <c r="G2518" s="5">
        <v>2516</v>
      </c>
      <c r="H2518" s="12">
        <f t="shared" si="78"/>
        <v>12</v>
      </c>
      <c r="I2518" s="12">
        <f t="shared" si="79"/>
        <v>9</v>
      </c>
    </row>
    <row r="2519" spans="1:35" s="5" customFormat="1" ht="27.75" customHeight="1" x14ac:dyDescent="0.4">
      <c r="A2519" s="9" t="s">
        <v>3503</v>
      </c>
      <c r="B2519" s="9" t="s">
        <v>4955</v>
      </c>
      <c r="C2519" s="9" t="s">
        <v>4956</v>
      </c>
      <c r="D2519" s="18">
        <v>1442300861</v>
      </c>
      <c r="E2519" s="11">
        <v>46387</v>
      </c>
      <c r="F2519" s="9" t="s">
        <v>63</v>
      </c>
      <c r="G2519" s="12">
        <v>2517</v>
      </c>
      <c r="H2519" s="12">
        <f t="shared" si="78"/>
        <v>13</v>
      </c>
      <c r="I2519" s="12">
        <f t="shared" si="79"/>
        <v>12</v>
      </c>
    </row>
    <row r="2520" spans="1:35" s="5" customFormat="1" ht="27.75" customHeight="1" x14ac:dyDescent="0.4">
      <c r="A2520" s="13" t="s">
        <v>3503</v>
      </c>
      <c r="B2520" s="9" t="s">
        <v>4957</v>
      </c>
      <c r="C2520" s="9" t="s">
        <v>4958</v>
      </c>
      <c r="D2520" s="18">
        <v>1442300531</v>
      </c>
      <c r="E2520" s="11">
        <v>46507</v>
      </c>
      <c r="F2520" s="9" t="s">
        <v>63</v>
      </c>
      <c r="G2520" s="5">
        <v>2518</v>
      </c>
      <c r="H2520" s="12">
        <f t="shared" si="78"/>
        <v>10</v>
      </c>
      <c r="I2520" s="12">
        <f t="shared" si="79"/>
        <v>9</v>
      </c>
      <c r="J2520" s="24"/>
      <c r="K2520" s="24"/>
      <c r="L2520" s="24"/>
      <c r="M2520" s="24"/>
      <c r="N2520" s="24"/>
      <c r="O2520" s="24"/>
      <c r="P2520" s="24"/>
      <c r="Q2520" s="24"/>
      <c r="R2520" s="24"/>
      <c r="S2520" s="24"/>
      <c r="T2520" s="24"/>
      <c r="U2520" s="24"/>
      <c r="V2520" s="24"/>
      <c r="W2520" s="24"/>
      <c r="X2520" s="24"/>
      <c r="Y2520" s="24"/>
      <c r="Z2520" s="24"/>
      <c r="AA2520" s="24"/>
      <c r="AB2520" s="24"/>
      <c r="AC2520" s="24"/>
      <c r="AD2520" s="24"/>
      <c r="AE2520" s="24"/>
      <c r="AF2520" s="24"/>
      <c r="AG2520" s="24"/>
      <c r="AH2520" s="24"/>
      <c r="AI2520" s="24"/>
    </row>
    <row r="2521" spans="1:35" s="5" customFormat="1" ht="27.75" customHeight="1" x14ac:dyDescent="0.4">
      <c r="A2521" s="9" t="s">
        <v>3503</v>
      </c>
      <c r="B2521" s="9" t="s">
        <v>4959</v>
      </c>
      <c r="C2521" s="9" t="s">
        <v>1492</v>
      </c>
      <c r="D2521" s="18">
        <v>1442340156</v>
      </c>
      <c r="E2521" s="11">
        <v>46387</v>
      </c>
      <c r="F2521" s="9" t="s">
        <v>63</v>
      </c>
      <c r="G2521" s="12">
        <v>2519</v>
      </c>
      <c r="H2521" s="12">
        <f t="shared" si="78"/>
        <v>12</v>
      </c>
      <c r="I2521" s="12">
        <f t="shared" si="79"/>
        <v>10</v>
      </c>
    </row>
    <row r="2522" spans="1:35" s="5" customFormat="1" ht="27.75" customHeight="1" x14ac:dyDescent="0.4">
      <c r="A2522" s="9" t="s">
        <v>3503</v>
      </c>
      <c r="B2522" s="9" t="s">
        <v>4960</v>
      </c>
      <c r="C2522" s="9" t="s">
        <v>4961</v>
      </c>
      <c r="D2522" s="18">
        <v>1442340123</v>
      </c>
      <c r="E2522" s="11">
        <v>47695</v>
      </c>
      <c r="F2522" s="9" t="s">
        <v>63</v>
      </c>
      <c r="G2522" s="5">
        <v>2520</v>
      </c>
      <c r="H2522" s="12">
        <f t="shared" si="78"/>
        <v>12</v>
      </c>
      <c r="I2522" s="12">
        <f t="shared" si="79"/>
        <v>14</v>
      </c>
    </row>
    <row r="2523" spans="1:35" s="5" customFormat="1" ht="27.75" customHeight="1" x14ac:dyDescent="0.4">
      <c r="A2523" s="13" t="s">
        <v>3503</v>
      </c>
      <c r="B2523" s="9" t="s">
        <v>4962</v>
      </c>
      <c r="C2523" s="9" t="s">
        <v>4963</v>
      </c>
      <c r="D2523" s="18">
        <v>1442342871</v>
      </c>
      <c r="E2523" s="11">
        <v>48091</v>
      </c>
      <c r="F2523" s="9" t="s">
        <v>63</v>
      </c>
      <c r="G2523" s="12">
        <v>2521</v>
      </c>
      <c r="H2523" s="12">
        <f t="shared" si="78"/>
        <v>12</v>
      </c>
      <c r="I2523" s="12">
        <f t="shared" si="79"/>
        <v>8</v>
      </c>
    </row>
    <row r="2524" spans="1:35" s="5" customFormat="1" ht="27.75" customHeight="1" x14ac:dyDescent="0.4">
      <c r="A2524" s="13" t="s">
        <v>3503</v>
      </c>
      <c r="B2524" s="9" t="s">
        <v>4964</v>
      </c>
      <c r="C2524" s="9" t="s">
        <v>4965</v>
      </c>
      <c r="D2524" s="18">
        <v>1442382141</v>
      </c>
      <c r="E2524" s="11">
        <v>46387</v>
      </c>
      <c r="F2524" s="9" t="s">
        <v>63</v>
      </c>
      <c r="G2524" s="5">
        <v>2522</v>
      </c>
      <c r="H2524" s="12">
        <f t="shared" si="78"/>
        <v>13</v>
      </c>
      <c r="I2524" s="12">
        <f t="shared" si="79"/>
        <v>6</v>
      </c>
    </row>
    <row r="2525" spans="1:35" s="5" customFormat="1" ht="27.75" customHeight="1" x14ac:dyDescent="0.4">
      <c r="A2525" s="13" t="s">
        <v>3503</v>
      </c>
      <c r="B2525" s="9" t="s">
        <v>4784</v>
      </c>
      <c r="C2525" s="9" t="s">
        <v>4966</v>
      </c>
      <c r="D2525" s="18">
        <v>1442340339</v>
      </c>
      <c r="E2525" s="11">
        <v>46418</v>
      </c>
      <c r="F2525" s="9" t="s">
        <v>63</v>
      </c>
      <c r="G2525" s="12">
        <v>2523</v>
      </c>
      <c r="H2525" s="12">
        <f t="shared" si="78"/>
        <v>11</v>
      </c>
      <c r="I2525" s="12">
        <f t="shared" si="79"/>
        <v>6</v>
      </c>
    </row>
    <row r="2526" spans="1:35" s="5" customFormat="1" ht="27.75" customHeight="1" x14ac:dyDescent="0.4">
      <c r="A2526" s="9" t="s">
        <v>3503</v>
      </c>
      <c r="B2526" s="14" t="s">
        <v>4967</v>
      </c>
      <c r="C2526" s="9" t="s">
        <v>4968</v>
      </c>
      <c r="D2526" s="18">
        <v>1442342913</v>
      </c>
      <c r="E2526" s="11">
        <v>48121</v>
      </c>
      <c r="F2526" s="9" t="s">
        <v>63</v>
      </c>
      <c r="G2526" s="5">
        <v>2524</v>
      </c>
      <c r="H2526" s="12">
        <f t="shared" si="78"/>
        <v>12</v>
      </c>
      <c r="I2526" s="12">
        <f t="shared" si="79"/>
        <v>10</v>
      </c>
    </row>
    <row r="2527" spans="1:35" s="5" customFormat="1" ht="27.75" customHeight="1" x14ac:dyDescent="0.4">
      <c r="A2527" s="9" t="s">
        <v>3503</v>
      </c>
      <c r="B2527" s="9" t="s">
        <v>4969</v>
      </c>
      <c r="C2527" s="9" t="s">
        <v>4970</v>
      </c>
      <c r="D2527" s="18">
        <v>1442300150</v>
      </c>
      <c r="E2527" s="11">
        <v>46387</v>
      </c>
      <c r="F2527" s="9" t="s">
        <v>63</v>
      </c>
      <c r="G2527" s="12">
        <v>2525</v>
      </c>
      <c r="H2527" s="12">
        <f t="shared" si="78"/>
        <v>14</v>
      </c>
      <c r="I2527" s="12">
        <f t="shared" si="79"/>
        <v>14</v>
      </c>
    </row>
    <row r="2528" spans="1:35" ht="27.75" customHeight="1" x14ac:dyDescent="0.4">
      <c r="A2528" s="13" t="s">
        <v>3503</v>
      </c>
      <c r="B2528" s="15" t="s">
        <v>4971</v>
      </c>
      <c r="C2528" s="16" t="s">
        <v>4972</v>
      </c>
      <c r="D2528" s="10">
        <v>1442382208</v>
      </c>
      <c r="E2528" s="11">
        <v>46387</v>
      </c>
      <c r="F2528" s="9" t="s">
        <v>63</v>
      </c>
      <c r="G2528" s="5">
        <v>2526</v>
      </c>
      <c r="H2528" s="12">
        <f t="shared" si="78"/>
        <v>11</v>
      </c>
      <c r="I2528" s="12">
        <f t="shared" si="79"/>
        <v>19</v>
      </c>
      <c r="J2528" s="5"/>
      <c r="K2528" s="5"/>
      <c r="L2528" s="5"/>
      <c r="M2528" s="5"/>
      <c r="N2528" s="5"/>
      <c r="O2528" s="5"/>
      <c r="P2528" s="5"/>
      <c r="Q2528" s="5"/>
      <c r="R2528" s="5"/>
      <c r="S2528" s="5"/>
      <c r="T2528" s="5"/>
      <c r="U2528" s="5"/>
      <c r="V2528" s="5"/>
      <c r="W2528" s="5"/>
      <c r="X2528" s="5"/>
      <c r="Y2528" s="5"/>
      <c r="Z2528" s="5"/>
      <c r="AA2528" s="5"/>
      <c r="AB2528" s="5"/>
      <c r="AC2528" s="5"/>
      <c r="AD2528" s="5"/>
      <c r="AE2528" s="5"/>
      <c r="AF2528" s="5"/>
      <c r="AG2528" s="5"/>
      <c r="AH2528" s="5"/>
      <c r="AI2528" s="5"/>
    </row>
    <row r="2529" spans="1:35" ht="27.75" customHeight="1" x14ac:dyDescent="0.4">
      <c r="A2529" s="9" t="s">
        <v>3503</v>
      </c>
      <c r="B2529" s="9" t="s">
        <v>4973</v>
      </c>
      <c r="C2529" s="9" t="s">
        <v>4974</v>
      </c>
      <c r="D2529" s="18">
        <v>1442301372</v>
      </c>
      <c r="E2529" s="11">
        <v>46387</v>
      </c>
      <c r="F2529" s="9" t="s">
        <v>63</v>
      </c>
      <c r="G2529" s="12">
        <v>2527</v>
      </c>
      <c r="H2529" s="12">
        <f t="shared" si="78"/>
        <v>26</v>
      </c>
      <c r="I2529" s="12">
        <f t="shared" si="79"/>
        <v>7</v>
      </c>
      <c r="J2529" s="5"/>
      <c r="K2529" s="5"/>
      <c r="L2529" s="5"/>
      <c r="M2529" s="5"/>
      <c r="N2529" s="5"/>
      <c r="O2529" s="5"/>
      <c r="P2529" s="5"/>
      <c r="Q2529" s="5"/>
      <c r="R2529" s="5"/>
      <c r="S2529" s="5"/>
      <c r="T2529" s="5"/>
      <c r="U2529" s="5"/>
      <c r="V2529" s="5"/>
      <c r="W2529" s="5"/>
      <c r="X2529" s="5"/>
      <c r="Y2529" s="5"/>
      <c r="Z2529" s="5"/>
      <c r="AA2529" s="5"/>
      <c r="AB2529" s="5"/>
      <c r="AC2529" s="5"/>
      <c r="AD2529" s="5"/>
      <c r="AE2529" s="5"/>
      <c r="AF2529" s="5"/>
      <c r="AG2529" s="5"/>
      <c r="AH2529" s="5"/>
      <c r="AI2529" s="5"/>
    </row>
    <row r="2530" spans="1:35" ht="27.75" customHeight="1" x14ac:dyDescent="0.4">
      <c r="A2530" s="36" t="s">
        <v>3503</v>
      </c>
      <c r="B2530" s="36" t="s">
        <v>4975</v>
      </c>
      <c r="C2530" s="36" t="s">
        <v>4976</v>
      </c>
      <c r="D2530" s="37">
        <v>1442342897</v>
      </c>
      <c r="E2530" s="11">
        <v>48121</v>
      </c>
      <c r="F2530" s="9" t="s">
        <v>63</v>
      </c>
      <c r="G2530" s="5">
        <v>2528</v>
      </c>
      <c r="H2530" s="12">
        <f t="shared" si="78"/>
        <v>13</v>
      </c>
      <c r="I2530" s="12">
        <f t="shared" si="79"/>
        <v>4</v>
      </c>
      <c r="J2530" s="5"/>
      <c r="K2530" s="5"/>
      <c r="L2530" s="5"/>
      <c r="M2530" s="5"/>
      <c r="N2530" s="5"/>
      <c r="O2530" s="5"/>
      <c r="P2530" s="5"/>
      <c r="Q2530" s="5"/>
      <c r="R2530" s="5"/>
      <c r="S2530" s="5"/>
      <c r="T2530" s="5"/>
      <c r="U2530" s="5"/>
      <c r="V2530" s="5"/>
      <c r="W2530" s="5"/>
      <c r="X2530" s="5"/>
      <c r="Y2530" s="5"/>
      <c r="Z2530" s="5"/>
      <c r="AA2530" s="5"/>
      <c r="AB2530" s="5"/>
      <c r="AC2530" s="5"/>
      <c r="AD2530" s="5"/>
      <c r="AE2530" s="5"/>
      <c r="AF2530" s="5"/>
      <c r="AG2530" s="5"/>
      <c r="AH2530" s="5"/>
      <c r="AI2530" s="5"/>
    </row>
    <row r="2531" spans="1:35" ht="27.75" customHeight="1" x14ac:dyDescent="0.4">
      <c r="A2531" s="15" t="s">
        <v>3503</v>
      </c>
      <c r="B2531" s="15" t="s">
        <v>4977</v>
      </c>
      <c r="C2531" s="16" t="s">
        <v>4978</v>
      </c>
      <c r="D2531" s="10">
        <v>1442482073</v>
      </c>
      <c r="E2531" s="27">
        <v>46387</v>
      </c>
      <c r="F2531" s="9" t="s">
        <v>70</v>
      </c>
      <c r="G2531" s="12">
        <v>2529</v>
      </c>
      <c r="H2531" s="12">
        <f t="shared" si="78"/>
        <v>12</v>
      </c>
      <c r="I2531" s="12">
        <f t="shared" si="79"/>
        <v>13</v>
      </c>
      <c r="J2531" s="5"/>
      <c r="K2531" s="5"/>
      <c r="L2531" s="5"/>
      <c r="M2531" s="5"/>
      <c r="N2531" s="5"/>
      <c r="O2531" s="5"/>
      <c r="P2531" s="5"/>
      <c r="Q2531" s="5"/>
      <c r="R2531" s="5"/>
      <c r="S2531" s="5"/>
      <c r="T2531" s="5"/>
      <c r="U2531" s="5"/>
      <c r="V2531" s="5"/>
      <c r="W2531" s="5"/>
      <c r="X2531" s="5"/>
      <c r="Y2531" s="5"/>
      <c r="Z2531" s="5"/>
      <c r="AA2531" s="5"/>
      <c r="AB2531" s="5"/>
      <c r="AC2531" s="5"/>
      <c r="AD2531" s="5"/>
      <c r="AE2531" s="5"/>
      <c r="AF2531" s="5"/>
      <c r="AG2531" s="5"/>
      <c r="AH2531" s="5"/>
      <c r="AI2531" s="5"/>
    </row>
    <row r="2532" spans="1:35" ht="27.75" customHeight="1" x14ac:dyDescent="0.4">
      <c r="A2532" s="13" t="s">
        <v>3503</v>
      </c>
      <c r="B2532" s="9" t="s">
        <v>4979</v>
      </c>
      <c r="C2532" s="9" t="s">
        <v>4980</v>
      </c>
      <c r="D2532" s="18">
        <v>1442481554</v>
      </c>
      <c r="E2532" s="11">
        <v>46387</v>
      </c>
      <c r="F2532" s="9" t="s">
        <v>70</v>
      </c>
      <c r="G2532" s="5">
        <v>2530</v>
      </c>
      <c r="H2532" s="12">
        <f t="shared" si="78"/>
        <v>13</v>
      </c>
      <c r="I2532" s="12">
        <f t="shared" si="79"/>
        <v>4</v>
      </c>
      <c r="J2532" s="5"/>
      <c r="K2532" s="5"/>
      <c r="L2532" s="5"/>
      <c r="M2532" s="5"/>
      <c r="N2532" s="5"/>
      <c r="O2532" s="5"/>
      <c r="P2532" s="5"/>
      <c r="Q2532" s="5"/>
      <c r="R2532" s="5"/>
      <c r="S2532" s="5"/>
      <c r="T2532" s="5"/>
      <c r="U2532" s="5"/>
      <c r="V2532" s="5"/>
      <c r="W2532" s="5"/>
      <c r="X2532" s="5"/>
      <c r="Y2532" s="5"/>
      <c r="Z2532" s="5"/>
      <c r="AA2532" s="5"/>
      <c r="AB2532" s="5"/>
      <c r="AC2532" s="5"/>
      <c r="AD2532" s="5"/>
      <c r="AE2532" s="5"/>
      <c r="AF2532" s="5"/>
      <c r="AG2532" s="5"/>
      <c r="AH2532" s="5"/>
      <c r="AI2532" s="5"/>
    </row>
    <row r="2533" spans="1:35" ht="27.75" customHeight="1" x14ac:dyDescent="0.4">
      <c r="A2533" s="13" t="s">
        <v>3503</v>
      </c>
      <c r="B2533" s="15" t="s">
        <v>4981</v>
      </c>
      <c r="C2533" s="16" t="s">
        <v>1510</v>
      </c>
      <c r="D2533" s="10">
        <v>1442481703</v>
      </c>
      <c r="E2533" s="11">
        <v>46387</v>
      </c>
      <c r="F2533" s="9" t="s">
        <v>70</v>
      </c>
      <c r="G2533" s="12">
        <v>2531</v>
      </c>
      <c r="H2533" s="12">
        <f t="shared" si="78"/>
        <v>12</v>
      </c>
      <c r="I2533" s="12">
        <f t="shared" si="79"/>
        <v>10</v>
      </c>
      <c r="J2533" s="5"/>
      <c r="K2533" s="5"/>
      <c r="L2533" s="5"/>
      <c r="M2533" s="5"/>
      <c r="N2533" s="5"/>
      <c r="O2533" s="5"/>
      <c r="P2533" s="5"/>
      <c r="Q2533" s="5"/>
      <c r="R2533" s="5"/>
      <c r="S2533" s="5"/>
      <c r="T2533" s="5"/>
      <c r="U2533" s="5"/>
      <c r="V2533" s="5"/>
      <c r="W2533" s="5"/>
      <c r="X2533" s="5"/>
      <c r="Y2533" s="5"/>
      <c r="Z2533" s="5"/>
      <c r="AA2533" s="5"/>
      <c r="AB2533" s="5"/>
      <c r="AC2533" s="5"/>
      <c r="AD2533" s="5"/>
      <c r="AE2533" s="5"/>
      <c r="AF2533" s="5"/>
      <c r="AG2533" s="5"/>
      <c r="AH2533" s="5"/>
      <c r="AI2533" s="5"/>
    </row>
    <row r="2534" spans="1:35" ht="27.75" customHeight="1" x14ac:dyDescent="0.4">
      <c r="A2534" s="13" t="s">
        <v>3503</v>
      </c>
      <c r="B2534" s="9" t="s">
        <v>4982</v>
      </c>
      <c r="C2534" s="9" t="s">
        <v>4983</v>
      </c>
      <c r="D2534" s="18">
        <v>1442440543</v>
      </c>
      <c r="E2534" s="11">
        <v>46996</v>
      </c>
      <c r="F2534" s="9" t="s">
        <v>70</v>
      </c>
      <c r="G2534" s="5">
        <v>2532</v>
      </c>
      <c r="H2534" s="12">
        <f t="shared" si="78"/>
        <v>13</v>
      </c>
      <c r="I2534" s="12">
        <f t="shared" si="79"/>
        <v>12</v>
      </c>
      <c r="J2534" s="5"/>
      <c r="K2534" s="5"/>
      <c r="L2534" s="5"/>
      <c r="M2534" s="5"/>
      <c r="N2534" s="5"/>
      <c r="O2534" s="5"/>
      <c r="P2534" s="5"/>
      <c r="Q2534" s="5"/>
      <c r="R2534" s="5"/>
      <c r="S2534" s="5"/>
      <c r="T2534" s="5"/>
      <c r="U2534" s="5"/>
      <c r="V2534" s="5"/>
      <c r="W2534" s="5"/>
      <c r="X2534" s="5"/>
      <c r="Y2534" s="5"/>
      <c r="Z2534" s="5"/>
      <c r="AA2534" s="5"/>
      <c r="AB2534" s="5"/>
      <c r="AC2534" s="5"/>
      <c r="AD2534" s="5"/>
      <c r="AE2534" s="5"/>
      <c r="AF2534" s="5"/>
      <c r="AG2534" s="5"/>
      <c r="AH2534" s="5"/>
      <c r="AI2534" s="5"/>
    </row>
    <row r="2535" spans="1:35" ht="27.75" customHeight="1" x14ac:dyDescent="0.4">
      <c r="A2535" s="13" t="s">
        <v>3503</v>
      </c>
      <c r="B2535" s="9" t="s">
        <v>4984</v>
      </c>
      <c r="C2535" s="9" t="s">
        <v>4985</v>
      </c>
      <c r="D2535" s="18">
        <v>1442481893</v>
      </c>
      <c r="E2535" s="11">
        <v>46387</v>
      </c>
      <c r="F2535" s="9" t="s">
        <v>70</v>
      </c>
      <c r="G2535" s="12">
        <v>2533</v>
      </c>
      <c r="H2535" s="12">
        <f t="shared" si="78"/>
        <v>11</v>
      </c>
      <c r="I2535" s="12">
        <f t="shared" si="79"/>
        <v>14</v>
      </c>
      <c r="J2535" s="5"/>
      <c r="K2535" s="5"/>
      <c r="L2535" s="5"/>
      <c r="M2535" s="5"/>
      <c r="N2535" s="5"/>
      <c r="O2535" s="5"/>
      <c r="P2535" s="5"/>
      <c r="Q2535" s="5"/>
      <c r="R2535" s="5"/>
      <c r="S2535" s="5"/>
      <c r="T2535" s="5"/>
      <c r="U2535" s="5"/>
      <c r="V2535" s="5"/>
      <c r="W2535" s="5"/>
      <c r="X2535" s="5"/>
      <c r="Y2535" s="5"/>
      <c r="Z2535" s="5"/>
      <c r="AA2535" s="5"/>
      <c r="AB2535" s="5"/>
      <c r="AC2535" s="5"/>
      <c r="AD2535" s="5"/>
      <c r="AE2535" s="5"/>
      <c r="AF2535" s="5"/>
      <c r="AG2535" s="5"/>
      <c r="AH2535" s="5"/>
      <c r="AI2535" s="5"/>
    </row>
    <row r="2536" spans="1:35" ht="27.75" customHeight="1" x14ac:dyDescent="0.4">
      <c r="A2536" s="13" t="s">
        <v>3503</v>
      </c>
      <c r="B2536" s="9" t="s">
        <v>4986</v>
      </c>
      <c r="C2536" s="9" t="s">
        <v>4987</v>
      </c>
      <c r="D2536" s="18">
        <v>1442400463</v>
      </c>
      <c r="E2536" s="11">
        <v>46387</v>
      </c>
      <c r="F2536" s="9" t="s">
        <v>70</v>
      </c>
      <c r="G2536" s="5">
        <v>2534</v>
      </c>
      <c r="H2536" s="12">
        <f t="shared" si="78"/>
        <v>13</v>
      </c>
      <c r="I2536" s="12">
        <f t="shared" si="79"/>
        <v>8</v>
      </c>
      <c r="J2536" s="5"/>
      <c r="K2536" s="5"/>
      <c r="L2536" s="5"/>
      <c r="M2536" s="5"/>
      <c r="N2536" s="5"/>
      <c r="O2536" s="5"/>
      <c r="P2536" s="5"/>
      <c r="Q2536" s="5"/>
      <c r="R2536" s="5"/>
      <c r="S2536" s="5"/>
      <c r="T2536" s="5"/>
      <c r="U2536" s="5"/>
      <c r="V2536" s="5"/>
      <c r="W2536" s="5"/>
      <c r="X2536" s="5"/>
      <c r="Y2536" s="5"/>
      <c r="Z2536" s="5"/>
      <c r="AA2536" s="5"/>
      <c r="AB2536" s="5"/>
      <c r="AC2536" s="5"/>
      <c r="AD2536" s="5"/>
      <c r="AE2536" s="5"/>
      <c r="AF2536" s="5"/>
      <c r="AG2536" s="5"/>
      <c r="AH2536" s="5"/>
      <c r="AI2536" s="5"/>
    </row>
    <row r="2537" spans="1:35" ht="27.75" customHeight="1" x14ac:dyDescent="0.4">
      <c r="A2537" s="9" t="s">
        <v>3503</v>
      </c>
      <c r="B2537" s="9" t="s">
        <v>4988</v>
      </c>
      <c r="C2537" s="9" t="s">
        <v>4989</v>
      </c>
      <c r="D2537" s="18">
        <v>1442440048</v>
      </c>
      <c r="E2537" s="11">
        <v>46630</v>
      </c>
      <c r="F2537" s="9" t="s">
        <v>70</v>
      </c>
      <c r="G2537" s="12">
        <v>2535</v>
      </c>
      <c r="H2537" s="12">
        <f t="shared" si="78"/>
        <v>12</v>
      </c>
      <c r="I2537" s="12">
        <f t="shared" si="79"/>
        <v>9</v>
      </c>
      <c r="J2537" s="5"/>
      <c r="K2537" s="5"/>
      <c r="L2537" s="5"/>
      <c r="M2537" s="5"/>
      <c r="N2537" s="5"/>
      <c r="O2537" s="5"/>
      <c r="P2537" s="5"/>
      <c r="Q2537" s="5"/>
      <c r="R2537" s="5"/>
      <c r="S2537" s="5"/>
      <c r="T2537" s="5"/>
      <c r="U2537" s="5"/>
      <c r="V2537" s="5"/>
      <c r="W2537" s="5"/>
      <c r="X2537" s="5"/>
      <c r="Y2537" s="5"/>
      <c r="Z2537" s="5"/>
      <c r="AA2537" s="5"/>
      <c r="AB2537" s="5"/>
      <c r="AC2537" s="5"/>
      <c r="AD2537" s="5"/>
      <c r="AE2537" s="5"/>
      <c r="AF2537" s="5"/>
      <c r="AG2537" s="5"/>
      <c r="AH2537" s="5"/>
      <c r="AI2537" s="5"/>
    </row>
    <row r="2538" spans="1:35" ht="27.75" customHeight="1" x14ac:dyDescent="0.4">
      <c r="A2538" s="16" t="s">
        <v>3503</v>
      </c>
      <c r="B2538" s="15" t="s">
        <v>4990</v>
      </c>
      <c r="C2538" s="16" t="s">
        <v>4991</v>
      </c>
      <c r="D2538" s="10">
        <v>1442440089</v>
      </c>
      <c r="E2538" s="11">
        <v>46507</v>
      </c>
      <c r="F2538" s="9" t="s">
        <v>70</v>
      </c>
      <c r="G2538" s="5">
        <v>2536</v>
      </c>
      <c r="H2538" s="12">
        <f t="shared" si="78"/>
        <v>12</v>
      </c>
      <c r="I2538" s="12">
        <f t="shared" si="79"/>
        <v>13</v>
      </c>
      <c r="J2538" s="5"/>
      <c r="K2538" s="5"/>
      <c r="L2538" s="5"/>
      <c r="M2538" s="5"/>
      <c r="N2538" s="5"/>
      <c r="O2538" s="5"/>
      <c r="P2538" s="5"/>
      <c r="Q2538" s="5"/>
      <c r="R2538" s="5"/>
      <c r="S2538" s="5"/>
      <c r="T2538" s="5"/>
      <c r="U2538" s="5"/>
      <c r="V2538" s="5"/>
      <c r="W2538" s="5"/>
      <c r="X2538" s="5"/>
      <c r="Y2538" s="5"/>
      <c r="Z2538" s="5"/>
      <c r="AA2538" s="5"/>
      <c r="AB2538" s="5"/>
      <c r="AC2538" s="5"/>
      <c r="AD2538" s="5"/>
      <c r="AE2538" s="5"/>
      <c r="AF2538" s="5"/>
      <c r="AG2538" s="5"/>
      <c r="AH2538" s="5"/>
      <c r="AI2538" s="5"/>
    </row>
    <row r="2539" spans="1:35" ht="27.75" customHeight="1" x14ac:dyDescent="0.4">
      <c r="A2539" s="13" t="s">
        <v>3503</v>
      </c>
      <c r="B2539" s="9" t="s">
        <v>4992</v>
      </c>
      <c r="C2539" s="9" t="s">
        <v>4993</v>
      </c>
      <c r="D2539" s="18">
        <v>1442481372</v>
      </c>
      <c r="E2539" s="11">
        <v>46630</v>
      </c>
      <c r="F2539" s="9" t="s">
        <v>70</v>
      </c>
      <c r="G2539" s="12">
        <v>2537</v>
      </c>
      <c r="H2539" s="12">
        <f t="shared" si="78"/>
        <v>10</v>
      </c>
      <c r="I2539" s="12">
        <f t="shared" si="79"/>
        <v>12</v>
      </c>
      <c r="J2539" s="5"/>
      <c r="K2539" s="5"/>
      <c r="L2539" s="5"/>
      <c r="M2539" s="5"/>
      <c r="N2539" s="5"/>
      <c r="O2539" s="5"/>
      <c r="P2539" s="5"/>
      <c r="Q2539" s="5"/>
      <c r="R2539" s="5"/>
      <c r="S2539" s="5"/>
      <c r="T2539" s="5"/>
      <c r="U2539" s="5"/>
      <c r="V2539" s="5"/>
      <c r="W2539" s="5"/>
      <c r="X2539" s="5"/>
      <c r="Y2539" s="5"/>
      <c r="Z2539" s="5"/>
      <c r="AA2539" s="5"/>
      <c r="AB2539" s="5"/>
      <c r="AC2539" s="5"/>
      <c r="AD2539" s="5"/>
      <c r="AE2539" s="5"/>
      <c r="AF2539" s="5"/>
      <c r="AG2539" s="5"/>
      <c r="AH2539" s="5"/>
      <c r="AI2539" s="5"/>
    </row>
    <row r="2540" spans="1:35" ht="27.75" customHeight="1" x14ac:dyDescent="0.4">
      <c r="A2540" s="9" t="s">
        <v>3503</v>
      </c>
      <c r="B2540" s="9" t="s">
        <v>4994</v>
      </c>
      <c r="C2540" s="9" t="s">
        <v>4995</v>
      </c>
      <c r="D2540" s="18">
        <v>1442440758</v>
      </c>
      <c r="E2540" s="11">
        <v>48091</v>
      </c>
      <c r="F2540" s="9" t="s">
        <v>70</v>
      </c>
      <c r="G2540" s="5">
        <v>2538</v>
      </c>
      <c r="H2540" s="12">
        <f t="shared" si="78"/>
        <v>13</v>
      </c>
      <c r="I2540" s="12">
        <f t="shared" si="79"/>
        <v>5</v>
      </c>
      <c r="J2540" s="5"/>
      <c r="K2540" s="5"/>
      <c r="L2540" s="5"/>
      <c r="M2540" s="5"/>
      <c r="N2540" s="5"/>
      <c r="O2540" s="5"/>
      <c r="P2540" s="5"/>
      <c r="Q2540" s="5"/>
      <c r="R2540" s="5"/>
      <c r="S2540" s="5"/>
      <c r="T2540" s="5"/>
      <c r="U2540" s="5"/>
      <c r="V2540" s="5"/>
      <c r="W2540" s="5"/>
      <c r="X2540" s="5"/>
      <c r="Y2540" s="5"/>
      <c r="Z2540" s="5"/>
      <c r="AA2540" s="5"/>
      <c r="AB2540" s="5"/>
      <c r="AC2540" s="5"/>
      <c r="AD2540" s="5"/>
      <c r="AE2540" s="5"/>
      <c r="AF2540" s="5"/>
      <c r="AG2540" s="5"/>
      <c r="AH2540" s="5"/>
      <c r="AI2540" s="5"/>
    </row>
    <row r="2541" spans="1:35" ht="27.75" customHeight="1" x14ac:dyDescent="0.4">
      <c r="A2541" s="9" t="s">
        <v>3503</v>
      </c>
      <c r="B2541" s="9" t="s">
        <v>4996</v>
      </c>
      <c r="C2541" s="9" t="s">
        <v>4997</v>
      </c>
      <c r="D2541" s="18">
        <v>1442440451</v>
      </c>
      <c r="E2541" s="11">
        <v>48304</v>
      </c>
      <c r="F2541" s="9" t="s">
        <v>70</v>
      </c>
      <c r="G2541" s="12">
        <v>2539</v>
      </c>
      <c r="H2541" s="12">
        <f t="shared" si="78"/>
        <v>22</v>
      </c>
      <c r="I2541" s="12">
        <f t="shared" si="79"/>
        <v>5</v>
      </c>
      <c r="J2541" s="5"/>
      <c r="K2541" s="5"/>
      <c r="L2541" s="5"/>
      <c r="M2541" s="5"/>
      <c r="N2541" s="5"/>
      <c r="O2541" s="5"/>
      <c r="P2541" s="5"/>
      <c r="Q2541" s="5"/>
      <c r="R2541" s="5"/>
      <c r="S2541" s="5"/>
      <c r="T2541" s="5"/>
      <c r="U2541" s="5"/>
      <c r="V2541" s="5"/>
      <c r="W2541" s="5"/>
      <c r="X2541" s="5"/>
      <c r="Y2541" s="5"/>
      <c r="Z2541" s="5"/>
      <c r="AA2541" s="5"/>
      <c r="AB2541" s="5"/>
      <c r="AC2541" s="5"/>
      <c r="AD2541" s="5"/>
      <c r="AE2541" s="5"/>
      <c r="AF2541" s="5"/>
      <c r="AG2541" s="5"/>
      <c r="AH2541" s="5"/>
      <c r="AI2541" s="5"/>
    </row>
    <row r="2542" spans="1:35" ht="27.75" customHeight="1" x14ac:dyDescent="0.4">
      <c r="A2542" s="13" t="s">
        <v>3503</v>
      </c>
      <c r="B2542" s="9" t="s">
        <v>4998</v>
      </c>
      <c r="C2542" s="9" t="s">
        <v>3083</v>
      </c>
      <c r="D2542" s="18">
        <v>1442440378</v>
      </c>
      <c r="E2542" s="11">
        <v>48029</v>
      </c>
      <c r="F2542" s="9" t="s">
        <v>70</v>
      </c>
      <c r="G2542" s="5">
        <v>2540</v>
      </c>
      <c r="H2542" s="12">
        <f t="shared" si="78"/>
        <v>12</v>
      </c>
      <c r="I2542" s="12">
        <f t="shared" si="79"/>
        <v>10</v>
      </c>
      <c r="J2542" s="5"/>
      <c r="K2542" s="5"/>
      <c r="L2542" s="5"/>
      <c r="M2542" s="5"/>
      <c r="N2542" s="5"/>
      <c r="O2542" s="5"/>
      <c r="P2542" s="5"/>
      <c r="Q2542" s="5"/>
      <c r="R2542" s="5"/>
      <c r="S2542" s="5"/>
      <c r="T2542" s="5"/>
      <c r="U2542" s="5"/>
      <c r="V2542" s="5"/>
      <c r="W2542" s="5"/>
      <c r="X2542" s="5"/>
      <c r="Y2542" s="5"/>
      <c r="Z2542" s="5"/>
      <c r="AA2542" s="5"/>
      <c r="AB2542" s="5"/>
      <c r="AC2542" s="5"/>
      <c r="AD2542" s="5"/>
      <c r="AE2542" s="5"/>
      <c r="AF2542" s="5"/>
      <c r="AG2542" s="5"/>
      <c r="AH2542" s="5"/>
      <c r="AI2542" s="5"/>
    </row>
    <row r="2543" spans="1:35" ht="27.75" customHeight="1" x14ac:dyDescent="0.4">
      <c r="A2543" s="9" t="s">
        <v>3503</v>
      </c>
      <c r="B2543" s="9" t="s">
        <v>4999</v>
      </c>
      <c r="C2543" s="9" t="s">
        <v>5000</v>
      </c>
      <c r="D2543" s="18">
        <v>1442481646</v>
      </c>
      <c r="E2543" s="11">
        <v>46387</v>
      </c>
      <c r="F2543" s="9" t="s">
        <v>70</v>
      </c>
      <c r="G2543" s="12">
        <v>2541</v>
      </c>
      <c r="H2543" s="12">
        <f t="shared" si="78"/>
        <v>19</v>
      </c>
      <c r="I2543" s="12">
        <f t="shared" si="79"/>
        <v>10</v>
      </c>
      <c r="J2543" s="5"/>
      <c r="K2543" s="5"/>
      <c r="L2543" s="5"/>
      <c r="M2543" s="5"/>
      <c r="N2543" s="5"/>
      <c r="O2543" s="5"/>
      <c r="P2543" s="5"/>
      <c r="Q2543" s="5"/>
      <c r="R2543" s="5"/>
      <c r="S2543" s="5"/>
      <c r="T2543" s="5"/>
      <c r="U2543" s="5"/>
      <c r="V2543" s="5"/>
      <c r="W2543" s="5"/>
      <c r="X2543" s="5"/>
      <c r="Y2543" s="5"/>
      <c r="Z2543" s="5"/>
      <c r="AA2543" s="5"/>
      <c r="AB2543" s="5"/>
      <c r="AC2543" s="5"/>
      <c r="AD2543" s="5"/>
      <c r="AE2543" s="5"/>
      <c r="AF2543" s="5"/>
      <c r="AG2543" s="5"/>
      <c r="AH2543" s="5"/>
      <c r="AI2543" s="5"/>
    </row>
    <row r="2544" spans="1:35" ht="27.75" customHeight="1" x14ac:dyDescent="0.4">
      <c r="A2544" s="9" t="s">
        <v>3503</v>
      </c>
      <c r="B2544" s="13" t="s">
        <v>5001</v>
      </c>
      <c r="C2544" s="9" t="s">
        <v>5002</v>
      </c>
      <c r="D2544" s="18">
        <v>1442440113</v>
      </c>
      <c r="E2544" s="11">
        <v>46630</v>
      </c>
      <c r="F2544" s="9" t="s">
        <v>70</v>
      </c>
      <c r="G2544" s="5">
        <v>2542</v>
      </c>
      <c r="H2544" s="12">
        <f t="shared" si="78"/>
        <v>13</v>
      </c>
      <c r="I2544" s="12">
        <f t="shared" si="79"/>
        <v>10</v>
      </c>
      <c r="J2544" s="5"/>
      <c r="K2544" s="5"/>
      <c r="L2544" s="5"/>
      <c r="M2544" s="5"/>
      <c r="N2544" s="5"/>
      <c r="O2544" s="5"/>
      <c r="P2544" s="5"/>
      <c r="Q2544" s="5"/>
      <c r="R2544" s="5"/>
      <c r="S2544" s="5"/>
      <c r="T2544" s="5"/>
      <c r="U2544" s="5"/>
      <c r="V2544" s="5"/>
      <c r="W2544" s="5"/>
      <c r="X2544" s="5"/>
      <c r="Y2544" s="5"/>
      <c r="Z2544" s="5"/>
      <c r="AA2544" s="5"/>
      <c r="AB2544" s="5"/>
      <c r="AC2544" s="5"/>
      <c r="AD2544" s="5"/>
      <c r="AE2544" s="5"/>
      <c r="AF2544" s="5"/>
      <c r="AG2544" s="5"/>
      <c r="AH2544" s="5"/>
      <c r="AI2544" s="5"/>
    </row>
    <row r="2545" spans="1:35" ht="27.75" customHeight="1" x14ac:dyDescent="0.4">
      <c r="A2545" s="9" t="s">
        <v>3503</v>
      </c>
      <c r="B2545" s="9" t="s">
        <v>5003</v>
      </c>
      <c r="C2545" s="9" t="s">
        <v>5004</v>
      </c>
      <c r="D2545" s="18">
        <v>1442481786</v>
      </c>
      <c r="E2545" s="11">
        <v>46387</v>
      </c>
      <c r="F2545" s="9" t="s">
        <v>70</v>
      </c>
      <c r="G2545" s="12">
        <v>2543</v>
      </c>
      <c r="H2545" s="12">
        <f t="shared" si="78"/>
        <v>13</v>
      </c>
      <c r="I2545" s="12">
        <f t="shared" si="79"/>
        <v>11</v>
      </c>
      <c r="J2545" s="5"/>
      <c r="K2545" s="5"/>
      <c r="L2545" s="5"/>
      <c r="M2545" s="5"/>
      <c r="N2545" s="5"/>
      <c r="O2545" s="5"/>
      <c r="P2545" s="5"/>
      <c r="Q2545" s="5"/>
      <c r="R2545" s="5"/>
      <c r="S2545" s="5"/>
      <c r="T2545" s="5"/>
      <c r="U2545" s="5"/>
      <c r="V2545" s="5"/>
      <c r="W2545" s="5"/>
      <c r="X2545" s="5"/>
      <c r="Y2545" s="5"/>
      <c r="Z2545" s="5"/>
      <c r="AA2545" s="5"/>
      <c r="AB2545" s="5"/>
      <c r="AC2545" s="5"/>
      <c r="AD2545" s="5"/>
      <c r="AE2545" s="5"/>
      <c r="AF2545" s="5"/>
      <c r="AG2545" s="5"/>
      <c r="AH2545" s="5"/>
      <c r="AI2545" s="5"/>
    </row>
    <row r="2546" spans="1:35" ht="27.75" customHeight="1" x14ac:dyDescent="0.4">
      <c r="A2546" s="9" t="s">
        <v>3503</v>
      </c>
      <c r="B2546" s="13" t="s">
        <v>5005</v>
      </c>
      <c r="C2546" s="13" t="s">
        <v>5006</v>
      </c>
      <c r="D2546" s="18">
        <v>1442440345</v>
      </c>
      <c r="E2546" s="11">
        <v>47938</v>
      </c>
      <c r="F2546" s="9" t="s">
        <v>70</v>
      </c>
      <c r="G2546" s="5">
        <v>2544</v>
      </c>
      <c r="H2546" s="12">
        <f t="shared" si="78"/>
        <v>15</v>
      </c>
      <c r="I2546" s="12">
        <f t="shared" si="79"/>
        <v>19</v>
      </c>
      <c r="J2546" s="5"/>
      <c r="K2546" s="5"/>
      <c r="L2546" s="5"/>
      <c r="M2546" s="5"/>
      <c r="N2546" s="5"/>
      <c r="O2546" s="5"/>
      <c r="P2546" s="5"/>
      <c r="Q2546" s="5"/>
      <c r="R2546" s="5"/>
      <c r="S2546" s="5"/>
      <c r="T2546" s="5"/>
      <c r="U2546" s="5"/>
      <c r="V2546" s="5"/>
      <c r="W2546" s="5"/>
      <c r="X2546" s="5"/>
      <c r="Y2546" s="5"/>
      <c r="Z2546" s="5"/>
      <c r="AA2546" s="5"/>
      <c r="AB2546" s="5"/>
      <c r="AC2546" s="5"/>
      <c r="AD2546" s="5"/>
      <c r="AE2546" s="5"/>
      <c r="AF2546" s="5"/>
      <c r="AG2546" s="5"/>
      <c r="AH2546" s="5"/>
      <c r="AI2546" s="5"/>
    </row>
    <row r="2547" spans="1:35" ht="27.75" customHeight="1" x14ac:dyDescent="0.4">
      <c r="A2547" s="9" t="s">
        <v>3503</v>
      </c>
      <c r="B2547" s="9" t="s">
        <v>5007</v>
      </c>
      <c r="C2547" s="9" t="s">
        <v>5008</v>
      </c>
      <c r="D2547" s="18">
        <v>1442440337</v>
      </c>
      <c r="E2547" s="11">
        <v>47756</v>
      </c>
      <c r="F2547" s="9" t="s">
        <v>70</v>
      </c>
      <c r="G2547" s="12">
        <v>2545</v>
      </c>
      <c r="H2547" s="12">
        <f t="shared" si="78"/>
        <v>23</v>
      </c>
      <c r="I2547" s="12">
        <f t="shared" si="79"/>
        <v>5</v>
      </c>
      <c r="J2547" s="5"/>
      <c r="K2547" s="5"/>
      <c r="L2547" s="5"/>
      <c r="M2547" s="5"/>
      <c r="N2547" s="5"/>
      <c r="O2547" s="5"/>
      <c r="P2547" s="5"/>
      <c r="Q2547" s="5"/>
      <c r="R2547" s="5"/>
      <c r="S2547" s="5"/>
      <c r="T2547" s="5"/>
      <c r="U2547" s="5"/>
      <c r="V2547" s="5"/>
      <c r="W2547" s="5"/>
      <c r="X2547" s="5"/>
      <c r="Y2547" s="5"/>
      <c r="Z2547" s="5"/>
      <c r="AA2547" s="5"/>
      <c r="AB2547" s="5"/>
      <c r="AC2547" s="5"/>
      <c r="AD2547" s="5"/>
      <c r="AE2547" s="5"/>
      <c r="AF2547" s="5"/>
      <c r="AG2547" s="5"/>
      <c r="AH2547" s="5"/>
      <c r="AI2547" s="5"/>
    </row>
    <row r="2548" spans="1:35" ht="27.75" customHeight="1" x14ac:dyDescent="0.4">
      <c r="A2548" s="13" t="s">
        <v>3503</v>
      </c>
      <c r="B2548" s="9" t="s">
        <v>5009</v>
      </c>
      <c r="C2548" s="9" t="s">
        <v>5010</v>
      </c>
      <c r="D2548" s="18">
        <v>1442481943</v>
      </c>
      <c r="E2548" s="11">
        <v>46387</v>
      </c>
      <c r="F2548" s="9" t="s">
        <v>70</v>
      </c>
      <c r="G2548" s="5">
        <v>2546</v>
      </c>
      <c r="H2548" s="12">
        <f t="shared" si="78"/>
        <v>14</v>
      </c>
      <c r="I2548" s="12">
        <f t="shared" si="79"/>
        <v>5</v>
      </c>
      <c r="J2548" s="5"/>
      <c r="K2548" s="5"/>
      <c r="L2548" s="5"/>
      <c r="M2548" s="5"/>
      <c r="N2548" s="5"/>
      <c r="O2548" s="5"/>
      <c r="P2548" s="5"/>
      <c r="Q2548" s="5"/>
      <c r="R2548" s="5"/>
      <c r="S2548" s="5"/>
      <c r="T2548" s="5"/>
      <c r="U2548" s="5"/>
      <c r="V2548" s="5"/>
      <c r="W2548" s="5"/>
      <c r="X2548" s="5"/>
      <c r="Y2548" s="5"/>
      <c r="Z2548" s="5"/>
      <c r="AA2548" s="5"/>
      <c r="AB2548" s="5"/>
      <c r="AC2548" s="5"/>
      <c r="AD2548" s="5"/>
      <c r="AE2548" s="5"/>
      <c r="AF2548" s="5"/>
      <c r="AG2548" s="5"/>
      <c r="AH2548" s="5"/>
      <c r="AI2548" s="5"/>
    </row>
    <row r="2549" spans="1:35" ht="27.75" customHeight="1" x14ac:dyDescent="0.4">
      <c r="A2549" s="9" t="s">
        <v>3503</v>
      </c>
      <c r="B2549" s="9" t="s">
        <v>5011</v>
      </c>
      <c r="C2549" s="9" t="s">
        <v>5012</v>
      </c>
      <c r="D2549" s="18">
        <v>1442440147</v>
      </c>
      <c r="E2549" s="11">
        <v>46387</v>
      </c>
      <c r="F2549" s="9" t="s">
        <v>70</v>
      </c>
      <c r="G2549" s="12">
        <v>2547</v>
      </c>
      <c r="H2549" s="12">
        <f t="shared" si="78"/>
        <v>18</v>
      </c>
      <c r="I2549" s="12">
        <f t="shared" si="79"/>
        <v>13</v>
      </c>
      <c r="J2549" s="5"/>
      <c r="K2549" s="5"/>
      <c r="L2549" s="5"/>
      <c r="M2549" s="5"/>
      <c r="N2549" s="5"/>
      <c r="O2549" s="5"/>
      <c r="P2549" s="5"/>
      <c r="Q2549" s="5"/>
      <c r="R2549" s="5"/>
      <c r="S2549" s="5"/>
      <c r="T2549" s="5"/>
      <c r="U2549" s="5"/>
      <c r="V2549" s="5"/>
      <c r="W2549" s="5"/>
      <c r="X2549" s="5"/>
      <c r="Y2549" s="5"/>
      <c r="Z2549" s="5"/>
      <c r="AA2549" s="5"/>
      <c r="AB2549" s="5"/>
      <c r="AC2549" s="5"/>
      <c r="AD2549" s="5"/>
      <c r="AE2549" s="5"/>
      <c r="AF2549" s="5"/>
      <c r="AG2549" s="5"/>
      <c r="AH2549" s="5"/>
      <c r="AI2549" s="5"/>
    </row>
    <row r="2550" spans="1:35" ht="27.75" customHeight="1" x14ac:dyDescent="0.4">
      <c r="A2550" s="13" t="s">
        <v>3503</v>
      </c>
      <c r="B2550" s="13" t="s">
        <v>5013</v>
      </c>
      <c r="C2550" s="13" t="s">
        <v>5014</v>
      </c>
      <c r="D2550" s="18">
        <v>1442440709</v>
      </c>
      <c r="E2550" s="11">
        <v>47695</v>
      </c>
      <c r="F2550" s="9" t="s">
        <v>70</v>
      </c>
      <c r="G2550" s="5">
        <v>2548</v>
      </c>
      <c r="H2550" s="12">
        <f t="shared" si="78"/>
        <v>11</v>
      </c>
      <c r="I2550" s="12">
        <f t="shared" si="79"/>
        <v>15</v>
      </c>
      <c r="J2550" s="5"/>
      <c r="K2550" s="5"/>
      <c r="L2550" s="5"/>
      <c r="M2550" s="5"/>
      <c r="N2550" s="5"/>
      <c r="O2550" s="5"/>
      <c r="P2550" s="5"/>
      <c r="Q2550" s="5"/>
      <c r="R2550" s="5"/>
      <c r="S2550" s="5"/>
      <c r="T2550" s="5"/>
      <c r="U2550" s="5"/>
      <c r="V2550" s="5"/>
      <c r="W2550" s="5"/>
      <c r="X2550" s="5"/>
      <c r="Y2550" s="5"/>
      <c r="Z2550" s="5"/>
      <c r="AA2550" s="5"/>
      <c r="AB2550" s="5"/>
      <c r="AC2550" s="5"/>
      <c r="AD2550" s="5"/>
      <c r="AE2550" s="5"/>
      <c r="AF2550" s="5"/>
      <c r="AG2550" s="5"/>
      <c r="AH2550" s="5"/>
      <c r="AI2550" s="5"/>
    </row>
    <row r="2551" spans="1:35" ht="27.75" customHeight="1" x14ac:dyDescent="0.4">
      <c r="A2551" s="9" t="s">
        <v>3503</v>
      </c>
      <c r="B2551" s="9" t="s">
        <v>5015</v>
      </c>
      <c r="C2551" s="9" t="s">
        <v>5016</v>
      </c>
      <c r="D2551" s="18">
        <v>1442440410</v>
      </c>
      <c r="E2551" s="11">
        <v>48213</v>
      </c>
      <c r="F2551" s="9" t="s">
        <v>70</v>
      </c>
      <c r="G2551" s="12">
        <v>2549</v>
      </c>
      <c r="H2551" s="12">
        <f t="shared" si="78"/>
        <v>10</v>
      </c>
      <c r="I2551" s="12">
        <f t="shared" si="79"/>
        <v>13</v>
      </c>
      <c r="J2551" s="5"/>
      <c r="K2551" s="5"/>
      <c r="L2551" s="5"/>
      <c r="M2551" s="5"/>
      <c r="N2551" s="5"/>
      <c r="O2551" s="5"/>
      <c r="P2551" s="5"/>
      <c r="Q2551" s="5"/>
      <c r="R2551" s="5"/>
      <c r="S2551" s="5"/>
      <c r="T2551" s="5"/>
      <c r="U2551" s="5"/>
      <c r="V2551" s="5"/>
      <c r="W2551" s="5"/>
      <c r="X2551" s="5"/>
      <c r="Y2551" s="5"/>
      <c r="Z2551" s="5"/>
      <c r="AA2551" s="5"/>
      <c r="AB2551" s="5"/>
      <c r="AC2551" s="5"/>
      <c r="AD2551" s="5"/>
      <c r="AE2551" s="5"/>
      <c r="AF2551" s="5"/>
      <c r="AG2551" s="5"/>
      <c r="AH2551" s="5"/>
      <c r="AI2551" s="5"/>
    </row>
    <row r="2552" spans="1:35" ht="27.75" customHeight="1" x14ac:dyDescent="0.4">
      <c r="A2552" s="9" t="s">
        <v>3503</v>
      </c>
      <c r="B2552" s="9" t="s">
        <v>5017</v>
      </c>
      <c r="C2552" s="9" t="s">
        <v>5018</v>
      </c>
      <c r="D2552" s="18">
        <v>1442400042</v>
      </c>
      <c r="E2552" s="11">
        <v>46387</v>
      </c>
      <c r="F2552" s="9" t="s">
        <v>70</v>
      </c>
      <c r="G2552" s="5">
        <v>2550</v>
      </c>
      <c r="H2552" s="12">
        <f t="shared" si="78"/>
        <v>9</v>
      </c>
      <c r="I2552" s="12">
        <f t="shared" si="79"/>
        <v>4</v>
      </c>
      <c r="J2552" s="24"/>
      <c r="K2552" s="24"/>
      <c r="L2552" s="24"/>
      <c r="M2552" s="24"/>
      <c r="N2552" s="24"/>
      <c r="O2552" s="24"/>
      <c r="P2552" s="24"/>
      <c r="Q2552" s="24"/>
      <c r="R2552" s="24"/>
      <c r="S2552" s="24"/>
      <c r="T2552" s="24"/>
      <c r="U2552" s="24"/>
      <c r="V2552" s="24"/>
      <c r="W2552" s="24"/>
      <c r="X2552" s="24"/>
      <c r="Y2552" s="24"/>
      <c r="Z2552" s="24"/>
      <c r="AA2552" s="24"/>
      <c r="AB2552" s="24"/>
      <c r="AC2552" s="24"/>
      <c r="AD2552" s="24"/>
      <c r="AE2552" s="24"/>
      <c r="AF2552" s="24"/>
      <c r="AG2552" s="24"/>
      <c r="AH2552" s="24"/>
      <c r="AI2552" s="24"/>
    </row>
    <row r="2553" spans="1:35" ht="27.75" customHeight="1" x14ac:dyDescent="0.4">
      <c r="A2553" s="16" t="s">
        <v>3503</v>
      </c>
      <c r="B2553" s="15" t="s">
        <v>5019</v>
      </c>
      <c r="C2553" s="16" t="s">
        <v>5020</v>
      </c>
      <c r="D2553" s="10">
        <v>1442481919</v>
      </c>
      <c r="E2553" s="11">
        <v>46387</v>
      </c>
      <c r="F2553" s="9" t="s">
        <v>70</v>
      </c>
      <c r="G2553" s="12">
        <v>2551</v>
      </c>
      <c r="H2553" s="12">
        <f t="shared" si="78"/>
        <v>17</v>
      </c>
      <c r="I2553" s="12">
        <f t="shared" si="79"/>
        <v>4</v>
      </c>
      <c r="J2553" s="5"/>
      <c r="K2553" s="5"/>
      <c r="L2553" s="5"/>
      <c r="M2553" s="5"/>
      <c r="N2553" s="5"/>
      <c r="O2553" s="5"/>
      <c r="P2553" s="5"/>
      <c r="Q2553" s="5"/>
      <c r="R2553" s="5"/>
      <c r="S2553" s="5"/>
      <c r="T2553" s="5"/>
      <c r="U2553" s="5"/>
      <c r="V2553" s="5"/>
      <c r="W2553" s="5"/>
      <c r="X2553" s="5"/>
      <c r="Y2553" s="5"/>
      <c r="Z2553" s="5"/>
      <c r="AA2553" s="5"/>
      <c r="AB2553" s="5"/>
      <c r="AC2553" s="5"/>
      <c r="AD2553" s="5"/>
      <c r="AE2553" s="5"/>
      <c r="AF2553" s="5"/>
      <c r="AG2553" s="5"/>
      <c r="AH2553" s="5"/>
      <c r="AI2553" s="5"/>
    </row>
    <row r="2554" spans="1:35" ht="27.75" customHeight="1" x14ac:dyDescent="0.4">
      <c r="A2554" s="13" t="s">
        <v>3503</v>
      </c>
      <c r="B2554" s="9" t="s">
        <v>5021</v>
      </c>
      <c r="C2554" s="9" t="s">
        <v>5022</v>
      </c>
      <c r="D2554" s="18">
        <v>1442440592</v>
      </c>
      <c r="E2554" s="11">
        <v>47330</v>
      </c>
      <c r="F2554" s="9" t="s">
        <v>70</v>
      </c>
      <c r="G2554" s="5">
        <v>2552</v>
      </c>
      <c r="H2554" s="12">
        <f t="shared" si="78"/>
        <v>11</v>
      </c>
      <c r="I2554" s="12">
        <f t="shared" si="79"/>
        <v>5</v>
      </c>
      <c r="J2554" s="5"/>
      <c r="K2554" s="5"/>
      <c r="L2554" s="5"/>
      <c r="M2554" s="5"/>
      <c r="N2554" s="5"/>
      <c r="O2554" s="5"/>
      <c r="P2554" s="5"/>
      <c r="Q2554" s="5"/>
      <c r="R2554" s="5"/>
      <c r="S2554" s="5"/>
      <c r="T2554" s="5"/>
      <c r="U2554" s="5"/>
      <c r="V2554" s="5"/>
      <c r="W2554" s="5"/>
      <c r="X2554" s="5"/>
      <c r="Y2554" s="5"/>
      <c r="Z2554" s="5"/>
      <c r="AA2554" s="5"/>
      <c r="AB2554" s="5"/>
      <c r="AC2554" s="5"/>
      <c r="AD2554" s="5"/>
      <c r="AE2554" s="5"/>
      <c r="AF2554" s="5"/>
      <c r="AG2554" s="5"/>
      <c r="AH2554" s="5"/>
      <c r="AI2554" s="5"/>
    </row>
    <row r="2555" spans="1:35" ht="27.75" customHeight="1" x14ac:dyDescent="0.4">
      <c r="A2555" s="9" t="s">
        <v>3503</v>
      </c>
      <c r="B2555" s="9" t="s">
        <v>3858</v>
      </c>
      <c r="C2555" s="9" t="s">
        <v>5023</v>
      </c>
      <c r="D2555" s="18">
        <v>1442440469</v>
      </c>
      <c r="E2555" s="11">
        <v>46418</v>
      </c>
      <c r="F2555" s="9" t="s">
        <v>70</v>
      </c>
      <c r="G2555" s="12">
        <v>2553</v>
      </c>
      <c r="H2555" s="12">
        <f t="shared" si="78"/>
        <v>10</v>
      </c>
      <c r="I2555" s="12">
        <f t="shared" si="79"/>
        <v>5</v>
      </c>
      <c r="J2555" s="5"/>
      <c r="K2555" s="5"/>
      <c r="L2555" s="5"/>
      <c r="M2555" s="5"/>
      <c r="N2555" s="5"/>
      <c r="O2555" s="5"/>
      <c r="P2555" s="5"/>
      <c r="Q2555" s="5"/>
      <c r="R2555" s="5"/>
      <c r="S2555" s="5"/>
      <c r="T2555" s="5"/>
      <c r="U2555" s="5"/>
      <c r="V2555" s="5"/>
      <c r="W2555" s="5"/>
      <c r="X2555" s="5"/>
      <c r="Y2555" s="5"/>
      <c r="Z2555" s="5"/>
      <c r="AA2555" s="5"/>
      <c r="AB2555" s="5"/>
      <c r="AC2555" s="5"/>
      <c r="AD2555" s="5"/>
      <c r="AE2555" s="5"/>
      <c r="AF2555" s="5"/>
      <c r="AG2555" s="5"/>
      <c r="AH2555" s="5"/>
      <c r="AI2555" s="5"/>
    </row>
    <row r="2556" spans="1:35" ht="27.75" customHeight="1" x14ac:dyDescent="0.4">
      <c r="A2556" s="38" t="s">
        <v>3503</v>
      </c>
      <c r="B2556" s="9" t="s">
        <v>5024</v>
      </c>
      <c r="C2556" s="9" t="s">
        <v>5025</v>
      </c>
      <c r="D2556" s="18">
        <v>1442440485</v>
      </c>
      <c r="E2556" s="11">
        <v>46599</v>
      </c>
      <c r="F2556" s="9" t="s">
        <v>70</v>
      </c>
      <c r="G2556" s="5">
        <v>2554</v>
      </c>
      <c r="H2556" s="12">
        <f t="shared" si="78"/>
        <v>11</v>
      </c>
      <c r="I2556" s="12">
        <f t="shared" si="79"/>
        <v>11</v>
      </c>
      <c r="J2556" s="5"/>
      <c r="K2556" s="5"/>
      <c r="L2556" s="5"/>
      <c r="M2556" s="5"/>
      <c r="N2556" s="5"/>
      <c r="O2556" s="5"/>
      <c r="P2556" s="5"/>
      <c r="Q2556" s="5"/>
      <c r="R2556" s="5"/>
      <c r="S2556" s="5"/>
      <c r="T2556" s="5"/>
      <c r="U2556" s="5"/>
      <c r="V2556" s="5"/>
      <c r="W2556" s="5"/>
      <c r="X2556" s="5"/>
      <c r="Y2556" s="5"/>
      <c r="Z2556" s="5"/>
      <c r="AA2556" s="5"/>
      <c r="AB2556" s="5"/>
      <c r="AC2556" s="5"/>
      <c r="AD2556" s="5"/>
      <c r="AE2556" s="5"/>
      <c r="AF2556" s="5"/>
      <c r="AG2556" s="5"/>
      <c r="AH2556" s="5"/>
      <c r="AI2556" s="5"/>
    </row>
    <row r="2557" spans="1:35" ht="27.75" customHeight="1" x14ac:dyDescent="0.4">
      <c r="A2557" s="38" t="s">
        <v>3503</v>
      </c>
      <c r="B2557" s="9" t="s">
        <v>5026</v>
      </c>
      <c r="C2557" s="9" t="s">
        <v>5027</v>
      </c>
      <c r="D2557" s="18">
        <v>1442481802</v>
      </c>
      <c r="E2557" s="11">
        <v>46387</v>
      </c>
      <c r="F2557" s="9" t="s">
        <v>70</v>
      </c>
      <c r="G2557" s="12">
        <v>2555</v>
      </c>
      <c r="H2557" s="12">
        <f t="shared" si="78"/>
        <v>25</v>
      </c>
      <c r="I2557" s="12">
        <f t="shared" si="79"/>
        <v>13</v>
      </c>
      <c r="J2557" s="5"/>
      <c r="K2557" s="5"/>
      <c r="L2557" s="5"/>
      <c r="M2557" s="5"/>
      <c r="N2557" s="5"/>
      <c r="O2557" s="5"/>
      <c r="P2557" s="5"/>
      <c r="Q2557" s="5"/>
      <c r="R2557" s="5"/>
      <c r="S2557" s="5"/>
      <c r="T2557" s="5"/>
      <c r="U2557" s="5"/>
      <c r="V2557" s="5"/>
      <c r="W2557" s="5"/>
      <c r="X2557" s="5"/>
      <c r="Y2557" s="5"/>
      <c r="Z2557" s="5"/>
      <c r="AA2557" s="5"/>
      <c r="AB2557" s="5"/>
      <c r="AC2557" s="5"/>
      <c r="AD2557" s="5"/>
      <c r="AE2557" s="5"/>
      <c r="AF2557" s="5"/>
      <c r="AG2557" s="5"/>
      <c r="AH2557" s="5"/>
      <c r="AI2557" s="5"/>
    </row>
    <row r="2558" spans="1:35" ht="27.75" customHeight="1" x14ac:dyDescent="0.4">
      <c r="A2558" s="38" t="s">
        <v>3503</v>
      </c>
      <c r="B2558" s="9" t="s">
        <v>5028</v>
      </c>
      <c r="C2558" s="9" t="s">
        <v>5029</v>
      </c>
      <c r="D2558" s="18">
        <v>1442400786</v>
      </c>
      <c r="E2558" s="11">
        <v>46387</v>
      </c>
      <c r="F2558" s="9" t="s">
        <v>70</v>
      </c>
      <c r="G2558" s="5">
        <v>2556</v>
      </c>
      <c r="H2558" s="12">
        <f t="shared" si="78"/>
        <v>14</v>
      </c>
      <c r="I2558" s="12">
        <f t="shared" si="79"/>
        <v>9</v>
      </c>
      <c r="J2558" s="5"/>
      <c r="K2558" s="5"/>
      <c r="L2558" s="5"/>
      <c r="M2558" s="5"/>
      <c r="N2558" s="5"/>
      <c r="O2558" s="5"/>
      <c r="P2558" s="5"/>
      <c r="Q2558" s="5"/>
      <c r="R2558" s="5"/>
      <c r="S2558" s="5"/>
      <c r="T2558" s="5"/>
      <c r="U2558" s="5"/>
      <c r="V2558" s="5"/>
      <c r="W2558" s="5"/>
      <c r="X2558" s="5"/>
      <c r="Y2558" s="5"/>
      <c r="Z2558" s="5"/>
      <c r="AA2558" s="5"/>
      <c r="AB2558" s="5"/>
      <c r="AC2558" s="5"/>
      <c r="AD2558" s="5"/>
      <c r="AE2558" s="5"/>
      <c r="AF2558" s="5"/>
      <c r="AG2558" s="5"/>
      <c r="AH2558" s="5"/>
      <c r="AI2558" s="5"/>
    </row>
    <row r="2559" spans="1:35" ht="27.75" customHeight="1" x14ac:dyDescent="0.4">
      <c r="A2559" s="39" t="s">
        <v>3503</v>
      </c>
      <c r="B2559" s="16" t="s">
        <v>5030</v>
      </c>
      <c r="C2559" s="22" t="s">
        <v>5031</v>
      </c>
      <c r="D2559" s="10">
        <v>1442481562</v>
      </c>
      <c r="E2559" s="11">
        <v>46387</v>
      </c>
      <c r="F2559" s="9" t="s">
        <v>70</v>
      </c>
      <c r="G2559" s="12">
        <v>2557</v>
      </c>
      <c r="H2559" s="12">
        <f t="shared" si="78"/>
        <v>19</v>
      </c>
      <c r="I2559" s="12">
        <f t="shared" si="79"/>
        <v>5</v>
      </c>
      <c r="J2559" s="5"/>
      <c r="K2559" s="5"/>
      <c r="L2559" s="5"/>
      <c r="M2559" s="5"/>
      <c r="N2559" s="5"/>
      <c r="O2559" s="5"/>
      <c r="P2559" s="5"/>
      <c r="Q2559" s="5"/>
      <c r="R2559" s="5"/>
      <c r="S2559" s="5"/>
      <c r="T2559" s="5"/>
      <c r="U2559" s="5"/>
      <c r="V2559" s="5"/>
      <c r="W2559" s="5"/>
      <c r="X2559" s="5"/>
      <c r="Y2559" s="5"/>
      <c r="Z2559" s="5"/>
      <c r="AA2559" s="5"/>
      <c r="AB2559" s="5"/>
      <c r="AC2559" s="5"/>
      <c r="AD2559" s="5"/>
      <c r="AE2559" s="5"/>
      <c r="AF2559" s="5"/>
      <c r="AG2559" s="5"/>
      <c r="AH2559" s="5"/>
      <c r="AI2559" s="5"/>
    </row>
    <row r="2560" spans="1:35" ht="27.75" customHeight="1" x14ac:dyDescent="0.4">
      <c r="A2560" s="38" t="s">
        <v>3503</v>
      </c>
      <c r="B2560" s="9" t="s">
        <v>5032</v>
      </c>
      <c r="C2560" s="9" t="s">
        <v>5033</v>
      </c>
      <c r="D2560" s="18">
        <v>1442481935</v>
      </c>
      <c r="E2560" s="11">
        <v>46387</v>
      </c>
      <c r="F2560" s="9" t="s">
        <v>70</v>
      </c>
      <c r="G2560" s="5">
        <v>2558</v>
      </c>
      <c r="H2560" s="12">
        <f t="shared" si="78"/>
        <v>27</v>
      </c>
      <c r="I2560" s="12">
        <f t="shared" si="79"/>
        <v>10</v>
      </c>
      <c r="J2560" s="5"/>
      <c r="K2560" s="5"/>
      <c r="L2560" s="5"/>
      <c r="M2560" s="5"/>
      <c r="N2560" s="5"/>
      <c r="O2560" s="5"/>
      <c r="P2560" s="5"/>
      <c r="Q2560" s="5"/>
      <c r="R2560" s="5"/>
      <c r="S2560" s="5"/>
      <c r="T2560" s="5"/>
      <c r="U2560" s="5"/>
      <c r="V2560" s="5"/>
      <c r="W2560" s="5"/>
      <c r="X2560" s="5"/>
      <c r="Y2560" s="5"/>
      <c r="Z2560" s="5"/>
      <c r="AA2560" s="5"/>
      <c r="AB2560" s="5"/>
      <c r="AC2560" s="5"/>
      <c r="AD2560" s="5"/>
      <c r="AE2560" s="5"/>
      <c r="AF2560" s="5"/>
      <c r="AG2560" s="5"/>
      <c r="AH2560" s="5"/>
      <c r="AI2560" s="5"/>
    </row>
    <row r="2561" spans="1:35" ht="27.75" customHeight="1" x14ac:dyDescent="0.4">
      <c r="A2561" s="40" t="s">
        <v>3503</v>
      </c>
      <c r="B2561" s="9" t="s">
        <v>5034</v>
      </c>
      <c r="C2561" s="9" t="s">
        <v>5035</v>
      </c>
      <c r="D2561" s="18">
        <v>1442440667</v>
      </c>
      <c r="E2561" s="11">
        <v>47634</v>
      </c>
      <c r="F2561" s="9" t="s">
        <v>70</v>
      </c>
      <c r="G2561" s="12">
        <v>2559</v>
      </c>
      <c r="H2561" s="12">
        <f t="shared" si="78"/>
        <v>21</v>
      </c>
      <c r="I2561" s="12">
        <f t="shared" si="79"/>
        <v>10</v>
      </c>
      <c r="J2561" s="5"/>
      <c r="K2561" s="5"/>
      <c r="L2561" s="5"/>
      <c r="M2561" s="5"/>
      <c r="N2561" s="5"/>
      <c r="O2561" s="5"/>
      <c r="P2561" s="5"/>
      <c r="Q2561" s="5"/>
      <c r="R2561" s="5"/>
      <c r="S2561" s="5"/>
      <c r="T2561" s="5"/>
      <c r="U2561" s="5"/>
      <c r="V2561" s="5"/>
      <c r="W2561" s="5"/>
      <c r="X2561" s="5"/>
      <c r="Y2561" s="5"/>
      <c r="Z2561" s="5"/>
      <c r="AA2561" s="5"/>
      <c r="AB2561" s="5"/>
      <c r="AC2561" s="5"/>
      <c r="AD2561" s="5"/>
      <c r="AE2561" s="5"/>
      <c r="AF2561" s="5"/>
      <c r="AG2561" s="5"/>
      <c r="AH2561" s="5"/>
      <c r="AI2561" s="5"/>
    </row>
    <row r="2562" spans="1:35" ht="27.75" customHeight="1" x14ac:dyDescent="0.4">
      <c r="A2562" s="38" t="s">
        <v>3503</v>
      </c>
      <c r="B2562" s="9" t="s">
        <v>5036</v>
      </c>
      <c r="C2562" s="9" t="s">
        <v>5037</v>
      </c>
      <c r="D2562" s="18">
        <v>1442400927</v>
      </c>
      <c r="E2562" s="11">
        <v>46387</v>
      </c>
      <c r="F2562" s="9" t="s">
        <v>70</v>
      </c>
      <c r="G2562" s="5">
        <v>2560</v>
      </c>
      <c r="H2562" s="12">
        <f t="shared" si="78"/>
        <v>13</v>
      </c>
      <c r="I2562" s="12">
        <f t="shared" si="79"/>
        <v>6</v>
      </c>
      <c r="J2562" s="5"/>
      <c r="K2562" s="5"/>
      <c r="L2562" s="5"/>
      <c r="M2562" s="5"/>
      <c r="N2562" s="5"/>
      <c r="O2562" s="5"/>
      <c r="P2562" s="5"/>
      <c r="Q2562" s="5"/>
      <c r="R2562" s="5"/>
      <c r="S2562" s="5"/>
      <c r="T2562" s="5"/>
      <c r="U2562" s="5"/>
      <c r="V2562" s="5"/>
      <c r="W2562" s="5"/>
      <c r="X2562" s="5"/>
      <c r="Y2562" s="5"/>
      <c r="Z2562" s="5"/>
      <c r="AA2562" s="5"/>
      <c r="AB2562" s="5"/>
      <c r="AC2562" s="5"/>
      <c r="AD2562" s="5"/>
      <c r="AE2562" s="5"/>
      <c r="AF2562" s="5"/>
      <c r="AG2562" s="5"/>
      <c r="AH2562" s="5"/>
      <c r="AI2562" s="5"/>
    </row>
    <row r="2563" spans="1:35" ht="27.75" customHeight="1" x14ac:dyDescent="0.4">
      <c r="A2563" s="9" t="s">
        <v>3503</v>
      </c>
      <c r="B2563" s="9" t="s">
        <v>5038</v>
      </c>
      <c r="C2563" s="9" t="s">
        <v>5039</v>
      </c>
      <c r="D2563" s="18">
        <v>1442482099</v>
      </c>
      <c r="E2563" s="11">
        <v>46387</v>
      </c>
      <c r="F2563" s="9" t="s">
        <v>70</v>
      </c>
      <c r="G2563" s="12">
        <v>2561</v>
      </c>
      <c r="H2563" s="12">
        <f t="shared" si="78"/>
        <v>25</v>
      </c>
      <c r="I2563" s="12">
        <f t="shared" si="79"/>
        <v>11</v>
      </c>
      <c r="J2563" s="5"/>
      <c r="K2563" s="5"/>
      <c r="L2563" s="5"/>
      <c r="M2563" s="5"/>
      <c r="N2563" s="5"/>
      <c r="O2563" s="5"/>
      <c r="P2563" s="5"/>
      <c r="Q2563" s="5"/>
      <c r="R2563" s="5"/>
      <c r="S2563" s="5"/>
      <c r="T2563" s="5"/>
      <c r="U2563" s="5"/>
      <c r="V2563" s="5"/>
      <c r="W2563" s="5"/>
      <c r="X2563" s="5"/>
      <c r="Y2563" s="5"/>
      <c r="Z2563" s="5"/>
      <c r="AA2563" s="5"/>
      <c r="AB2563" s="5"/>
      <c r="AC2563" s="5"/>
      <c r="AD2563" s="5"/>
      <c r="AE2563" s="5"/>
      <c r="AF2563" s="5"/>
      <c r="AG2563" s="5"/>
      <c r="AH2563" s="5"/>
      <c r="AI2563" s="5"/>
    </row>
    <row r="2564" spans="1:35" ht="27.75" customHeight="1" x14ac:dyDescent="0.4">
      <c r="A2564" s="9" t="s">
        <v>3503</v>
      </c>
      <c r="B2564" s="9" t="s">
        <v>5040</v>
      </c>
      <c r="C2564" s="9" t="s">
        <v>5041</v>
      </c>
      <c r="D2564" s="18">
        <v>1442481745</v>
      </c>
      <c r="E2564" s="11">
        <v>46387</v>
      </c>
      <c r="F2564" s="9" t="s">
        <v>70</v>
      </c>
      <c r="G2564" s="5">
        <v>2562</v>
      </c>
      <c r="H2564" s="12">
        <f t="shared" ref="H2564:H2627" si="80">LEN(C2564)</f>
        <v>11</v>
      </c>
      <c r="I2564" s="12">
        <f t="shared" ref="I2564:I2627" si="81">LEN(B2564)</f>
        <v>4</v>
      </c>
      <c r="J2564" s="5"/>
      <c r="K2564" s="5"/>
      <c r="L2564" s="5"/>
      <c r="M2564" s="5"/>
      <c r="N2564" s="5"/>
      <c r="O2564" s="5"/>
      <c r="P2564" s="5"/>
      <c r="Q2564" s="5"/>
      <c r="R2564" s="5"/>
      <c r="S2564" s="5"/>
      <c r="T2564" s="5"/>
      <c r="U2564" s="5"/>
      <c r="V2564" s="5"/>
      <c r="W2564" s="5"/>
      <c r="X2564" s="5"/>
      <c r="Y2564" s="5"/>
      <c r="Z2564" s="5"/>
      <c r="AA2564" s="5"/>
      <c r="AB2564" s="5"/>
      <c r="AC2564" s="5"/>
      <c r="AD2564" s="5"/>
      <c r="AE2564" s="5"/>
      <c r="AF2564" s="5"/>
      <c r="AG2564" s="5"/>
      <c r="AH2564" s="5"/>
      <c r="AI2564" s="5"/>
    </row>
    <row r="2565" spans="1:35" ht="27.75" customHeight="1" x14ac:dyDescent="0.4">
      <c r="A2565" s="16" t="s">
        <v>3503</v>
      </c>
      <c r="B2565" s="15" t="s">
        <v>5042</v>
      </c>
      <c r="C2565" s="16" t="s">
        <v>5043</v>
      </c>
      <c r="D2565" s="10">
        <v>1442481422</v>
      </c>
      <c r="E2565" s="11">
        <v>46387</v>
      </c>
      <c r="F2565" s="9" t="s">
        <v>70</v>
      </c>
      <c r="G2565" s="12">
        <v>2563</v>
      </c>
      <c r="H2565" s="12">
        <f t="shared" si="80"/>
        <v>12</v>
      </c>
      <c r="I2565" s="12">
        <f t="shared" si="81"/>
        <v>5</v>
      </c>
      <c r="J2565" s="5"/>
      <c r="K2565" s="5"/>
      <c r="L2565" s="5"/>
      <c r="M2565" s="5"/>
      <c r="N2565" s="5"/>
      <c r="O2565" s="5"/>
      <c r="P2565" s="5"/>
      <c r="Q2565" s="5"/>
      <c r="R2565" s="5"/>
      <c r="S2565" s="5"/>
      <c r="T2565" s="5"/>
      <c r="U2565" s="5"/>
      <c r="V2565" s="5"/>
      <c r="W2565" s="5"/>
      <c r="X2565" s="5"/>
      <c r="Y2565" s="5"/>
      <c r="Z2565" s="5"/>
      <c r="AA2565" s="5"/>
      <c r="AB2565" s="5"/>
      <c r="AC2565" s="5"/>
      <c r="AD2565" s="5"/>
      <c r="AE2565" s="5"/>
      <c r="AF2565" s="5"/>
      <c r="AG2565" s="5"/>
      <c r="AH2565" s="5"/>
      <c r="AI2565" s="5"/>
    </row>
    <row r="2566" spans="1:35" ht="27.75" customHeight="1" x14ac:dyDescent="0.4">
      <c r="A2566" s="9" t="s">
        <v>3503</v>
      </c>
      <c r="B2566" s="9" t="s">
        <v>5044</v>
      </c>
      <c r="C2566" s="9" t="s">
        <v>5045</v>
      </c>
      <c r="D2566" s="18">
        <v>1442440253</v>
      </c>
      <c r="E2566" s="11">
        <v>47208</v>
      </c>
      <c r="F2566" s="9" t="s">
        <v>70</v>
      </c>
      <c r="G2566" s="5">
        <v>2564</v>
      </c>
      <c r="H2566" s="12">
        <f t="shared" si="80"/>
        <v>12</v>
      </c>
      <c r="I2566" s="12">
        <f t="shared" si="81"/>
        <v>13</v>
      </c>
      <c r="J2566" s="5"/>
      <c r="K2566" s="5"/>
      <c r="L2566" s="5"/>
      <c r="M2566" s="5"/>
      <c r="N2566" s="5"/>
      <c r="O2566" s="5"/>
      <c r="P2566" s="5"/>
      <c r="Q2566" s="5"/>
      <c r="R2566" s="5"/>
      <c r="S2566" s="5"/>
      <c r="T2566" s="5"/>
      <c r="U2566" s="5"/>
      <c r="V2566" s="5"/>
      <c r="W2566" s="5"/>
      <c r="X2566" s="5"/>
      <c r="Y2566" s="5"/>
      <c r="Z2566" s="5"/>
      <c r="AA2566" s="5"/>
      <c r="AB2566" s="5"/>
      <c r="AC2566" s="5"/>
      <c r="AD2566" s="5"/>
      <c r="AE2566" s="5"/>
      <c r="AF2566" s="5"/>
      <c r="AG2566" s="5"/>
      <c r="AH2566" s="5"/>
      <c r="AI2566" s="5"/>
    </row>
    <row r="2567" spans="1:35" ht="27.75" customHeight="1" x14ac:dyDescent="0.4">
      <c r="A2567" s="9" t="s">
        <v>3503</v>
      </c>
      <c r="B2567" s="9" t="s">
        <v>5046</v>
      </c>
      <c r="C2567" s="9" t="s">
        <v>5047</v>
      </c>
      <c r="D2567" s="18">
        <v>1442481497</v>
      </c>
      <c r="E2567" s="11">
        <v>46387</v>
      </c>
      <c r="F2567" s="9" t="s">
        <v>70</v>
      </c>
      <c r="G2567" s="12">
        <v>2565</v>
      </c>
      <c r="H2567" s="12">
        <f t="shared" si="80"/>
        <v>12</v>
      </c>
      <c r="I2567" s="12">
        <f t="shared" si="81"/>
        <v>8</v>
      </c>
      <c r="J2567" s="5"/>
      <c r="K2567" s="5"/>
      <c r="L2567" s="5"/>
      <c r="M2567" s="5"/>
      <c r="N2567" s="5"/>
      <c r="O2567" s="5"/>
      <c r="P2567" s="5"/>
      <c r="Q2567" s="5"/>
      <c r="R2567" s="5"/>
      <c r="S2567" s="5"/>
      <c r="T2567" s="5"/>
      <c r="U2567" s="5"/>
      <c r="V2567" s="5"/>
      <c r="W2567" s="5"/>
      <c r="X2567" s="5"/>
      <c r="Y2567" s="5"/>
      <c r="Z2567" s="5"/>
      <c r="AA2567" s="5"/>
      <c r="AB2567" s="5"/>
      <c r="AC2567" s="5"/>
      <c r="AD2567" s="5"/>
      <c r="AE2567" s="5"/>
      <c r="AF2567" s="5"/>
      <c r="AG2567" s="5"/>
      <c r="AH2567" s="5"/>
      <c r="AI2567" s="5"/>
    </row>
    <row r="2568" spans="1:35" ht="27.75" customHeight="1" x14ac:dyDescent="0.4">
      <c r="A2568" s="9" t="s">
        <v>3503</v>
      </c>
      <c r="B2568" s="9" t="s">
        <v>5048</v>
      </c>
      <c r="C2568" s="9" t="s">
        <v>5049</v>
      </c>
      <c r="D2568" s="18">
        <v>1442440618</v>
      </c>
      <c r="E2568" s="11">
        <v>47542</v>
      </c>
      <c r="F2568" s="9" t="s">
        <v>70</v>
      </c>
      <c r="G2568" s="5">
        <v>2566</v>
      </c>
      <c r="H2568" s="12">
        <f t="shared" si="80"/>
        <v>14</v>
      </c>
      <c r="I2568" s="12">
        <f t="shared" si="81"/>
        <v>11</v>
      </c>
      <c r="J2568" s="5"/>
      <c r="K2568" s="5"/>
      <c r="L2568" s="5"/>
      <c r="M2568" s="5"/>
      <c r="N2568" s="5"/>
      <c r="O2568" s="5"/>
      <c r="P2568" s="5"/>
      <c r="Q2568" s="5"/>
      <c r="R2568" s="5"/>
      <c r="S2568" s="5"/>
      <c r="T2568" s="5"/>
      <c r="U2568" s="5"/>
      <c r="V2568" s="5"/>
      <c r="W2568" s="5"/>
      <c r="X2568" s="5"/>
      <c r="Y2568" s="5"/>
      <c r="Z2568" s="5"/>
      <c r="AA2568" s="5"/>
      <c r="AB2568" s="5"/>
      <c r="AC2568" s="5"/>
      <c r="AD2568" s="5"/>
      <c r="AE2568" s="5"/>
      <c r="AF2568" s="5"/>
      <c r="AG2568" s="5"/>
      <c r="AH2568" s="5"/>
      <c r="AI2568" s="5"/>
    </row>
    <row r="2569" spans="1:35" ht="27.75" customHeight="1" x14ac:dyDescent="0.4">
      <c r="A2569" s="13" t="s">
        <v>3503</v>
      </c>
      <c r="B2569" s="9" t="s">
        <v>5050</v>
      </c>
      <c r="C2569" s="9" t="s">
        <v>5051</v>
      </c>
      <c r="D2569" s="18">
        <v>1442400950</v>
      </c>
      <c r="E2569" s="11">
        <v>46387</v>
      </c>
      <c r="F2569" s="9" t="s">
        <v>70</v>
      </c>
      <c r="G2569" s="12">
        <v>2567</v>
      </c>
      <c r="H2569" s="12">
        <f t="shared" si="80"/>
        <v>12</v>
      </c>
      <c r="I2569" s="12">
        <f t="shared" si="81"/>
        <v>8</v>
      </c>
      <c r="J2569" s="5"/>
      <c r="K2569" s="5"/>
      <c r="L2569" s="5"/>
      <c r="M2569" s="5"/>
      <c r="N2569" s="5"/>
      <c r="O2569" s="5"/>
      <c r="P2569" s="5"/>
      <c r="Q2569" s="5"/>
      <c r="R2569" s="5"/>
      <c r="S2569" s="5"/>
      <c r="T2569" s="5"/>
      <c r="U2569" s="5"/>
      <c r="V2569" s="5"/>
      <c r="W2569" s="5"/>
      <c r="X2569" s="5"/>
      <c r="Y2569" s="5"/>
      <c r="Z2569" s="5"/>
      <c r="AA2569" s="5"/>
      <c r="AB2569" s="5"/>
      <c r="AC2569" s="5"/>
      <c r="AD2569" s="5"/>
      <c r="AE2569" s="5"/>
      <c r="AF2569" s="5"/>
      <c r="AG2569" s="5"/>
      <c r="AH2569" s="5"/>
      <c r="AI2569" s="5"/>
    </row>
    <row r="2570" spans="1:35" ht="27.75" customHeight="1" x14ac:dyDescent="0.4">
      <c r="A2570" s="9" t="s">
        <v>3503</v>
      </c>
      <c r="B2570" s="9" t="s">
        <v>5052</v>
      </c>
      <c r="C2570" s="9" t="s">
        <v>5053</v>
      </c>
      <c r="D2570" s="18">
        <v>1442481158</v>
      </c>
      <c r="E2570" s="11">
        <v>46630</v>
      </c>
      <c r="F2570" s="9" t="s">
        <v>70</v>
      </c>
      <c r="G2570" s="5">
        <v>2568</v>
      </c>
      <c r="H2570" s="12">
        <f t="shared" si="80"/>
        <v>12</v>
      </c>
      <c r="I2570" s="12">
        <f t="shared" si="81"/>
        <v>5</v>
      </c>
      <c r="J2570" s="5"/>
      <c r="K2570" s="5"/>
      <c r="L2570" s="5"/>
      <c r="M2570" s="5"/>
      <c r="N2570" s="5"/>
      <c r="O2570" s="5"/>
      <c r="P2570" s="5"/>
      <c r="Q2570" s="5"/>
      <c r="R2570" s="5"/>
      <c r="S2570" s="5"/>
      <c r="T2570" s="5"/>
      <c r="U2570" s="5"/>
      <c r="V2570" s="5"/>
      <c r="W2570" s="5"/>
      <c r="X2570" s="5"/>
      <c r="Y2570" s="5"/>
      <c r="Z2570" s="5"/>
      <c r="AA2570" s="5"/>
      <c r="AB2570" s="5"/>
      <c r="AC2570" s="5"/>
      <c r="AD2570" s="5"/>
      <c r="AE2570" s="5"/>
      <c r="AF2570" s="5"/>
      <c r="AG2570" s="5"/>
      <c r="AH2570" s="5"/>
      <c r="AI2570" s="5"/>
    </row>
    <row r="2571" spans="1:35" ht="27.75" customHeight="1" x14ac:dyDescent="0.4">
      <c r="A2571" s="9" t="s">
        <v>3503</v>
      </c>
      <c r="B2571" s="9" t="s">
        <v>5054</v>
      </c>
      <c r="C2571" s="9" t="s">
        <v>5055</v>
      </c>
      <c r="D2571" s="18">
        <v>1442440402</v>
      </c>
      <c r="E2571" s="11">
        <v>48213</v>
      </c>
      <c r="F2571" s="9" t="s">
        <v>70</v>
      </c>
      <c r="G2571" s="12">
        <v>2569</v>
      </c>
      <c r="H2571" s="12">
        <f t="shared" si="80"/>
        <v>12</v>
      </c>
      <c r="I2571" s="12">
        <f t="shared" si="81"/>
        <v>16</v>
      </c>
      <c r="J2571" s="5"/>
      <c r="K2571" s="5"/>
      <c r="L2571" s="5"/>
      <c r="M2571" s="5"/>
      <c r="N2571" s="5"/>
      <c r="O2571" s="5"/>
      <c r="P2571" s="5"/>
      <c r="Q2571" s="5"/>
      <c r="R2571" s="5"/>
      <c r="S2571" s="5"/>
      <c r="T2571" s="5"/>
      <c r="U2571" s="5"/>
      <c r="V2571" s="5"/>
      <c r="W2571" s="5"/>
      <c r="X2571" s="5"/>
      <c r="Y2571" s="5"/>
      <c r="Z2571" s="5"/>
      <c r="AA2571" s="5"/>
      <c r="AB2571" s="5"/>
      <c r="AC2571" s="5"/>
      <c r="AD2571" s="5"/>
      <c r="AE2571" s="5"/>
      <c r="AF2571" s="5"/>
      <c r="AG2571" s="5"/>
      <c r="AH2571" s="5"/>
      <c r="AI2571" s="5"/>
    </row>
    <row r="2572" spans="1:35" ht="27.75" customHeight="1" x14ac:dyDescent="0.4">
      <c r="A2572" s="9" t="s">
        <v>3503</v>
      </c>
      <c r="B2572" s="9" t="s">
        <v>5056</v>
      </c>
      <c r="C2572" s="9" t="s">
        <v>5057</v>
      </c>
      <c r="D2572" s="18">
        <v>1442481661</v>
      </c>
      <c r="E2572" s="11">
        <v>46387</v>
      </c>
      <c r="F2572" s="9" t="s">
        <v>70</v>
      </c>
      <c r="G2572" s="5">
        <v>2570</v>
      </c>
      <c r="H2572" s="12">
        <f t="shared" si="80"/>
        <v>11</v>
      </c>
      <c r="I2572" s="12">
        <f t="shared" si="81"/>
        <v>10</v>
      </c>
      <c r="J2572" s="5"/>
      <c r="K2572" s="5"/>
      <c r="L2572" s="5"/>
      <c r="M2572" s="5"/>
      <c r="N2572" s="5"/>
      <c r="O2572" s="5"/>
      <c r="P2572" s="5"/>
      <c r="Q2572" s="5"/>
      <c r="R2572" s="5"/>
      <c r="S2572" s="5"/>
      <c r="T2572" s="5"/>
      <c r="U2572" s="5"/>
      <c r="V2572" s="5"/>
      <c r="W2572" s="5"/>
      <c r="X2572" s="5"/>
      <c r="Y2572" s="5"/>
      <c r="Z2572" s="5"/>
      <c r="AA2572" s="5"/>
      <c r="AB2572" s="5"/>
      <c r="AC2572" s="5"/>
      <c r="AD2572" s="5"/>
      <c r="AE2572" s="5"/>
      <c r="AF2572" s="5"/>
      <c r="AG2572" s="5"/>
      <c r="AH2572" s="5"/>
      <c r="AI2572" s="5"/>
    </row>
    <row r="2573" spans="1:35" ht="27.75" customHeight="1" x14ac:dyDescent="0.4">
      <c r="A2573" s="9" t="s">
        <v>3503</v>
      </c>
      <c r="B2573" s="9" t="s">
        <v>5058</v>
      </c>
      <c r="C2573" s="9" t="s">
        <v>5059</v>
      </c>
      <c r="D2573" s="18">
        <v>1442440501</v>
      </c>
      <c r="E2573" s="11">
        <v>46812</v>
      </c>
      <c r="F2573" s="9" t="s">
        <v>70</v>
      </c>
      <c r="G2573" s="12">
        <v>2571</v>
      </c>
      <c r="H2573" s="12">
        <f t="shared" si="80"/>
        <v>11</v>
      </c>
      <c r="I2573" s="12">
        <f t="shared" si="81"/>
        <v>14</v>
      </c>
      <c r="J2573" s="5"/>
      <c r="K2573" s="5"/>
      <c r="L2573" s="5"/>
      <c r="M2573" s="5"/>
      <c r="N2573" s="5"/>
      <c r="O2573" s="5"/>
      <c r="P2573" s="5"/>
      <c r="Q2573" s="5"/>
      <c r="R2573" s="5"/>
      <c r="S2573" s="5"/>
      <c r="T2573" s="5"/>
      <c r="U2573" s="5"/>
      <c r="V2573" s="5"/>
      <c r="W2573" s="5"/>
      <c r="X2573" s="5"/>
      <c r="Y2573" s="5"/>
      <c r="Z2573" s="5"/>
      <c r="AA2573" s="5"/>
      <c r="AB2573" s="5"/>
      <c r="AC2573" s="5"/>
      <c r="AD2573" s="5"/>
      <c r="AE2573" s="5"/>
      <c r="AF2573" s="5"/>
      <c r="AG2573" s="5"/>
      <c r="AH2573" s="5"/>
      <c r="AI2573" s="5"/>
    </row>
    <row r="2574" spans="1:35" ht="27.75" customHeight="1" x14ac:dyDescent="0.4">
      <c r="A2574" s="9" t="s">
        <v>3503</v>
      </c>
      <c r="B2574" s="9" t="s">
        <v>5060</v>
      </c>
      <c r="C2574" s="9" t="s">
        <v>5061</v>
      </c>
      <c r="D2574" s="18">
        <v>1442440006</v>
      </c>
      <c r="E2574" s="11">
        <v>48213</v>
      </c>
      <c r="F2574" s="9" t="s">
        <v>70</v>
      </c>
      <c r="G2574" s="5">
        <v>2572</v>
      </c>
      <c r="H2574" s="12">
        <f t="shared" si="80"/>
        <v>12</v>
      </c>
      <c r="I2574" s="12">
        <f t="shared" si="81"/>
        <v>5</v>
      </c>
      <c r="J2574" s="5"/>
      <c r="K2574" s="5"/>
      <c r="L2574" s="5"/>
      <c r="M2574" s="5"/>
      <c r="N2574" s="5"/>
      <c r="O2574" s="5"/>
      <c r="P2574" s="5"/>
      <c r="Q2574" s="5"/>
      <c r="R2574" s="5"/>
      <c r="S2574" s="5"/>
      <c r="T2574" s="5"/>
      <c r="U2574" s="5"/>
      <c r="V2574" s="5"/>
      <c r="W2574" s="5"/>
      <c r="X2574" s="5"/>
      <c r="Y2574" s="5"/>
      <c r="Z2574" s="5"/>
      <c r="AA2574" s="5"/>
      <c r="AB2574" s="5"/>
      <c r="AC2574" s="5"/>
      <c r="AD2574" s="5"/>
      <c r="AE2574" s="5"/>
      <c r="AF2574" s="5"/>
      <c r="AG2574" s="5"/>
      <c r="AH2574" s="5"/>
      <c r="AI2574" s="5"/>
    </row>
    <row r="2575" spans="1:35" ht="27.75" customHeight="1" x14ac:dyDescent="0.4">
      <c r="A2575" s="9" t="s">
        <v>3503</v>
      </c>
      <c r="B2575" s="9" t="s">
        <v>5062</v>
      </c>
      <c r="C2575" s="22" t="s">
        <v>5063</v>
      </c>
      <c r="D2575" s="18">
        <v>1442440741</v>
      </c>
      <c r="E2575" s="11">
        <v>47999</v>
      </c>
      <c r="F2575" s="9" t="s">
        <v>70</v>
      </c>
      <c r="G2575" s="12">
        <v>2573</v>
      </c>
      <c r="H2575" s="12">
        <f t="shared" si="80"/>
        <v>11</v>
      </c>
      <c r="I2575" s="12">
        <f t="shared" si="81"/>
        <v>5</v>
      </c>
      <c r="J2575" s="5"/>
      <c r="K2575" s="5"/>
      <c r="L2575" s="5"/>
      <c r="M2575" s="5"/>
      <c r="N2575" s="5"/>
      <c r="O2575" s="5"/>
      <c r="P2575" s="5"/>
      <c r="Q2575" s="5"/>
      <c r="R2575" s="5"/>
      <c r="S2575" s="5"/>
      <c r="T2575" s="5"/>
      <c r="U2575" s="5"/>
      <c r="V2575" s="5"/>
      <c r="W2575" s="5"/>
      <c r="X2575" s="5"/>
      <c r="Y2575" s="5"/>
      <c r="Z2575" s="5"/>
      <c r="AA2575" s="5"/>
      <c r="AB2575" s="5"/>
      <c r="AC2575" s="5"/>
      <c r="AD2575" s="5"/>
      <c r="AE2575" s="5"/>
      <c r="AF2575" s="5"/>
      <c r="AG2575" s="5"/>
      <c r="AH2575" s="5"/>
      <c r="AI2575" s="5"/>
    </row>
    <row r="2576" spans="1:35" ht="27.75" customHeight="1" x14ac:dyDescent="0.4">
      <c r="A2576" s="29" t="s">
        <v>3503</v>
      </c>
      <c r="B2576" s="16" t="s">
        <v>5064</v>
      </c>
      <c r="C2576" s="16" t="s">
        <v>1566</v>
      </c>
      <c r="D2576" s="10">
        <v>1442481950</v>
      </c>
      <c r="E2576" s="11">
        <v>46387</v>
      </c>
      <c r="F2576" s="9" t="s">
        <v>70</v>
      </c>
      <c r="G2576" s="5">
        <v>2574</v>
      </c>
      <c r="H2576" s="12">
        <f t="shared" si="80"/>
        <v>13</v>
      </c>
      <c r="I2576" s="12">
        <f t="shared" si="81"/>
        <v>9</v>
      </c>
      <c r="J2576" s="5"/>
      <c r="K2576" s="5"/>
      <c r="L2576" s="5"/>
      <c r="M2576" s="5"/>
      <c r="N2576" s="5"/>
      <c r="O2576" s="5"/>
      <c r="P2576" s="5"/>
      <c r="Q2576" s="5"/>
      <c r="R2576" s="5"/>
      <c r="S2576" s="5"/>
      <c r="T2576" s="5"/>
      <c r="U2576" s="5"/>
      <c r="V2576" s="5"/>
      <c r="W2576" s="5"/>
      <c r="X2576" s="5"/>
      <c r="Y2576" s="5"/>
      <c r="Z2576" s="5"/>
      <c r="AA2576" s="5"/>
      <c r="AB2576" s="5"/>
      <c r="AC2576" s="5"/>
      <c r="AD2576" s="5"/>
      <c r="AE2576" s="5"/>
      <c r="AF2576" s="5"/>
      <c r="AG2576" s="5"/>
      <c r="AH2576" s="5"/>
      <c r="AI2576" s="5"/>
    </row>
    <row r="2577" spans="1:35" ht="27.75" customHeight="1" x14ac:dyDescent="0.4">
      <c r="A2577" s="9" t="s">
        <v>3503</v>
      </c>
      <c r="B2577" s="14" t="s">
        <v>5065</v>
      </c>
      <c r="C2577" s="9" t="s">
        <v>5066</v>
      </c>
      <c r="D2577" s="18">
        <v>1442440394</v>
      </c>
      <c r="E2577" s="11">
        <v>48182</v>
      </c>
      <c r="F2577" s="9" t="s">
        <v>70</v>
      </c>
      <c r="G2577" s="12">
        <v>2575</v>
      </c>
      <c r="H2577" s="12">
        <f t="shared" si="80"/>
        <v>11</v>
      </c>
      <c r="I2577" s="12">
        <f t="shared" si="81"/>
        <v>6</v>
      </c>
    </row>
    <row r="2578" spans="1:35" ht="27.75" customHeight="1" x14ac:dyDescent="0.4">
      <c r="A2578" s="13" t="s">
        <v>3503</v>
      </c>
      <c r="B2578" s="9" t="s">
        <v>5067</v>
      </c>
      <c r="C2578" s="9" t="s">
        <v>5068</v>
      </c>
      <c r="D2578" s="18">
        <v>1442481810</v>
      </c>
      <c r="E2578" s="11">
        <v>46387</v>
      </c>
      <c r="F2578" s="9" t="s">
        <v>70</v>
      </c>
      <c r="G2578" s="5">
        <v>2576</v>
      </c>
      <c r="H2578" s="12">
        <f t="shared" si="80"/>
        <v>13</v>
      </c>
      <c r="I2578" s="12">
        <f t="shared" si="81"/>
        <v>17</v>
      </c>
      <c r="J2578" s="5"/>
      <c r="K2578" s="5"/>
      <c r="L2578" s="5"/>
      <c r="M2578" s="5"/>
      <c r="N2578" s="5"/>
      <c r="O2578" s="5"/>
      <c r="P2578" s="5"/>
      <c r="Q2578" s="5"/>
      <c r="R2578" s="5"/>
      <c r="S2578" s="5"/>
      <c r="T2578" s="5"/>
      <c r="U2578" s="5"/>
      <c r="V2578" s="5"/>
      <c r="W2578" s="5"/>
      <c r="X2578" s="5"/>
      <c r="Y2578" s="5"/>
      <c r="Z2578" s="5"/>
      <c r="AA2578" s="5"/>
      <c r="AB2578" s="5"/>
      <c r="AC2578" s="5"/>
      <c r="AD2578" s="5"/>
      <c r="AE2578" s="5"/>
      <c r="AF2578" s="5"/>
      <c r="AG2578" s="5"/>
      <c r="AH2578" s="5"/>
      <c r="AI2578" s="5"/>
    </row>
    <row r="2579" spans="1:35" ht="27.75" customHeight="1" x14ac:dyDescent="0.4">
      <c r="A2579" s="17" t="s">
        <v>3503</v>
      </c>
      <c r="B2579" s="9" t="s">
        <v>5069</v>
      </c>
      <c r="C2579" s="9" t="s">
        <v>5070</v>
      </c>
      <c r="D2579" s="18">
        <v>1442400638</v>
      </c>
      <c r="E2579" s="11">
        <v>46387</v>
      </c>
      <c r="F2579" s="9" t="s">
        <v>70</v>
      </c>
      <c r="G2579" s="12">
        <v>2577</v>
      </c>
      <c r="H2579" s="12">
        <f t="shared" si="80"/>
        <v>14</v>
      </c>
      <c r="I2579" s="12">
        <f t="shared" si="81"/>
        <v>9</v>
      </c>
      <c r="J2579" s="24"/>
      <c r="K2579" s="24"/>
      <c r="L2579" s="24"/>
      <c r="M2579" s="5"/>
      <c r="N2579" s="5"/>
      <c r="O2579" s="5"/>
      <c r="P2579" s="5"/>
      <c r="Q2579" s="5"/>
      <c r="R2579" s="5"/>
      <c r="S2579" s="5"/>
      <c r="T2579" s="5"/>
      <c r="U2579" s="5"/>
      <c r="V2579" s="5"/>
      <c r="W2579" s="5"/>
      <c r="X2579" s="5"/>
      <c r="Y2579" s="5"/>
      <c r="Z2579" s="5"/>
      <c r="AA2579" s="5"/>
      <c r="AB2579" s="5"/>
      <c r="AC2579" s="5"/>
      <c r="AD2579" s="5"/>
      <c r="AE2579" s="5"/>
      <c r="AF2579" s="5"/>
      <c r="AG2579" s="5"/>
      <c r="AH2579" s="5"/>
      <c r="AI2579" s="5"/>
    </row>
    <row r="2580" spans="1:35" ht="27.75" customHeight="1" x14ac:dyDescent="0.4">
      <c r="A2580" s="13" t="s">
        <v>3503</v>
      </c>
      <c r="B2580" s="9" t="s">
        <v>5071</v>
      </c>
      <c r="C2580" s="9" t="s">
        <v>5072</v>
      </c>
      <c r="D2580" s="18">
        <v>1442440535</v>
      </c>
      <c r="E2580" s="11">
        <v>46996</v>
      </c>
      <c r="F2580" s="9" t="s">
        <v>70</v>
      </c>
      <c r="G2580" s="5">
        <v>2578</v>
      </c>
      <c r="H2580" s="12">
        <f t="shared" si="80"/>
        <v>14</v>
      </c>
      <c r="I2580" s="12">
        <f t="shared" si="81"/>
        <v>17</v>
      </c>
      <c r="J2580" s="5"/>
      <c r="K2580" s="5"/>
      <c r="L2580" s="5"/>
      <c r="M2580" s="5"/>
      <c r="N2580" s="5"/>
      <c r="O2580" s="5"/>
      <c r="P2580" s="5"/>
      <c r="Q2580" s="5"/>
      <c r="R2580" s="5"/>
      <c r="S2580" s="5"/>
      <c r="T2580" s="5"/>
      <c r="U2580" s="5"/>
      <c r="V2580" s="5"/>
      <c r="W2580" s="5"/>
      <c r="X2580" s="5"/>
      <c r="Y2580" s="5"/>
      <c r="Z2580" s="5"/>
      <c r="AA2580" s="5"/>
      <c r="AB2580" s="5"/>
      <c r="AC2580" s="5"/>
      <c r="AD2580" s="5"/>
      <c r="AE2580" s="5"/>
      <c r="AF2580" s="5"/>
      <c r="AG2580" s="5"/>
      <c r="AH2580" s="5"/>
      <c r="AI2580" s="5"/>
    </row>
    <row r="2581" spans="1:35" ht="27.75" customHeight="1" x14ac:dyDescent="0.4">
      <c r="A2581" s="9" t="s">
        <v>3503</v>
      </c>
      <c r="B2581" s="15" t="s">
        <v>5073</v>
      </c>
      <c r="C2581" s="16" t="s">
        <v>5074</v>
      </c>
      <c r="D2581" s="10">
        <v>1442440279</v>
      </c>
      <c r="E2581" s="11">
        <v>47208</v>
      </c>
      <c r="F2581" s="9" t="s">
        <v>70</v>
      </c>
      <c r="G2581" s="12">
        <v>2579</v>
      </c>
      <c r="H2581" s="12">
        <f t="shared" si="80"/>
        <v>10</v>
      </c>
      <c r="I2581" s="12">
        <f t="shared" si="81"/>
        <v>14</v>
      </c>
      <c r="J2581" s="5"/>
      <c r="K2581" s="5"/>
      <c r="L2581" s="5"/>
      <c r="M2581" s="5"/>
      <c r="N2581" s="5"/>
      <c r="O2581" s="5"/>
      <c r="P2581" s="5"/>
      <c r="Q2581" s="5"/>
      <c r="R2581" s="5"/>
      <c r="S2581" s="5"/>
      <c r="T2581" s="5"/>
      <c r="U2581" s="5"/>
      <c r="V2581" s="5"/>
      <c r="W2581" s="5"/>
      <c r="X2581" s="5"/>
      <c r="Y2581" s="5"/>
      <c r="Z2581" s="5"/>
      <c r="AA2581" s="5"/>
      <c r="AB2581" s="5"/>
      <c r="AC2581" s="5"/>
      <c r="AD2581" s="5"/>
      <c r="AE2581" s="5"/>
      <c r="AF2581" s="5"/>
      <c r="AG2581" s="5"/>
      <c r="AH2581" s="5"/>
      <c r="AI2581" s="5"/>
    </row>
    <row r="2582" spans="1:35" ht="27.75" customHeight="1" x14ac:dyDescent="0.4">
      <c r="A2582" s="13" t="s">
        <v>3503</v>
      </c>
      <c r="B2582" s="9" t="s">
        <v>5075</v>
      </c>
      <c r="C2582" s="9" t="s">
        <v>5076</v>
      </c>
      <c r="D2582" s="18">
        <v>1442482032</v>
      </c>
      <c r="E2582" s="11">
        <v>46387</v>
      </c>
      <c r="F2582" s="9" t="s">
        <v>70</v>
      </c>
      <c r="G2582" s="5">
        <v>2580</v>
      </c>
      <c r="H2582" s="12">
        <f t="shared" si="80"/>
        <v>13</v>
      </c>
      <c r="I2582" s="12">
        <f t="shared" si="81"/>
        <v>8</v>
      </c>
      <c r="J2582" s="5"/>
      <c r="K2582" s="5"/>
      <c r="L2582" s="5"/>
      <c r="M2582" s="5"/>
      <c r="N2582" s="5"/>
      <c r="O2582" s="5"/>
      <c r="P2582" s="5"/>
      <c r="Q2582" s="5"/>
      <c r="R2582" s="5"/>
      <c r="S2582" s="5"/>
      <c r="T2582" s="5"/>
      <c r="U2582" s="5"/>
      <c r="V2582" s="5"/>
      <c r="W2582" s="5"/>
      <c r="X2582" s="5"/>
      <c r="Y2582" s="5"/>
      <c r="Z2582" s="5"/>
      <c r="AA2582" s="5"/>
      <c r="AB2582" s="5"/>
      <c r="AC2582" s="5"/>
      <c r="AD2582" s="5"/>
      <c r="AE2582" s="5"/>
      <c r="AF2582" s="5"/>
      <c r="AG2582" s="5"/>
      <c r="AH2582" s="5"/>
      <c r="AI2582" s="5"/>
    </row>
    <row r="2583" spans="1:35" ht="27.75" customHeight="1" x14ac:dyDescent="0.4">
      <c r="A2583" s="13" t="s">
        <v>3503</v>
      </c>
      <c r="B2583" s="9" t="s">
        <v>5077</v>
      </c>
      <c r="C2583" s="9" t="s">
        <v>5078</v>
      </c>
      <c r="D2583" s="18">
        <v>1442440329</v>
      </c>
      <c r="E2583" s="11">
        <v>47756</v>
      </c>
      <c r="F2583" s="9" t="s">
        <v>70</v>
      </c>
      <c r="G2583" s="12">
        <v>2581</v>
      </c>
      <c r="H2583" s="12">
        <f t="shared" si="80"/>
        <v>13</v>
      </c>
      <c r="I2583" s="12">
        <f t="shared" si="81"/>
        <v>9</v>
      </c>
      <c r="J2583" s="5"/>
      <c r="K2583" s="5"/>
      <c r="L2583" s="5"/>
      <c r="M2583" s="5"/>
      <c r="N2583" s="5"/>
      <c r="O2583" s="5"/>
      <c r="P2583" s="5"/>
      <c r="Q2583" s="5"/>
      <c r="R2583" s="5"/>
      <c r="S2583" s="5"/>
      <c r="T2583" s="5"/>
      <c r="U2583" s="5"/>
      <c r="V2583" s="5"/>
      <c r="W2583" s="5"/>
      <c r="X2583" s="5"/>
      <c r="Y2583" s="5"/>
      <c r="Z2583" s="5"/>
      <c r="AA2583" s="5"/>
      <c r="AB2583" s="5"/>
      <c r="AC2583" s="5"/>
      <c r="AD2583" s="5"/>
      <c r="AE2583" s="5"/>
      <c r="AF2583" s="5"/>
      <c r="AG2583" s="5"/>
      <c r="AH2583" s="5"/>
      <c r="AI2583" s="5"/>
    </row>
    <row r="2584" spans="1:35" ht="27.75" customHeight="1" x14ac:dyDescent="0.4">
      <c r="A2584" s="9" t="s">
        <v>3503</v>
      </c>
      <c r="B2584" s="9" t="s">
        <v>5079</v>
      </c>
      <c r="C2584" s="9" t="s">
        <v>5080</v>
      </c>
      <c r="D2584" s="18">
        <v>1442481638</v>
      </c>
      <c r="E2584" s="11">
        <v>46387</v>
      </c>
      <c r="F2584" s="9" t="s">
        <v>70</v>
      </c>
      <c r="G2584" s="5">
        <v>2582</v>
      </c>
      <c r="H2584" s="12">
        <f t="shared" si="80"/>
        <v>12</v>
      </c>
      <c r="I2584" s="12">
        <f t="shared" si="81"/>
        <v>13</v>
      </c>
      <c r="J2584" s="5"/>
      <c r="K2584" s="5"/>
      <c r="L2584" s="5"/>
      <c r="M2584" s="5"/>
      <c r="N2584" s="5"/>
      <c r="O2584" s="5"/>
      <c r="P2584" s="5"/>
      <c r="Q2584" s="5"/>
      <c r="R2584" s="5"/>
      <c r="S2584" s="5"/>
      <c r="T2584" s="5"/>
      <c r="U2584" s="5"/>
      <c r="V2584" s="5"/>
      <c r="W2584" s="5"/>
      <c r="X2584" s="5"/>
      <c r="Y2584" s="5"/>
      <c r="Z2584" s="5"/>
      <c r="AA2584" s="5"/>
      <c r="AB2584" s="5"/>
      <c r="AC2584" s="5"/>
      <c r="AD2584" s="5"/>
      <c r="AE2584" s="5"/>
      <c r="AF2584" s="5"/>
      <c r="AG2584" s="5"/>
      <c r="AH2584" s="5"/>
      <c r="AI2584" s="5"/>
    </row>
    <row r="2585" spans="1:35" ht="27.75" customHeight="1" x14ac:dyDescent="0.4">
      <c r="A2585" s="9" t="s">
        <v>3503</v>
      </c>
      <c r="B2585" s="9" t="s">
        <v>5081</v>
      </c>
      <c r="C2585" s="9" t="s">
        <v>5082</v>
      </c>
      <c r="D2585" s="18">
        <v>1442440436</v>
      </c>
      <c r="E2585" s="11">
        <v>48304</v>
      </c>
      <c r="F2585" s="9" t="s">
        <v>70</v>
      </c>
      <c r="G2585" s="12">
        <v>2583</v>
      </c>
      <c r="H2585" s="12">
        <f t="shared" si="80"/>
        <v>13</v>
      </c>
      <c r="I2585" s="12">
        <f t="shared" si="81"/>
        <v>18</v>
      </c>
      <c r="J2585" s="5"/>
      <c r="K2585" s="5"/>
      <c r="L2585" s="5"/>
      <c r="M2585" s="5"/>
      <c r="N2585" s="5"/>
      <c r="O2585" s="5"/>
      <c r="P2585" s="5"/>
      <c r="Q2585" s="5"/>
      <c r="R2585" s="5"/>
      <c r="S2585" s="5"/>
      <c r="T2585" s="5"/>
      <c r="U2585" s="5"/>
      <c r="V2585" s="5"/>
      <c r="W2585" s="5"/>
      <c r="X2585" s="5"/>
      <c r="Y2585" s="5"/>
      <c r="Z2585" s="5"/>
      <c r="AA2585" s="5"/>
      <c r="AB2585" s="5"/>
      <c r="AC2585" s="5"/>
      <c r="AD2585" s="5"/>
      <c r="AE2585" s="5"/>
      <c r="AF2585" s="5"/>
      <c r="AG2585" s="5"/>
      <c r="AH2585" s="5"/>
      <c r="AI2585" s="5"/>
    </row>
    <row r="2586" spans="1:35" ht="27.75" customHeight="1" x14ac:dyDescent="0.4">
      <c r="A2586" s="9" t="s">
        <v>3503</v>
      </c>
      <c r="B2586" s="13" t="s">
        <v>5083</v>
      </c>
      <c r="C2586" s="13" t="s">
        <v>5084</v>
      </c>
      <c r="D2586" s="18">
        <v>1442440352</v>
      </c>
      <c r="E2586" s="11">
        <v>47938</v>
      </c>
      <c r="F2586" s="9" t="s">
        <v>70</v>
      </c>
      <c r="G2586" s="5">
        <v>2584</v>
      </c>
      <c r="H2586" s="12">
        <f t="shared" si="80"/>
        <v>11</v>
      </c>
      <c r="I2586" s="12">
        <f t="shared" si="81"/>
        <v>14</v>
      </c>
      <c r="J2586" s="5"/>
      <c r="K2586" s="5"/>
      <c r="L2586" s="5"/>
      <c r="M2586" s="5"/>
      <c r="N2586" s="5"/>
      <c r="O2586" s="5"/>
      <c r="P2586" s="5"/>
      <c r="Q2586" s="5"/>
      <c r="R2586" s="5"/>
      <c r="S2586" s="5"/>
      <c r="T2586" s="5"/>
      <c r="U2586" s="5"/>
      <c r="V2586" s="5"/>
      <c r="W2586" s="5"/>
      <c r="X2586" s="5"/>
      <c r="Y2586" s="5"/>
      <c r="Z2586" s="5"/>
      <c r="AA2586" s="5"/>
      <c r="AB2586" s="5"/>
      <c r="AC2586" s="5"/>
      <c r="AD2586" s="5"/>
      <c r="AE2586" s="5"/>
      <c r="AF2586" s="5"/>
      <c r="AG2586" s="5"/>
      <c r="AH2586" s="5"/>
      <c r="AI2586" s="5"/>
    </row>
    <row r="2587" spans="1:35" ht="27.75" customHeight="1" x14ac:dyDescent="0.4">
      <c r="A2587" s="9" t="s">
        <v>3503</v>
      </c>
      <c r="B2587" s="9" t="s">
        <v>5085</v>
      </c>
      <c r="C2587" s="9" t="s">
        <v>5086</v>
      </c>
      <c r="D2587" s="18">
        <v>1442440766</v>
      </c>
      <c r="E2587" s="11">
        <v>48213</v>
      </c>
      <c r="F2587" s="9" t="s">
        <v>70</v>
      </c>
      <c r="G2587" s="12">
        <v>2585</v>
      </c>
      <c r="H2587" s="12">
        <f t="shared" si="80"/>
        <v>14</v>
      </c>
      <c r="I2587" s="12">
        <f t="shared" si="81"/>
        <v>18</v>
      </c>
      <c r="J2587" s="5"/>
      <c r="K2587" s="5"/>
      <c r="L2587" s="5"/>
      <c r="M2587" s="5"/>
      <c r="N2587" s="5"/>
      <c r="O2587" s="5"/>
      <c r="P2587" s="5"/>
      <c r="Q2587" s="5"/>
      <c r="R2587" s="5"/>
      <c r="S2587" s="5"/>
      <c r="T2587" s="5"/>
      <c r="U2587" s="5"/>
      <c r="V2587" s="5"/>
      <c r="W2587" s="5"/>
      <c r="X2587" s="5"/>
      <c r="Y2587" s="5"/>
      <c r="Z2587" s="5"/>
      <c r="AA2587" s="5"/>
      <c r="AB2587" s="5"/>
      <c r="AC2587" s="5"/>
      <c r="AD2587" s="5"/>
      <c r="AE2587" s="5"/>
      <c r="AF2587" s="5"/>
      <c r="AG2587" s="5"/>
      <c r="AH2587" s="5"/>
      <c r="AI2587" s="5"/>
    </row>
    <row r="2588" spans="1:35" ht="27.75" customHeight="1" x14ac:dyDescent="0.4">
      <c r="A2588" s="13" t="s">
        <v>3503</v>
      </c>
      <c r="B2588" s="9" t="s">
        <v>5087</v>
      </c>
      <c r="C2588" s="9" t="s">
        <v>5088</v>
      </c>
      <c r="D2588" s="18">
        <v>1442440691</v>
      </c>
      <c r="E2588" s="11">
        <v>47695</v>
      </c>
      <c r="F2588" s="9" t="s">
        <v>70</v>
      </c>
      <c r="G2588" s="5">
        <v>2586</v>
      </c>
      <c r="H2588" s="12">
        <f t="shared" si="80"/>
        <v>20</v>
      </c>
      <c r="I2588" s="12">
        <f t="shared" si="81"/>
        <v>8</v>
      </c>
      <c r="J2588" s="5"/>
      <c r="K2588" s="5"/>
      <c r="L2588" s="5"/>
      <c r="M2588" s="5"/>
      <c r="N2588" s="5"/>
      <c r="O2588" s="5"/>
      <c r="P2588" s="5"/>
      <c r="Q2588" s="5"/>
      <c r="R2588" s="5"/>
      <c r="S2588" s="5"/>
      <c r="T2588" s="5"/>
      <c r="U2588" s="5"/>
      <c r="V2588" s="5"/>
      <c r="W2588" s="5"/>
      <c r="X2588" s="5"/>
      <c r="Y2588" s="5"/>
      <c r="Z2588" s="5"/>
      <c r="AA2588" s="5"/>
      <c r="AB2588" s="5"/>
      <c r="AC2588" s="5"/>
      <c r="AD2588" s="5"/>
      <c r="AE2588" s="5"/>
      <c r="AF2588" s="5"/>
      <c r="AG2588" s="5"/>
      <c r="AH2588" s="5"/>
      <c r="AI2588" s="5"/>
    </row>
    <row r="2589" spans="1:35" ht="27.75" customHeight="1" x14ac:dyDescent="0.4">
      <c r="A2589" s="15" t="s">
        <v>3503</v>
      </c>
      <c r="B2589" s="16" t="s">
        <v>5089</v>
      </c>
      <c r="C2589" s="16" t="s">
        <v>5090</v>
      </c>
      <c r="D2589" s="10">
        <v>1442440287</v>
      </c>
      <c r="E2589" s="11">
        <v>47634</v>
      </c>
      <c r="F2589" s="9" t="s">
        <v>70</v>
      </c>
      <c r="G2589" s="12">
        <v>2587</v>
      </c>
      <c r="H2589" s="12">
        <f t="shared" si="80"/>
        <v>11</v>
      </c>
      <c r="I2589" s="12">
        <f t="shared" si="81"/>
        <v>5</v>
      </c>
      <c r="J2589" s="5"/>
      <c r="K2589" s="5"/>
      <c r="L2589" s="5"/>
      <c r="M2589" s="5"/>
      <c r="N2589" s="5"/>
      <c r="O2589" s="5"/>
      <c r="P2589" s="5"/>
      <c r="Q2589" s="5"/>
      <c r="R2589" s="5"/>
      <c r="S2589" s="5"/>
      <c r="T2589" s="5"/>
      <c r="U2589" s="5"/>
      <c r="V2589" s="5"/>
      <c r="W2589" s="5"/>
      <c r="X2589" s="5"/>
      <c r="Y2589" s="5"/>
      <c r="Z2589" s="5"/>
      <c r="AA2589" s="5"/>
      <c r="AB2589" s="5"/>
      <c r="AC2589" s="5"/>
      <c r="AD2589" s="5"/>
      <c r="AE2589" s="5"/>
      <c r="AF2589" s="5"/>
      <c r="AG2589" s="5"/>
      <c r="AH2589" s="5"/>
      <c r="AI2589" s="5"/>
    </row>
    <row r="2590" spans="1:35" ht="27.75" customHeight="1" x14ac:dyDescent="0.4">
      <c r="A2590" s="9" t="s">
        <v>3503</v>
      </c>
      <c r="B2590" s="9" t="s">
        <v>5091</v>
      </c>
      <c r="C2590" s="9" t="s">
        <v>5092</v>
      </c>
      <c r="D2590" s="18">
        <v>1442400091</v>
      </c>
      <c r="E2590" s="11">
        <v>46387</v>
      </c>
      <c r="F2590" s="9" t="s">
        <v>70</v>
      </c>
      <c r="G2590" s="5">
        <v>2588</v>
      </c>
      <c r="H2590" s="12">
        <f t="shared" si="80"/>
        <v>12</v>
      </c>
      <c r="I2590" s="12">
        <f t="shared" si="81"/>
        <v>9</v>
      </c>
      <c r="J2590" s="5"/>
      <c r="K2590" s="5"/>
      <c r="L2590" s="5"/>
      <c r="M2590" s="5"/>
      <c r="N2590" s="5"/>
      <c r="O2590" s="5"/>
      <c r="P2590" s="5"/>
      <c r="Q2590" s="5"/>
      <c r="R2590" s="5"/>
      <c r="S2590" s="5"/>
      <c r="T2590" s="5"/>
      <c r="U2590" s="5"/>
      <c r="V2590" s="5"/>
      <c r="W2590" s="5"/>
      <c r="X2590" s="5"/>
      <c r="Y2590" s="5"/>
      <c r="Z2590" s="5"/>
      <c r="AA2590" s="5"/>
      <c r="AB2590" s="5"/>
      <c r="AC2590" s="5"/>
      <c r="AD2590" s="5"/>
      <c r="AE2590" s="5"/>
      <c r="AF2590" s="5"/>
      <c r="AG2590" s="5"/>
      <c r="AH2590" s="5"/>
      <c r="AI2590" s="5"/>
    </row>
    <row r="2591" spans="1:35" ht="27.75" customHeight="1" x14ac:dyDescent="0.4">
      <c r="A2591" s="9" t="s">
        <v>3503</v>
      </c>
      <c r="B2591" s="9" t="s">
        <v>5093</v>
      </c>
      <c r="C2591" s="9" t="s">
        <v>5094</v>
      </c>
      <c r="D2591" s="18">
        <v>1442440170</v>
      </c>
      <c r="E2591" s="11">
        <v>46904</v>
      </c>
      <c r="F2591" s="9" t="s">
        <v>70</v>
      </c>
      <c r="G2591" s="12">
        <v>2589</v>
      </c>
      <c r="H2591" s="12">
        <f t="shared" si="80"/>
        <v>24</v>
      </c>
      <c r="I2591" s="12">
        <f t="shared" si="81"/>
        <v>12</v>
      </c>
      <c r="J2591" s="5"/>
      <c r="K2591" s="5"/>
      <c r="L2591" s="5"/>
      <c r="M2591" s="5"/>
      <c r="N2591" s="5"/>
      <c r="O2591" s="5"/>
      <c r="P2591" s="5"/>
      <c r="Q2591" s="5"/>
      <c r="R2591" s="5"/>
      <c r="S2591" s="5"/>
      <c r="T2591" s="5"/>
      <c r="U2591" s="5"/>
      <c r="V2591" s="5"/>
      <c r="W2591" s="5"/>
      <c r="X2591" s="5"/>
      <c r="Y2591" s="5"/>
      <c r="Z2591" s="5"/>
      <c r="AA2591" s="5"/>
      <c r="AB2591" s="5"/>
      <c r="AC2591" s="5"/>
      <c r="AD2591" s="5"/>
      <c r="AE2591" s="5"/>
      <c r="AF2591" s="5"/>
      <c r="AG2591" s="5"/>
      <c r="AH2591" s="5"/>
      <c r="AI2591" s="5"/>
    </row>
    <row r="2592" spans="1:35" ht="27.75" customHeight="1" x14ac:dyDescent="0.4">
      <c r="A2592" s="9" t="s">
        <v>3503</v>
      </c>
      <c r="B2592" s="9" t="s">
        <v>5095</v>
      </c>
      <c r="C2592" s="9" t="s">
        <v>1590</v>
      </c>
      <c r="D2592" s="18">
        <v>1442482107</v>
      </c>
      <c r="E2592" s="11">
        <v>46387</v>
      </c>
      <c r="F2592" s="9" t="s">
        <v>70</v>
      </c>
      <c r="G2592" s="5">
        <v>2590</v>
      </c>
      <c r="H2592" s="12">
        <f t="shared" si="80"/>
        <v>10</v>
      </c>
      <c r="I2592" s="12">
        <f t="shared" si="81"/>
        <v>14</v>
      </c>
      <c r="J2592" s="5"/>
      <c r="K2592" s="5"/>
      <c r="L2592" s="5"/>
      <c r="M2592" s="5"/>
      <c r="N2592" s="5"/>
      <c r="O2592" s="5"/>
      <c r="P2592" s="5"/>
      <c r="Q2592" s="5"/>
      <c r="R2592" s="5"/>
      <c r="S2592" s="5"/>
      <c r="T2592" s="5"/>
      <c r="U2592" s="5"/>
      <c r="V2592" s="5"/>
      <c r="W2592" s="5"/>
      <c r="X2592" s="5"/>
      <c r="Y2592" s="5"/>
      <c r="Z2592" s="5"/>
      <c r="AA2592" s="5"/>
      <c r="AB2592" s="5"/>
      <c r="AC2592" s="5"/>
      <c r="AD2592" s="5"/>
      <c r="AE2592" s="5"/>
      <c r="AF2592" s="5"/>
      <c r="AG2592" s="5"/>
      <c r="AH2592" s="5"/>
      <c r="AI2592" s="5"/>
    </row>
    <row r="2593" spans="1:35" ht="27.75" customHeight="1" x14ac:dyDescent="0.4">
      <c r="A2593" s="9" t="s">
        <v>3503</v>
      </c>
      <c r="B2593" s="9" t="s">
        <v>5096</v>
      </c>
      <c r="C2593" s="9" t="s">
        <v>5097</v>
      </c>
      <c r="D2593" s="18">
        <v>1442440659</v>
      </c>
      <c r="E2593" s="11">
        <v>47634</v>
      </c>
      <c r="F2593" s="9" t="s">
        <v>70</v>
      </c>
      <c r="G2593" s="12">
        <v>2591</v>
      </c>
      <c r="H2593" s="12">
        <f t="shared" si="80"/>
        <v>13</v>
      </c>
      <c r="I2593" s="12">
        <f t="shared" si="81"/>
        <v>9</v>
      </c>
      <c r="J2593" s="5"/>
      <c r="K2593" s="5"/>
      <c r="L2593" s="5"/>
      <c r="M2593" s="5"/>
      <c r="N2593" s="5"/>
      <c r="O2593" s="5"/>
      <c r="P2593" s="5"/>
      <c r="Q2593" s="5"/>
      <c r="R2593" s="5"/>
      <c r="S2593" s="5"/>
      <c r="T2593" s="5"/>
      <c r="U2593" s="5"/>
      <c r="V2593" s="5"/>
      <c r="W2593" s="5"/>
      <c r="X2593" s="5"/>
      <c r="Y2593" s="5"/>
      <c r="Z2593" s="5"/>
      <c r="AA2593" s="5"/>
      <c r="AB2593" s="5"/>
      <c r="AC2593" s="5"/>
      <c r="AD2593" s="5"/>
      <c r="AE2593" s="5"/>
      <c r="AF2593" s="5"/>
      <c r="AG2593" s="5"/>
      <c r="AH2593" s="5"/>
      <c r="AI2593" s="5"/>
    </row>
    <row r="2594" spans="1:35" ht="27.75" customHeight="1" x14ac:dyDescent="0.4">
      <c r="A2594" s="9" t="s">
        <v>3503</v>
      </c>
      <c r="B2594" s="9" t="s">
        <v>5098</v>
      </c>
      <c r="C2594" s="9" t="s">
        <v>5099</v>
      </c>
      <c r="D2594" s="18">
        <v>1442481653</v>
      </c>
      <c r="E2594" s="11">
        <v>46387</v>
      </c>
      <c r="F2594" s="9" t="s">
        <v>70</v>
      </c>
      <c r="G2594" s="5">
        <v>2592</v>
      </c>
      <c r="H2594" s="12">
        <f t="shared" si="80"/>
        <v>12</v>
      </c>
      <c r="I2594" s="12">
        <f t="shared" si="81"/>
        <v>9</v>
      </c>
      <c r="J2594" s="5"/>
      <c r="K2594" s="5"/>
      <c r="L2594" s="5"/>
      <c r="M2594" s="5"/>
      <c r="N2594" s="5"/>
      <c r="O2594" s="5"/>
      <c r="P2594" s="5"/>
      <c r="Q2594" s="5"/>
      <c r="R2594" s="5"/>
      <c r="S2594" s="5"/>
      <c r="T2594" s="5"/>
      <c r="U2594" s="5"/>
      <c r="V2594" s="5"/>
      <c r="W2594" s="5"/>
      <c r="X2594" s="5"/>
      <c r="Y2594" s="5"/>
      <c r="Z2594" s="5"/>
      <c r="AA2594" s="5"/>
      <c r="AB2594" s="5"/>
      <c r="AC2594" s="5"/>
      <c r="AD2594" s="5"/>
      <c r="AE2594" s="5"/>
      <c r="AF2594" s="5"/>
      <c r="AG2594" s="5"/>
      <c r="AH2594" s="5"/>
      <c r="AI2594" s="5"/>
    </row>
    <row r="2595" spans="1:35" ht="27.75" customHeight="1" x14ac:dyDescent="0.4">
      <c r="A2595" s="16" t="s">
        <v>3503</v>
      </c>
      <c r="B2595" s="15" t="s">
        <v>5100</v>
      </c>
      <c r="C2595" s="16" t="s">
        <v>5101</v>
      </c>
      <c r="D2595" s="10">
        <v>1442481513</v>
      </c>
      <c r="E2595" s="11">
        <v>46387</v>
      </c>
      <c r="F2595" s="9" t="s">
        <v>70</v>
      </c>
      <c r="G2595" s="12">
        <v>2593</v>
      </c>
      <c r="H2595" s="12">
        <f t="shared" si="80"/>
        <v>12</v>
      </c>
      <c r="I2595" s="12">
        <f t="shared" si="81"/>
        <v>9</v>
      </c>
      <c r="J2595" s="5"/>
      <c r="K2595" s="5"/>
      <c r="L2595" s="5"/>
      <c r="M2595" s="5"/>
      <c r="N2595" s="5"/>
      <c r="O2595" s="5"/>
      <c r="P2595" s="5"/>
      <c r="Q2595" s="5"/>
      <c r="R2595" s="5"/>
      <c r="S2595" s="5"/>
      <c r="T2595" s="5"/>
      <c r="U2595" s="5"/>
      <c r="V2595" s="5"/>
      <c r="W2595" s="5"/>
      <c r="X2595" s="5"/>
      <c r="Y2595" s="5"/>
      <c r="Z2595" s="5"/>
      <c r="AA2595" s="5"/>
      <c r="AB2595" s="5"/>
      <c r="AC2595" s="5"/>
      <c r="AD2595" s="5"/>
      <c r="AE2595" s="5"/>
      <c r="AF2595" s="5"/>
      <c r="AG2595" s="5"/>
      <c r="AH2595" s="5"/>
      <c r="AI2595" s="5"/>
    </row>
    <row r="2596" spans="1:35" ht="27.75" customHeight="1" x14ac:dyDescent="0.4">
      <c r="A2596" s="9" t="s">
        <v>3503</v>
      </c>
      <c r="B2596" s="9" t="s">
        <v>5102</v>
      </c>
      <c r="C2596" s="9" t="s">
        <v>5103</v>
      </c>
      <c r="D2596" s="18">
        <v>1442440428</v>
      </c>
      <c r="E2596" s="11">
        <v>48273</v>
      </c>
      <c r="F2596" s="9" t="s">
        <v>70</v>
      </c>
      <c r="G2596" s="5">
        <v>2594</v>
      </c>
      <c r="H2596" s="12">
        <f t="shared" si="80"/>
        <v>12</v>
      </c>
      <c r="I2596" s="12">
        <f t="shared" si="81"/>
        <v>13</v>
      </c>
      <c r="J2596" s="5"/>
      <c r="K2596" s="5"/>
      <c r="L2596" s="5"/>
      <c r="M2596" s="5"/>
      <c r="N2596" s="5"/>
      <c r="O2596" s="5"/>
      <c r="P2596" s="5"/>
      <c r="Q2596" s="5"/>
      <c r="R2596" s="5"/>
      <c r="S2596" s="5"/>
      <c r="T2596" s="5"/>
      <c r="U2596" s="5"/>
      <c r="V2596" s="5"/>
      <c r="W2596" s="5"/>
      <c r="X2596" s="5"/>
      <c r="Y2596" s="5"/>
      <c r="Z2596" s="5"/>
      <c r="AA2596" s="5"/>
      <c r="AB2596" s="5"/>
      <c r="AC2596" s="5"/>
      <c r="AD2596" s="5"/>
      <c r="AE2596" s="5"/>
      <c r="AF2596" s="5"/>
      <c r="AG2596" s="5"/>
      <c r="AH2596" s="5"/>
      <c r="AI2596" s="5"/>
    </row>
    <row r="2597" spans="1:35" ht="27.75" customHeight="1" x14ac:dyDescent="0.4">
      <c r="A2597" s="13" t="s">
        <v>3503</v>
      </c>
      <c r="B2597" s="9" t="s">
        <v>5104</v>
      </c>
      <c r="C2597" s="9" t="s">
        <v>5105</v>
      </c>
      <c r="D2597" s="18">
        <v>1442481588</v>
      </c>
      <c r="E2597" s="11">
        <v>46387</v>
      </c>
      <c r="F2597" s="9" t="s">
        <v>70</v>
      </c>
      <c r="G2597" s="12">
        <v>2595</v>
      </c>
      <c r="H2597" s="12">
        <f t="shared" si="80"/>
        <v>15</v>
      </c>
      <c r="I2597" s="12">
        <f t="shared" si="81"/>
        <v>10</v>
      </c>
      <c r="J2597" s="5"/>
      <c r="K2597" s="5"/>
      <c r="L2597" s="5"/>
      <c r="M2597" s="5"/>
      <c r="N2597" s="5"/>
      <c r="O2597" s="5"/>
      <c r="P2597" s="5"/>
      <c r="Q2597" s="5"/>
      <c r="R2597" s="5"/>
      <c r="S2597" s="5"/>
      <c r="T2597" s="5"/>
      <c r="U2597" s="5"/>
      <c r="V2597" s="5"/>
      <c r="W2597" s="5"/>
      <c r="X2597" s="5"/>
      <c r="Y2597" s="5"/>
      <c r="Z2597" s="5"/>
      <c r="AA2597" s="5"/>
      <c r="AB2597" s="5"/>
      <c r="AC2597" s="5"/>
      <c r="AD2597" s="5"/>
      <c r="AE2597" s="5"/>
      <c r="AF2597" s="5"/>
      <c r="AG2597" s="5"/>
      <c r="AH2597" s="5"/>
      <c r="AI2597" s="5"/>
    </row>
    <row r="2598" spans="1:35" ht="27.75" customHeight="1" x14ac:dyDescent="0.4">
      <c r="A2598" s="9" t="s">
        <v>3503</v>
      </c>
      <c r="B2598" s="9" t="s">
        <v>5106</v>
      </c>
      <c r="C2598" s="9" t="s">
        <v>1604</v>
      </c>
      <c r="D2598" s="18">
        <v>1442440568</v>
      </c>
      <c r="E2598" s="11">
        <v>46996</v>
      </c>
      <c r="F2598" s="9" t="s">
        <v>70</v>
      </c>
      <c r="G2598" s="5">
        <v>2596</v>
      </c>
      <c r="H2598" s="12">
        <f t="shared" si="80"/>
        <v>14</v>
      </c>
      <c r="I2598" s="12">
        <f t="shared" si="81"/>
        <v>12</v>
      </c>
    </row>
    <row r="2599" spans="1:35" ht="27.75" customHeight="1" x14ac:dyDescent="0.4">
      <c r="A2599" s="13" t="s">
        <v>3503</v>
      </c>
      <c r="B2599" s="9" t="s">
        <v>5107</v>
      </c>
      <c r="C2599" s="9" t="s">
        <v>5108</v>
      </c>
      <c r="D2599" s="18">
        <v>1442482065</v>
      </c>
      <c r="E2599" s="11">
        <v>46387</v>
      </c>
      <c r="F2599" s="9" t="s">
        <v>70</v>
      </c>
      <c r="G2599" s="12">
        <v>2597</v>
      </c>
      <c r="H2599" s="12">
        <f t="shared" si="80"/>
        <v>14</v>
      </c>
      <c r="I2599" s="12">
        <f t="shared" si="81"/>
        <v>15</v>
      </c>
      <c r="J2599" s="5"/>
      <c r="K2599" s="5"/>
      <c r="L2599" s="5"/>
      <c r="M2599" s="5"/>
      <c r="N2599" s="5"/>
      <c r="O2599" s="5"/>
      <c r="P2599" s="5"/>
      <c r="Q2599" s="5"/>
      <c r="R2599" s="5"/>
      <c r="S2599" s="5"/>
      <c r="T2599" s="5"/>
      <c r="U2599" s="5"/>
      <c r="V2599" s="5"/>
      <c r="W2599" s="5"/>
      <c r="X2599" s="5"/>
      <c r="Y2599" s="5"/>
      <c r="Z2599" s="5"/>
      <c r="AA2599" s="5"/>
      <c r="AB2599" s="5"/>
      <c r="AC2599" s="5"/>
      <c r="AD2599" s="5"/>
      <c r="AE2599" s="5"/>
      <c r="AF2599" s="5"/>
      <c r="AG2599" s="5"/>
      <c r="AH2599" s="5"/>
      <c r="AI2599" s="5"/>
    </row>
    <row r="2600" spans="1:35" ht="27.75" customHeight="1" x14ac:dyDescent="0.4">
      <c r="A2600" s="9" t="s">
        <v>3503</v>
      </c>
      <c r="B2600" s="9" t="s">
        <v>5109</v>
      </c>
      <c r="C2600" s="9" t="s">
        <v>5110</v>
      </c>
      <c r="D2600" s="23">
        <v>1442440188</v>
      </c>
      <c r="E2600" s="11">
        <v>46387</v>
      </c>
      <c r="F2600" s="9" t="s">
        <v>70</v>
      </c>
      <c r="G2600" s="5">
        <v>2598</v>
      </c>
      <c r="H2600" s="12">
        <f t="shared" si="80"/>
        <v>13</v>
      </c>
      <c r="I2600" s="12">
        <f t="shared" si="81"/>
        <v>10</v>
      </c>
      <c r="J2600" s="5"/>
      <c r="K2600" s="5"/>
      <c r="L2600" s="5"/>
      <c r="M2600" s="5"/>
      <c r="N2600" s="5"/>
      <c r="O2600" s="5"/>
      <c r="P2600" s="5"/>
      <c r="Q2600" s="5"/>
      <c r="R2600" s="5"/>
      <c r="S2600" s="5"/>
      <c r="T2600" s="5"/>
      <c r="U2600" s="5"/>
      <c r="V2600" s="5"/>
      <c r="W2600" s="5"/>
      <c r="X2600" s="5"/>
      <c r="Y2600" s="5"/>
      <c r="Z2600" s="5"/>
      <c r="AA2600" s="5"/>
      <c r="AB2600" s="5"/>
      <c r="AC2600" s="5"/>
      <c r="AD2600" s="5"/>
      <c r="AE2600" s="5"/>
      <c r="AF2600" s="5"/>
      <c r="AG2600" s="5"/>
      <c r="AH2600" s="5"/>
      <c r="AI2600" s="5"/>
    </row>
    <row r="2601" spans="1:35" ht="27.75" customHeight="1" x14ac:dyDescent="0.4">
      <c r="A2601" s="9" t="s">
        <v>3503</v>
      </c>
      <c r="B2601" s="9" t="s">
        <v>3839</v>
      </c>
      <c r="C2601" s="9" t="s">
        <v>5111</v>
      </c>
      <c r="D2601" s="18">
        <v>1442481166</v>
      </c>
      <c r="E2601" s="11">
        <v>46387</v>
      </c>
      <c r="F2601" s="9" t="s">
        <v>70</v>
      </c>
      <c r="G2601" s="12">
        <v>2599</v>
      </c>
      <c r="H2601" s="12">
        <f t="shared" si="80"/>
        <v>14</v>
      </c>
      <c r="I2601" s="12">
        <f t="shared" si="81"/>
        <v>5</v>
      </c>
      <c r="J2601" s="5"/>
      <c r="K2601" s="5"/>
      <c r="L2601" s="5"/>
      <c r="M2601" s="5"/>
      <c r="N2601" s="5"/>
      <c r="O2601" s="5"/>
      <c r="P2601" s="5"/>
      <c r="Q2601" s="5"/>
      <c r="R2601" s="5"/>
      <c r="S2601" s="5"/>
      <c r="T2601" s="5"/>
      <c r="U2601" s="5"/>
      <c r="V2601" s="5"/>
      <c r="W2601" s="5"/>
      <c r="X2601" s="5"/>
      <c r="Y2601" s="5"/>
      <c r="Z2601" s="5"/>
      <c r="AA2601" s="5"/>
      <c r="AB2601" s="5"/>
      <c r="AC2601" s="5"/>
      <c r="AD2601" s="5"/>
      <c r="AE2601" s="5"/>
      <c r="AF2601" s="5"/>
      <c r="AG2601" s="5"/>
      <c r="AH2601" s="5"/>
      <c r="AI2601" s="5"/>
    </row>
    <row r="2602" spans="1:35" ht="27.75" customHeight="1" x14ac:dyDescent="0.4">
      <c r="A2602" s="9" t="s">
        <v>3503</v>
      </c>
      <c r="B2602" s="9" t="s">
        <v>5112</v>
      </c>
      <c r="C2602" s="9" t="s">
        <v>5113</v>
      </c>
      <c r="D2602" s="18">
        <v>1442481976</v>
      </c>
      <c r="E2602" s="11">
        <v>46387</v>
      </c>
      <c r="F2602" s="9" t="s">
        <v>70</v>
      </c>
      <c r="G2602" s="5">
        <v>2600</v>
      </c>
      <c r="H2602" s="12">
        <f t="shared" si="80"/>
        <v>14</v>
      </c>
      <c r="I2602" s="12">
        <f t="shared" si="81"/>
        <v>4</v>
      </c>
      <c r="J2602" s="5"/>
      <c r="K2602" s="5"/>
      <c r="L2602" s="5"/>
      <c r="M2602" s="5"/>
      <c r="N2602" s="5"/>
      <c r="O2602" s="5"/>
      <c r="P2602" s="5"/>
      <c r="Q2602" s="5"/>
      <c r="R2602" s="5"/>
      <c r="S2602" s="5"/>
      <c r="T2602" s="5"/>
      <c r="U2602" s="5"/>
      <c r="V2602" s="5"/>
      <c r="W2602" s="5"/>
      <c r="X2602" s="5"/>
      <c r="Y2602" s="5"/>
      <c r="Z2602" s="5"/>
      <c r="AA2602" s="5"/>
      <c r="AB2602" s="5"/>
      <c r="AC2602" s="5"/>
      <c r="AD2602" s="5"/>
      <c r="AE2602" s="5"/>
      <c r="AF2602" s="5"/>
      <c r="AG2602" s="5"/>
      <c r="AH2602" s="5"/>
      <c r="AI2602" s="5"/>
    </row>
    <row r="2603" spans="1:35" ht="27.75" customHeight="1" x14ac:dyDescent="0.4">
      <c r="A2603" s="9" t="s">
        <v>3503</v>
      </c>
      <c r="B2603" s="9" t="s">
        <v>5114</v>
      </c>
      <c r="C2603" s="9" t="s">
        <v>5115</v>
      </c>
      <c r="D2603" s="18">
        <v>1442440477</v>
      </c>
      <c r="E2603" s="11">
        <v>46568</v>
      </c>
      <c r="F2603" s="9" t="s">
        <v>70</v>
      </c>
      <c r="G2603" s="12">
        <v>2601</v>
      </c>
      <c r="H2603" s="12">
        <f t="shared" si="80"/>
        <v>13</v>
      </c>
      <c r="I2603" s="12">
        <f t="shared" si="81"/>
        <v>14</v>
      </c>
      <c r="J2603" s="5"/>
      <c r="K2603" s="5"/>
      <c r="L2603" s="5"/>
      <c r="M2603" s="5"/>
      <c r="N2603" s="5"/>
      <c r="O2603" s="5"/>
      <c r="P2603" s="5"/>
      <c r="Q2603" s="5"/>
      <c r="R2603" s="5"/>
      <c r="S2603" s="5"/>
      <c r="T2603" s="5"/>
      <c r="U2603" s="5"/>
      <c r="V2603" s="5"/>
      <c r="W2603" s="5"/>
      <c r="X2603" s="5"/>
      <c r="Y2603" s="5"/>
      <c r="Z2603" s="5"/>
      <c r="AA2603" s="5"/>
      <c r="AB2603" s="5"/>
      <c r="AC2603" s="5"/>
      <c r="AD2603" s="5"/>
      <c r="AE2603" s="5"/>
      <c r="AF2603" s="5"/>
      <c r="AG2603" s="5"/>
      <c r="AH2603" s="5"/>
      <c r="AI2603" s="5"/>
    </row>
    <row r="2604" spans="1:35" ht="27.75" customHeight="1" x14ac:dyDescent="0.4">
      <c r="A2604" s="9" t="s">
        <v>3503</v>
      </c>
      <c r="B2604" s="9" t="s">
        <v>5116</v>
      </c>
      <c r="C2604" s="9" t="s">
        <v>5117</v>
      </c>
      <c r="D2604" s="18">
        <v>1442440022</v>
      </c>
      <c r="E2604" s="11">
        <v>46387</v>
      </c>
      <c r="F2604" s="9" t="s">
        <v>70</v>
      </c>
      <c r="G2604" s="5">
        <v>2602</v>
      </c>
      <c r="H2604" s="12">
        <f t="shared" si="80"/>
        <v>15</v>
      </c>
      <c r="I2604" s="12">
        <f t="shared" si="81"/>
        <v>15</v>
      </c>
      <c r="J2604" s="5"/>
      <c r="K2604" s="5"/>
      <c r="L2604" s="5"/>
      <c r="M2604" s="5"/>
      <c r="N2604" s="5"/>
      <c r="O2604" s="5"/>
      <c r="P2604" s="5"/>
      <c r="Q2604" s="5"/>
      <c r="R2604" s="5"/>
      <c r="S2604" s="5"/>
      <c r="T2604" s="5"/>
      <c r="U2604" s="5"/>
      <c r="V2604" s="5"/>
      <c r="W2604" s="5"/>
      <c r="X2604" s="5"/>
      <c r="Y2604" s="5"/>
      <c r="Z2604" s="5"/>
      <c r="AA2604" s="5"/>
      <c r="AB2604" s="5"/>
      <c r="AC2604" s="5"/>
      <c r="AD2604" s="5"/>
      <c r="AE2604" s="5"/>
      <c r="AF2604" s="5"/>
      <c r="AG2604" s="5"/>
      <c r="AH2604" s="5"/>
      <c r="AI2604" s="5"/>
    </row>
    <row r="2605" spans="1:35" ht="27.75" customHeight="1" x14ac:dyDescent="0.4">
      <c r="A2605" s="13" t="s">
        <v>3503</v>
      </c>
      <c r="B2605" s="9" t="s">
        <v>5118</v>
      </c>
      <c r="C2605" s="9" t="s">
        <v>5119</v>
      </c>
      <c r="D2605" s="18">
        <v>1442481224</v>
      </c>
      <c r="E2605" s="11">
        <v>46387</v>
      </c>
      <c r="F2605" s="9" t="s">
        <v>70</v>
      </c>
      <c r="G2605" s="12">
        <v>2603</v>
      </c>
      <c r="H2605" s="12">
        <f t="shared" si="80"/>
        <v>17</v>
      </c>
      <c r="I2605" s="12">
        <f t="shared" si="81"/>
        <v>5</v>
      </c>
      <c r="J2605" s="5"/>
      <c r="K2605" s="5"/>
      <c r="L2605" s="5"/>
      <c r="M2605" s="5"/>
      <c r="N2605" s="5"/>
      <c r="O2605" s="5"/>
      <c r="P2605" s="5"/>
      <c r="Q2605" s="5"/>
      <c r="R2605" s="5"/>
      <c r="S2605" s="5"/>
      <c r="T2605" s="5"/>
      <c r="U2605" s="5"/>
      <c r="V2605" s="5"/>
      <c r="W2605" s="5"/>
      <c r="X2605" s="5"/>
      <c r="Y2605" s="5"/>
      <c r="Z2605" s="5"/>
      <c r="AA2605" s="5"/>
      <c r="AB2605" s="5"/>
      <c r="AC2605" s="5"/>
      <c r="AD2605" s="5"/>
      <c r="AE2605" s="5"/>
      <c r="AF2605" s="5"/>
      <c r="AG2605" s="5"/>
      <c r="AH2605" s="5"/>
      <c r="AI2605" s="5"/>
    </row>
    <row r="2606" spans="1:35" ht="27.75" customHeight="1" x14ac:dyDescent="0.4">
      <c r="A2606" s="9" t="s">
        <v>3503</v>
      </c>
      <c r="B2606" s="9" t="s">
        <v>5120</v>
      </c>
      <c r="C2606" s="9" t="s">
        <v>5121</v>
      </c>
      <c r="D2606" s="18">
        <v>1442481141</v>
      </c>
      <c r="E2606" s="11">
        <v>46387</v>
      </c>
      <c r="F2606" s="9" t="s">
        <v>70</v>
      </c>
      <c r="G2606" s="5">
        <v>2604</v>
      </c>
      <c r="H2606" s="12">
        <f t="shared" si="80"/>
        <v>13</v>
      </c>
      <c r="I2606" s="12">
        <f t="shared" si="81"/>
        <v>11</v>
      </c>
      <c r="J2606" s="5"/>
      <c r="K2606" s="5"/>
      <c r="L2606" s="5"/>
      <c r="M2606" s="5"/>
      <c r="N2606" s="5"/>
      <c r="O2606" s="5"/>
      <c r="P2606" s="5"/>
      <c r="Q2606" s="5"/>
      <c r="R2606" s="5"/>
      <c r="S2606" s="5"/>
      <c r="T2606" s="5"/>
      <c r="U2606" s="5"/>
      <c r="V2606" s="5"/>
      <c r="W2606" s="5"/>
      <c r="X2606" s="5"/>
      <c r="Y2606" s="5"/>
      <c r="Z2606" s="5"/>
      <c r="AA2606" s="5"/>
      <c r="AB2606" s="5"/>
      <c r="AC2606" s="5"/>
      <c r="AD2606" s="5"/>
      <c r="AE2606" s="5"/>
      <c r="AF2606" s="5"/>
      <c r="AG2606" s="5"/>
      <c r="AH2606" s="5"/>
      <c r="AI2606" s="5"/>
    </row>
    <row r="2607" spans="1:35" ht="27.75" customHeight="1" x14ac:dyDescent="0.4">
      <c r="A2607" s="9" t="s">
        <v>3503</v>
      </c>
      <c r="B2607" s="9" t="s">
        <v>5122</v>
      </c>
      <c r="C2607" s="9" t="s">
        <v>5123</v>
      </c>
      <c r="D2607" s="18">
        <v>1442440527</v>
      </c>
      <c r="E2607" s="11">
        <v>46996</v>
      </c>
      <c r="F2607" s="9" t="s">
        <v>70</v>
      </c>
      <c r="G2607" s="12">
        <v>2605</v>
      </c>
      <c r="H2607" s="12">
        <f t="shared" si="80"/>
        <v>15</v>
      </c>
      <c r="I2607" s="12">
        <f t="shared" si="81"/>
        <v>14</v>
      </c>
      <c r="J2607" s="5"/>
      <c r="K2607" s="5"/>
      <c r="L2607" s="5"/>
      <c r="M2607" s="5"/>
      <c r="N2607" s="5"/>
      <c r="O2607" s="5"/>
      <c r="P2607" s="5"/>
      <c r="Q2607" s="5"/>
      <c r="R2607" s="5"/>
      <c r="S2607" s="5"/>
      <c r="T2607" s="5"/>
      <c r="U2607" s="5"/>
      <c r="V2607" s="5"/>
      <c r="W2607" s="5"/>
      <c r="X2607" s="5"/>
      <c r="Y2607" s="5"/>
      <c r="Z2607" s="5"/>
      <c r="AA2607" s="5"/>
      <c r="AB2607" s="5"/>
      <c r="AC2607" s="5"/>
      <c r="AD2607" s="5"/>
      <c r="AE2607" s="5"/>
      <c r="AF2607" s="5"/>
      <c r="AG2607" s="5"/>
      <c r="AH2607" s="5"/>
      <c r="AI2607" s="5"/>
    </row>
    <row r="2608" spans="1:35" ht="27.75" customHeight="1" x14ac:dyDescent="0.4">
      <c r="A2608" s="9" t="s">
        <v>3503</v>
      </c>
      <c r="B2608" s="9" t="s">
        <v>5124</v>
      </c>
      <c r="C2608" s="9" t="s">
        <v>5125</v>
      </c>
      <c r="D2608" s="18">
        <v>1442440303</v>
      </c>
      <c r="E2608" s="11">
        <v>47573</v>
      </c>
      <c r="F2608" s="9" t="s">
        <v>70</v>
      </c>
      <c r="G2608" s="5">
        <v>2606</v>
      </c>
      <c r="H2608" s="12">
        <f t="shared" si="80"/>
        <v>15</v>
      </c>
      <c r="I2608" s="12">
        <f t="shared" si="81"/>
        <v>8</v>
      </c>
      <c r="J2608" s="5"/>
      <c r="K2608" s="5"/>
      <c r="L2608" s="5"/>
      <c r="M2608" s="5"/>
      <c r="N2608" s="5"/>
      <c r="O2608" s="5"/>
      <c r="P2608" s="5"/>
      <c r="Q2608" s="5"/>
      <c r="R2608" s="5"/>
      <c r="S2608" s="5"/>
      <c r="T2608" s="5"/>
      <c r="U2608" s="5"/>
      <c r="V2608" s="5"/>
      <c r="W2608" s="5"/>
      <c r="X2608" s="5"/>
      <c r="Y2608" s="5"/>
      <c r="Z2608" s="5"/>
      <c r="AA2608" s="5"/>
      <c r="AB2608" s="5"/>
      <c r="AC2608" s="5"/>
      <c r="AD2608" s="5"/>
      <c r="AE2608" s="5"/>
      <c r="AF2608" s="5"/>
      <c r="AG2608" s="5"/>
      <c r="AH2608" s="5"/>
      <c r="AI2608" s="5"/>
    </row>
    <row r="2609" spans="1:35" ht="27.75" customHeight="1" x14ac:dyDescent="0.4">
      <c r="A2609" s="9" t="s">
        <v>3503</v>
      </c>
      <c r="B2609" s="14" t="s">
        <v>5126</v>
      </c>
      <c r="C2609" s="9" t="s">
        <v>5127</v>
      </c>
      <c r="D2609" s="18">
        <v>1442440444</v>
      </c>
      <c r="E2609" s="11">
        <v>48304</v>
      </c>
      <c r="F2609" s="9" t="s">
        <v>70</v>
      </c>
      <c r="G2609" s="12">
        <v>2607</v>
      </c>
      <c r="H2609" s="12">
        <f t="shared" si="80"/>
        <v>12</v>
      </c>
      <c r="I2609" s="12">
        <f t="shared" si="81"/>
        <v>5</v>
      </c>
      <c r="J2609" s="5"/>
      <c r="K2609" s="5"/>
      <c r="L2609" s="5"/>
      <c r="M2609" s="5"/>
      <c r="N2609" s="5"/>
      <c r="O2609" s="5"/>
      <c r="P2609" s="5"/>
      <c r="Q2609" s="5"/>
      <c r="R2609" s="5"/>
      <c r="S2609" s="5"/>
      <c r="T2609" s="5"/>
      <c r="U2609" s="5"/>
      <c r="V2609" s="5"/>
      <c r="W2609" s="5"/>
      <c r="X2609" s="5"/>
      <c r="Y2609" s="5"/>
      <c r="Z2609" s="5"/>
      <c r="AA2609" s="5"/>
      <c r="AB2609" s="5"/>
      <c r="AC2609" s="5"/>
      <c r="AD2609" s="5"/>
      <c r="AE2609" s="5"/>
      <c r="AF2609" s="5"/>
      <c r="AG2609" s="5"/>
      <c r="AH2609" s="5"/>
      <c r="AI2609" s="5"/>
    </row>
    <row r="2610" spans="1:35" ht="27.75" customHeight="1" x14ac:dyDescent="0.4">
      <c r="A2610" s="9" t="s">
        <v>3503</v>
      </c>
      <c r="B2610" s="9" t="s">
        <v>5128</v>
      </c>
      <c r="C2610" s="9" t="s">
        <v>5129</v>
      </c>
      <c r="D2610" s="18">
        <v>1442440642</v>
      </c>
      <c r="E2610" s="11">
        <v>47664</v>
      </c>
      <c r="F2610" s="9" t="s">
        <v>70</v>
      </c>
      <c r="G2610" s="5">
        <v>2608</v>
      </c>
      <c r="H2610" s="12">
        <f t="shared" si="80"/>
        <v>12</v>
      </c>
      <c r="I2610" s="12">
        <f t="shared" si="81"/>
        <v>7</v>
      </c>
      <c r="J2610" s="5"/>
      <c r="K2610" s="5"/>
      <c r="L2610" s="5"/>
      <c r="M2610" s="5"/>
      <c r="N2610" s="5"/>
      <c r="O2610" s="5"/>
      <c r="P2610" s="5"/>
      <c r="Q2610" s="5"/>
      <c r="R2610" s="5"/>
      <c r="S2610" s="5"/>
      <c r="T2610" s="5"/>
      <c r="U2610" s="5"/>
      <c r="V2610" s="5"/>
      <c r="W2610" s="5"/>
      <c r="X2610" s="5"/>
      <c r="Y2610" s="5"/>
      <c r="Z2610" s="5"/>
      <c r="AA2610" s="5"/>
      <c r="AB2610" s="5"/>
      <c r="AC2610" s="5"/>
      <c r="AD2610" s="5"/>
      <c r="AE2610" s="5"/>
      <c r="AF2610" s="5"/>
      <c r="AG2610" s="5"/>
      <c r="AH2610" s="5"/>
      <c r="AI2610" s="5"/>
    </row>
    <row r="2611" spans="1:35" ht="27.75" customHeight="1" x14ac:dyDescent="0.4">
      <c r="A2611" s="9" t="s">
        <v>3503</v>
      </c>
      <c r="B2611" s="9" t="s">
        <v>5130</v>
      </c>
      <c r="C2611" s="9" t="s">
        <v>5131</v>
      </c>
      <c r="D2611" s="18">
        <v>1442440550</v>
      </c>
      <c r="E2611" s="11">
        <v>46996</v>
      </c>
      <c r="F2611" s="9" t="s">
        <v>70</v>
      </c>
      <c r="G2611" s="12">
        <v>2609</v>
      </c>
      <c r="H2611" s="12">
        <f t="shared" si="80"/>
        <v>11</v>
      </c>
      <c r="I2611" s="12">
        <f t="shared" si="81"/>
        <v>9</v>
      </c>
      <c r="J2611" s="5"/>
      <c r="K2611" s="5"/>
      <c r="L2611" s="5"/>
      <c r="M2611" s="5"/>
      <c r="N2611" s="5"/>
      <c r="O2611" s="5"/>
      <c r="P2611" s="5"/>
      <c r="Q2611" s="5"/>
      <c r="R2611" s="5"/>
      <c r="S2611" s="5"/>
      <c r="T2611" s="5"/>
      <c r="U2611" s="5"/>
      <c r="V2611" s="5"/>
      <c r="W2611" s="5"/>
      <c r="X2611" s="5"/>
      <c r="Y2611" s="5"/>
      <c r="Z2611" s="5"/>
      <c r="AA2611" s="5"/>
      <c r="AB2611" s="5"/>
      <c r="AC2611" s="5"/>
      <c r="AD2611" s="5"/>
      <c r="AE2611" s="5"/>
      <c r="AF2611" s="5"/>
      <c r="AG2611" s="5"/>
      <c r="AH2611" s="5"/>
      <c r="AI2611" s="5"/>
    </row>
    <row r="2612" spans="1:35" ht="27.75" customHeight="1" x14ac:dyDescent="0.4">
      <c r="A2612" s="9" t="s">
        <v>3503</v>
      </c>
      <c r="B2612" s="9" t="s">
        <v>5132</v>
      </c>
      <c r="C2612" s="9" t="s">
        <v>5133</v>
      </c>
      <c r="D2612" s="18">
        <v>1442440493</v>
      </c>
      <c r="E2612" s="11">
        <v>46691</v>
      </c>
      <c r="F2612" s="9" t="s">
        <v>70</v>
      </c>
      <c r="G2612" s="5">
        <v>2610</v>
      </c>
      <c r="H2612" s="12">
        <f t="shared" si="80"/>
        <v>22</v>
      </c>
      <c r="I2612" s="12">
        <f t="shared" si="81"/>
        <v>5</v>
      </c>
      <c r="J2612" s="5"/>
      <c r="K2612" s="5"/>
      <c r="L2612" s="5"/>
      <c r="M2612" s="5"/>
      <c r="N2612" s="5"/>
      <c r="O2612" s="5"/>
      <c r="P2612" s="5"/>
      <c r="Q2612" s="5"/>
      <c r="R2612" s="5"/>
      <c r="S2612" s="5"/>
      <c r="T2612" s="5"/>
      <c r="U2612" s="5"/>
      <c r="V2612" s="5"/>
      <c r="W2612" s="5"/>
      <c r="X2612" s="5"/>
      <c r="Y2612" s="5"/>
      <c r="Z2612" s="5"/>
      <c r="AA2612" s="5"/>
      <c r="AB2612" s="5"/>
      <c r="AC2612" s="5"/>
      <c r="AD2612" s="5"/>
      <c r="AE2612" s="5"/>
      <c r="AF2612" s="5"/>
      <c r="AG2612" s="5"/>
      <c r="AH2612" s="5"/>
      <c r="AI2612" s="5"/>
    </row>
    <row r="2613" spans="1:35" ht="27.75" customHeight="1" x14ac:dyDescent="0.4">
      <c r="A2613" s="13" t="s">
        <v>3503</v>
      </c>
      <c r="B2613" s="9" t="s">
        <v>5134</v>
      </c>
      <c r="C2613" s="9" t="s">
        <v>5135</v>
      </c>
      <c r="D2613" s="18">
        <v>1442440246</v>
      </c>
      <c r="E2613" s="11">
        <v>47149</v>
      </c>
      <c r="F2613" s="9" t="s">
        <v>70</v>
      </c>
      <c r="G2613" s="12">
        <v>2611</v>
      </c>
      <c r="H2613" s="12">
        <f t="shared" si="80"/>
        <v>11</v>
      </c>
      <c r="I2613" s="12">
        <f t="shared" si="81"/>
        <v>9</v>
      </c>
      <c r="J2613" s="5"/>
      <c r="K2613" s="5"/>
      <c r="L2613" s="5"/>
      <c r="M2613" s="5"/>
      <c r="N2613" s="5"/>
      <c r="O2613" s="5"/>
      <c r="P2613" s="5"/>
      <c r="Q2613" s="5"/>
      <c r="R2613" s="5"/>
      <c r="S2613" s="5"/>
      <c r="T2613" s="5"/>
      <c r="U2613" s="5"/>
      <c r="V2613" s="5"/>
      <c r="W2613" s="5"/>
      <c r="X2613" s="5"/>
      <c r="Y2613" s="5"/>
      <c r="Z2613" s="5"/>
      <c r="AA2613" s="5"/>
      <c r="AB2613" s="5"/>
      <c r="AC2613" s="5"/>
      <c r="AD2613" s="5"/>
      <c r="AE2613" s="5"/>
      <c r="AF2613" s="5"/>
      <c r="AG2613" s="5"/>
      <c r="AH2613" s="5"/>
      <c r="AI2613" s="5"/>
    </row>
    <row r="2614" spans="1:35" ht="27.75" customHeight="1" x14ac:dyDescent="0.4">
      <c r="A2614" s="9" t="s">
        <v>3503</v>
      </c>
      <c r="B2614" s="9" t="s">
        <v>5136</v>
      </c>
      <c r="C2614" s="9" t="s">
        <v>5137</v>
      </c>
      <c r="D2614" s="18">
        <v>1442481778</v>
      </c>
      <c r="E2614" s="11">
        <v>46387</v>
      </c>
      <c r="F2614" s="9" t="s">
        <v>70</v>
      </c>
      <c r="G2614" s="5">
        <v>2612</v>
      </c>
      <c r="H2614" s="12">
        <f t="shared" si="80"/>
        <v>12</v>
      </c>
      <c r="I2614" s="12">
        <f t="shared" si="81"/>
        <v>6</v>
      </c>
      <c r="J2614" s="5"/>
      <c r="K2614" s="5"/>
      <c r="L2614" s="5"/>
      <c r="M2614" s="5"/>
      <c r="N2614" s="5"/>
      <c r="O2614" s="5"/>
      <c r="P2614" s="5"/>
      <c r="Q2614" s="5"/>
      <c r="R2614" s="5"/>
      <c r="S2614" s="5"/>
      <c r="T2614" s="5"/>
      <c r="U2614" s="5"/>
      <c r="V2614" s="5"/>
      <c r="W2614" s="5"/>
      <c r="X2614" s="5"/>
      <c r="Y2614" s="5"/>
      <c r="Z2614" s="5"/>
      <c r="AA2614" s="5"/>
      <c r="AB2614" s="5"/>
      <c r="AC2614" s="5"/>
      <c r="AD2614" s="5"/>
      <c r="AE2614" s="5"/>
      <c r="AF2614" s="5"/>
      <c r="AG2614" s="5"/>
      <c r="AH2614" s="5"/>
      <c r="AI2614" s="5"/>
    </row>
    <row r="2615" spans="1:35" ht="27.75" customHeight="1" x14ac:dyDescent="0.4">
      <c r="A2615" s="9" t="s">
        <v>3503</v>
      </c>
      <c r="B2615" s="9" t="s">
        <v>5138</v>
      </c>
      <c r="C2615" s="9" t="s">
        <v>5139</v>
      </c>
      <c r="D2615" s="18">
        <v>1442481794</v>
      </c>
      <c r="E2615" s="11">
        <v>46387</v>
      </c>
      <c r="F2615" s="9" t="s">
        <v>70</v>
      </c>
      <c r="G2615" s="12">
        <v>2613</v>
      </c>
      <c r="H2615" s="12">
        <f t="shared" si="80"/>
        <v>12</v>
      </c>
      <c r="I2615" s="12">
        <f t="shared" si="81"/>
        <v>7</v>
      </c>
      <c r="J2615" s="5"/>
      <c r="K2615" s="5"/>
      <c r="L2615" s="5"/>
      <c r="M2615" s="5"/>
      <c r="N2615" s="5"/>
      <c r="O2615" s="5"/>
      <c r="P2615" s="5"/>
      <c r="Q2615" s="5"/>
      <c r="R2615" s="5"/>
      <c r="S2615" s="5"/>
      <c r="T2615" s="5"/>
      <c r="U2615" s="5"/>
      <c r="V2615" s="5"/>
      <c r="W2615" s="5"/>
      <c r="X2615" s="5"/>
      <c r="Y2615" s="5"/>
      <c r="Z2615" s="5"/>
      <c r="AA2615" s="5"/>
      <c r="AB2615" s="5"/>
      <c r="AC2615" s="5"/>
      <c r="AD2615" s="5"/>
      <c r="AE2615" s="5"/>
      <c r="AF2615" s="5"/>
      <c r="AG2615" s="5"/>
      <c r="AH2615" s="5"/>
      <c r="AI2615" s="5"/>
    </row>
    <row r="2616" spans="1:35" s="24" customFormat="1" ht="27.75" customHeight="1" x14ac:dyDescent="0.4">
      <c r="A2616" s="13" t="s">
        <v>3503</v>
      </c>
      <c r="B2616" s="9" t="s">
        <v>5140</v>
      </c>
      <c r="C2616" s="9" t="s">
        <v>5141</v>
      </c>
      <c r="D2616" s="18">
        <v>1442482057</v>
      </c>
      <c r="E2616" s="11">
        <v>46387</v>
      </c>
      <c r="F2616" s="9" t="s">
        <v>70</v>
      </c>
      <c r="G2616" s="5">
        <v>2614</v>
      </c>
      <c r="H2616" s="12">
        <f t="shared" si="80"/>
        <v>12</v>
      </c>
      <c r="I2616" s="12">
        <f t="shared" si="81"/>
        <v>4</v>
      </c>
      <c r="J2616" s="5"/>
      <c r="K2616" s="5"/>
      <c r="L2616" s="5"/>
      <c r="M2616" s="5"/>
      <c r="N2616" s="5"/>
      <c r="O2616" s="5"/>
      <c r="P2616" s="5"/>
      <c r="Q2616" s="5"/>
      <c r="R2616" s="5"/>
      <c r="S2616" s="5"/>
      <c r="T2616" s="5"/>
      <c r="U2616" s="5"/>
      <c r="V2616" s="5"/>
      <c r="W2616" s="5"/>
      <c r="X2616" s="5"/>
      <c r="Y2616" s="5"/>
      <c r="Z2616" s="5"/>
      <c r="AA2616" s="5"/>
      <c r="AB2616" s="5"/>
      <c r="AC2616" s="5"/>
      <c r="AD2616" s="5"/>
      <c r="AE2616" s="5"/>
      <c r="AF2616" s="5"/>
      <c r="AG2616" s="5"/>
      <c r="AH2616" s="5"/>
      <c r="AI2616" s="5"/>
    </row>
    <row r="2617" spans="1:35" s="5" customFormat="1" ht="27.75" customHeight="1" x14ac:dyDescent="0.4">
      <c r="A2617" s="9" t="s">
        <v>3503</v>
      </c>
      <c r="B2617" s="9" t="s">
        <v>4132</v>
      </c>
      <c r="C2617" s="9" t="s">
        <v>5142</v>
      </c>
      <c r="D2617" s="18">
        <v>1442481398</v>
      </c>
      <c r="E2617" s="11">
        <v>46387</v>
      </c>
      <c r="F2617" s="9" t="s">
        <v>70</v>
      </c>
      <c r="G2617" s="12">
        <v>2615</v>
      </c>
      <c r="H2617" s="12">
        <f t="shared" si="80"/>
        <v>27</v>
      </c>
      <c r="I2617" s="12">
        <f t="shared" si="81"/>
        <v>5</v>
      </c>
    </row>
    <row r="2618" spans="1:35" s="5" customFormat="1" ht="27.75" customHeight="1" x14ac:dyDescent="0.4">
      <c r="A2618" s="9" t="s">
        <v>3503</v>
      </c>
      <c r="B2618" s="9" t="s">
        <v>5143</v>
      </c>
      <c r="C2618" s="9" t="s">
        <v>5144</v>
      </c>
      <c r="D2618" s="18">
        <v>1442440220</v>
      </c>
      <c r="E2618" s="11">
        <v>48304</v>
      </c>
      <c r="F2618" s="9" t="s">
        <v>70</v>
      </c>
      <c r="G2618" s="5">
        <v>2616</v>
      </c>
      <c r="H2618" s="12">
        <f t="shared" si="80"/>
        <v>12</v>
      </c>
      <c r="I2618" s="12">
        <f t="shared" si="81"/>
        <v>11</v>
      </c>
      <c r="J2618" s="24"/>
      <c r="K2618" s="24"/>
      <c r="L2618" s="24"/>
    </row>
    <row r="2619" spans="1:35" ht="27.75" customHeight="1" x14ac:dyDescent="0.4">
      <c r="A2619" s="9" t="s">
        <v>3503</v>
      </c>
      <c r="B2619" s="13" t="s">
        <v>5145</v>
      </c>
      <c r="C2619" s="13" t="s">
        <v>5146</v>
      </c>
      <c r="D2619" s="18">
        <v>1442400778</v>
      </c>
      <c r="E2619" s="11">
        <v>46387</v>
      </c>
      <c r="F2619" s="9" t="s">
        <v>70</v>
      </c>
      <c r="G2619" s="12">
        <v>2617</v>
      </c>
      <c r="H2619" s="12">
        <f t="shared" si="80"/>
        <v>13</v>
      </c>
      <c r="I2619" s="12">
        <f t="shared" si="81"/>
        <v>10</v>
      </c>
    </row>
    <row r="2620" spans="1:35" ht="27.75" customHeight="1" x14ac:dyDescent="0.4">
      <c r="A2620" s="13" t="s">
        <v>3503</v>
      </c>
      <c r="B2620" s="9" t="s">
        <v>5147</v>
      </c>
      <c r="C2620" s="9" t="s">
        <v>5148</v>
      </c>
      <c r="D2620" s="18">
        <v>1442440600</v>
      </c>
      <c r="E2620" s="11">
        <v>47391</v>
      </c>
      <c r="F2620" s="9" t="s">
        <v>70</v>
      </c>
      <c r="G2620" s="5">
        <v>2618</v>
      </c>
      <c r="H2620" s="12">
        <f t="shared" si="80"/>
        <v>12</v>
      </c>
      <c r="I2620" s="12">
        <f t="shared" si="81"/>
        <v>9</v>
      </c>
      <c r="J2620" s="5"/>
      <c r="K2620" s="5"/>
      <c r="L2620" s="5"/>
      <c r="M2620" s="5"/>
      <c r="N2620" s="5"/>
      <c r="O2620" s="5"/>
      <c r="P2620" s="5"/>
      <c r="Q2620" s="5"/>
      <c r="R2620" s="5"/>
      <c r="S2620" s="5"/>
      <c r="T2620" s="5"/>
      <c r="U2620" s="5"/>
      <c r="V2620" s="5"/>
      <c r="W2620" s="5"/>
      <c r="X2620" s="5"/>
      <c r="Y2620" s="5"/>
      <c r="Z2620" s="5"/>
      <c r="AA2620" s="5"/>
      <c r="AB2620" s="5"/>
      <c r="AC2620" s="5"/>
      <c r="AD2620" s="5"/>
      <c r="AE2620" s="5"/>
      <c r="AF2620" s="5"/>
      <c r="AG2620" s="5"/>
      <c r="AH2620" s="5"/>
      <c r="AI2620" s="5"/>
    </row>
    <row r="2621" spans="1:35" ht="27.75" customHeight="1" x14ac:dyDescent="0.4">
      <c r="A2621" s="9" t="s">
        <v>3503</v>
      </c>
      <c r="B2621" s="9" t="s">
        <v>5149</v>
      </c>
      <c r="C2621" s="9" t="s">
        <v>5150</v>
      </c>
      <c r="D2621" s="18">
        <v>1442440626</v>
      </c>
      <c r="E2621" s="11">
        <v>47603</v>
      </c>
      <c r="F2621" s="9" t="s">
        <v>70</v>
      </c>
      <c r="G2621" s="12">
        <v>2619</v>
      </c>
      <c r="H2621" s="12">
        <f t="shared" si="80"/>
        <v>12</v>
      </c>
      <c r="I2621" s="12">
        <f t="shared" si="81"/>
        <v>8</v>
      </c>
      <c r="J2621" s="5"/>
      <c r="K2621" s="5"/>
      <c r="L2621" s="5"/>
      <c r="M2621" s="5"/>
      <c r="N2621" s="5"/>
      <c r="O2621" s="5"/>
      <c r="P2621" s="5"/>
      <c r="Q2621" s="5"/>
      <c r="R2621" s="5"/>
      <c r="S2621" s="5"/>
      <c r="T2621" s="5"/>
      <c r="U2621" s="5"/>
      <c r="V2621" s="5"/>
      <c r="W2621" s="5"/>
      <c r="X2621" s="5"/>
      <c r="Y2621" s="5"/>
      <c r="Z2621" s="5"/>
      <c r="AA2621" s="5"/>
      <c r="AB2621" s="5"/>
      <c r="AC2621" s="5"/>
      <c r="AD2621" s="5"/>
      <c r="AE2621" s="5"/>
      <c r="AF2621" s="5"/>
      <c r="AG2621" s="5"/>
      <c r="AH2621" s="5"/>
      <c r="AI2621" s="5"/>
    </row>
    <row r="2622" spans="1:35" ht="27.75" customHeight="1" x14ac:dyDescent="0.4">
      <c r="A2622" s="9" t="s">
        <v>3503</v>
      </c>
      <c r="B2622" s="9" t="s">
        <v>5151</v>
      </c>
      <c r="C2622" s="9" t="s">
        <v>5152</v>
      </c>
      <c r="D2622" s="18">
        <v>1442481885</v>
      </c>
      <c r="E2622" s="11">
        <v>46387</v>
      </c>
      <c r="F2622" s="9" t="s">
        <v>70</v>
      </c>
      <c r="G2622" s="5">
        <v>2620</v>
      </c>
      <c r="H2622" s="12">
        <f t="shared" si="80"/>
        <v>11</v>
      </c>
      <c r="I2622" s="12">
        <f t="shared" si="81"/>
        <v>7</v>
      </c>
      <c r="J2622" s="5"/>
      <c r="K2622" s="5"/>
      <c r="L2622" s="5"/>
      <c r="M2622" s="5"/>
      <c r="N2622" s="5"/>
      <c r="O2622" s="5"/>
      <c r="P2622" s="5"/>
      <c r="Q2622" s="5"/>
      <c r="R2622" s="5"/>
      <c r="S2622" s="5"/>
      <c r="T2622" s="5"/>
      <c r="U2622" s="5"/>
      <c r="V2622" s="5"/>
      <c r="W2622" s="5"/>
      <c r="X2622" s="5"/>
      <c r="Y2622" s="5"/>
      <c r="Z2622" s="5"/>
      <c r="AA2622" s="5"/>
      <c r="AB2622" s="5"/>
      <c r="AC2622" s="5"/>
      <c r="AD2622" s="5"/>
      <c r="AE2622" s="5"/>
      <c r="AF2622" s="5"/>
      <c r="AG2622" s="5"/>
      <c r="AH2622" s="5"/>
      <c r="AI2622" s="5"/>
    </row>
    <row r="2623" spans="1:35" ht="27.75" customHeight="1" x14ac:dyDescent="0.4">
      <c r="A2623" s="13" t="s">
        <v>3503</v>
      </c>
      <c r="B2623" s="9" t="s">
        <v>5153</v>
      </c>
      <c r="C2623" s="9" t="s">
        <v>5154</v>
      </c>
      <c r="D2623" s="18">
        <v>1442482081</v>
      </c>
      <c r="E2623" s="11">
        <v>46387</v>
      </c>
      <c r="F2623" s="9" t="s">
        <v>70</v>
      </c>
      <c r="G2623" s="12">
        <v>2621</v>
      </c>
      <c r="H2623" s="12">
        <f t="shared" si="80"/>
        <v>11</v>
      </c>
      <c r="I2623" s="12">
        <f t="shared" si="81"/>
        <v>6</v>
      </c>
      <c r="J2623" s="5"/>
      <c r="K2623" s="5"/>
      <c r="L2623" s="5"/>
      <c r="M2623" s="5"/>
      <c r="N2623" s="5"/>
      <c r="O2623" s="5"/>
      <c r="P2623" s="5"/>
      <c r="Q2623" s="5"/>
      <c r="R2623" s="5"/>
      <c r="S2623" s="5"/>
      <c r="T2623" s="5"/>
      <c r="U2623" s="5"/>
      <c r="V2623" s="5"/>
      <c r="W2623" s="5"/>
      <c r="X2623" s="5"/>
      <c r="Y2623" s="5"/>
      <c r="Z2623" s="5"/>
      <c r="AA2623" s="5"/>
      <c r="AB2623" s="5"/>
      <c r="AC2623" s="5"/>
      <c r="AD2623" s="5"/>
      <c r="AE2623" s="5"/>
      <c r="AF2623" s="5"/>
      <c r="AG2623" s="5"/>
      <c r="AH2623" s="5"/>
      <c r="AI2623" s="5"/>
    </row>
    <row r="2624" spans="1:35" ht="27.75" customHeight="1" x14ac:dyDescent="0.4">
      <c r="A2624" s="13" t="s">
        <v>3503</v>
      </c>
      <c r="B2624" s="9" t="s">
        <v>5155</v>
      </c>
      <c r="C2624" s="9" t="s">
        <v>5156</v>
      </c>
      <c r="D2624" s="18">
        <v>1442440295</v>
      </c>
      <c r="E2624" s="11">
        <v>47542</v>
      </c>
      <c r="F2624" s="9" t="s">
        <v>70</v>
      </c>
      <c r="G2624" s="5">
        <v>2622</v>
      </c>
      <c r="H2624" s="12">
        <f t="shared" si="80"/>
        <v>13</v>
      </c>
      <c r="I2624" s="12">
        <f t="shared" si="81"/>
        <v>13</v>
      </c>
      <c r="J2624" s="5"/>
      <c r="K2624" s="5"/>
      <c r="L2624" s="5"/>
      <c r="M2624" s="5"/>
      <c r="N2624" s="5"/>
      <c r="O2624" s="5"/>
      <c r="P2624" s="5"/>
      <c r="Q2624" s="5"/>
      <c r="R2624" s="5"/>
      <c r="S2624" s="5"/>
      <c r="T2624" s="5"/>
      <c r="U2624" s="5"/>
      <c r="V2624" s="5"/>
      <c r="W2624" s="5"/>
      <c r="X2624" s="5"/>
      <c r="Y2624" s="5"/>
      <c r="Z2624" s="5"/>
      <c r="AA2624" s="5"/>
      <c r="AB2624" s="5"/>
      <c r="AC2624" s="5"/>
      <c r="AD2624" s="5"/>
      <c r="AE2624" s="5"/>
      <c r="AF2624" s="5"/>
      <c r="AG2624" s="5"/>
      <c r="AH2624" s="5"/>
      <c r="AI2624" s="5"/>
    </row>
    <row r="2625" spans="1:35" ht="27.75" customHeight="1" x14ac:dyDescent="0.4">
      <c r="A2625" s="13" t="s">
        <v>3503</v>
      </c>
      <c r="B2625" s="9" t="s">
        <v>5157</v>
      </c>
      <c r="C2625" s="9" t="s">
        <v>5158</v>
      </c>
      <c r="D2625" s="18">
        <v>1442481760</v>
      </c>
      <c r="E2625" s="11">
        <v>46387</v>
      </c>
      <c r="F2625" s="9" t="s">
        <v>70</v>
      </c>
      <c r="G2625" s="12">
        <v>2623</v>
      </c>
      <c r="H2625" s="12">
        <f t="shared" si="80"/>
        <v>13</v>
      </c>
      <c r="I2625" s="12">
        <f t="shared" si="81"/>
        <v>12</v>
      </c>
      <c r="J2625" s="5"/>
      <c r="K2625" s="5"/>
      <c r="L2625" s="5"/>
      <c r="M2625" s="5"/>
      <c r="N2625" s="5"/>
      <c r="O2625" s="5"/>
      <c r="P2625" s="5"/>
      <c r="Q2625" s="5"/>
      <c r="R2625" s="5"/>
      <c r="S2625" s="5"/>
      <c r="T2625" s="5"/>
      <c r="U2625" s="5"/>
      <c r="V2625" s="5"/>
      <c r="W2625" s="5"/>
      <c r="X2625" s="5"/>
      <c r="Y2625" s="5"/>
      <c r="Z2625" s="5"/>
      <c r="AA2625" s="5"/>
      <c r="AB2625" s="5"/>
      <c r="AC2625" s="5"/>
      <c r="AD2625" s="5"/>
      <c r="AE2625" s="5"/>
      <c r="AF2625" s="5"/>
      <c r="AG2625" s="5"/>
      <c r="AH2625" s="5"/>
      <c r="AI2625" s="5"/>
    </row>
    <row r="2626" spans="1:35" ht="27.75" customHeight="1" x14ac:dyDescent="0.4">
      <c r="A2626" s="15" t="s">
        <v>3503</v>
      </c>
      <c r="B2626" s="16" t="s">
        <v>5159</v>
      </c>
      <c r="C2626" s="16" t="s">
        <v>5160</v>
      </c>
      <c r="D2626" s="10">
        <v>1442440519</v>
      </c>
      <c r="E2626" s="11">
        <v>46843</v>
      </c>
      <c r="F2626" s="9" t="s">
        <v>70</v>
      </c>
      <c r="G2626" s="5">
        <v>2624</v>
      </c>
      <c r="H2626" s="12">
        <f t="shared" si="80"/>
        <v>11</v>
      </c>
      <c r="I2626" s="12">
        <f t="shared" si="81"/>
        <v>16</v>
      </c>
      <c r="J2626" s="5"/>
      <c r="K2626" s="5"/>
      <c r="L2626" s="5"/>
      <c r="M2626" s="5"/>
      <c r="N2626" s="5"/>
      <c r="O2626" s="5"/>
      <c r="P2626" s="5"/>
      <c r="Q2626" s="5"/>
      <c r="R2626" s="5"/>
      <c r="S2626" s="5"/>
      <c r="T2626" s="5"/>
      <c r="U2626" s="5"/>
      <c r="V2626" s="5"/>
      <c r="W2626" s="5"/>
      <c r="X2626" s="5"/>
      <c r="Y2626" s="5"/>
      <c r="Z2626" s="5"/>
      <c r="AA2626" s="5"/>
      <c r="AB2626" s="5"/>
      <c r="AC2626" s="5"/>
      <c r="AD2626" s="5"/>
      <c r="AE2626" s="5"/>
      <c r="AF2626" s="5"/>
      <c r="AG2626" s="5"/>
      <c r="AH2626" s="5"/>
      <c r="AI2626" s="5"/>
    </row>
    <row r="2627" spans="1:35" ht="27.75" customHeight="1" x14ac:dyDescent="0.4">
      <c r="A2627" s="13" t="s">
        <v>3503</v>
      </c>
      <c r="B2627" s="9" t="s">
        <v>5161</v>
      </c>
      <c r="C2627" s="9" t="s">
        <v>5160</v>
      </c>
      <c r="D2627" s="18">
        <v>1442481844</v>
      </c>
      <c r="E2627" s="11">
        <v>46387</v>
      </c>
      <c r="F2627" s="9" t="s">
        <v>70</v>
      </c>
      <c r="G2627" s="12">
        <v>2625</v>
      </c>
      <c r="H2627" s="12">
        <f t="shared" si="80"/>
        <v>11</v>
      </c>
      <c r="I2627" s="12">
        <f t="shared" si="81"/>
        <v>7</v>
      </c>
      <c r="J2627" s="5"/>
      <c r="K2627" s="5"/>
      <c r="L2627" s="5"/>
      <c r="M2627" s="5"/>
      <c r="N2627" s="5"/>
      <c r="O2627" s="5"/>
      <c r="P2627" s="5"/>
      <c r="Q2627" s="5"/>
      <c r="R2627" s="5"/>
      <c r="S2627" s="5"/>
      <c r="T2627" s="5"/>
      <c r="U2627" s="5"/>
      <c r="V2627" s="5"/>
      <c r="W2627" s="5"/>
      <c r="X2627" s="5"/>
      <c r="Y2627" s="5"/>
      <c r="Z2627" s="5"/>
      <c r="AA2627" s="5"/>
      <c r="AB2627" s="5"/>
      <c r="AC2627" s="5"/>
      <c r="AD2627" s="5"/>
      <c r="AE2627" s="5"/>
      <c r="AF2627" s="5"/>
      <c r="AG2627" s="5"/>
      <c r="AH2627" s="5"/>
      <c r="AI2627" s="5"/>
    </row>
    <row r="2628" spans="1:35" ht="27.75" customHeight="1" x14ac:dyDescent="0.4">
      <c r="A2628" s="9" t="s">
        <v>3503</v>
      </c>
      <c r="B2628" s="9" t="s">
        <v>5162</v>
      </c>
      <c r="C2628" s="9" t="s">
        <v>5163</v>
      </c>
      <c r="D2628" s="18">
        <v>1442440014</v>
      </c>
      <c r="E2628" s="11">
        <v>46387</v>
      </c>
      <c r="F2628" s="9" t="s">
        <v>70</v>
      </c>
      <c r="G2628" s="5">
        <v>2626</v>
      </c>
      <c r="H2628" s="12">
        <f t="shared" ref="H2628:H2691" si="82">LEN(C2628)</f>
        <v>11</v>
      </c>
      <c r="I2628" s="12">
        <f t="shared" ref="I2628:I2691" si="83">LEN(B2628)</f>
        <v>13</v>
      </c>
      <c r="J2628" s="5"/>
      <c r="K2628" s="5"/>
      <c r="L2628" s="5"/>
      <c r="M2628" s="5"/>
      <c r="N2628" s="5"/>
      <c r="O2628" s="5"/>
      <c r="P2628" s="5"/>
      <c r="Q2628" s="5"/>
      <c r="R2628" s="5"/>
      <c r="S2628" s="5"/>
      <c r="T2628" s="5"/>
      <c r="U2628" s="5"/>
      <c r="V2628" s="5"/>
      <c r="W2628" s="5"/>
      <c r="X2628" s="5"/>
      <c r="Y2628" s="5"/>
      <c r="Z2628" s="5"/>
      <c r="AA2628" s="5"/>
      <c r="AB2628" s="5"/>
      <c r="AC2628" s="5"/>
      <c r="AD2628" s="5"/>
      <c r="AE2628" s="5"/>
      <c r="AF2628" s="5"/>
      <c r="AG2628" s="5"/>
      <c r="AH2628" s="5"/>
      <c r="AI2628" s="5"/>
    </row>
    <row r="2629" spans="1:35" ht="27.75" customHeight="1" x14ac:dyDescent="0.4">
      <c r="A2629" s="9" t="s">
        <v>3503</v>
      </c>
      <c r="B2629" s="9" t="s">
        <v>5164</v>
      </c>
      <c r="C2629" s="9" t="s">
        <v>1665</v>
      </c>
      <c r="D2629" s="18">
        <v>1442440121</v>
      </c>
      <c r="E2629" s="11">
        <v>46660</v>
      </c>
      <c r="F2629" s="9" t="s">
        <v>70</v>
      </c>
      <c r="G2629" s="12">
        <v>2627</v>
      </c>
      <c r="H2629" s="12">
        <f t="shared" si="82"/>
        <v>11</v>
      </c>
      <c r="I2629" s="12">
        <f t="shared" si="83"/>
        <v>10</v>
      </c>
      <c r="J2629" s="5"/>
      <c r="K2629" s="5"/>
      <c r="L2629" s="5"/>
      <c r="M2629" s="5"/>
      <c r="N2629" s="5"/>
      <c r="O2629" s="5"/>
      <c r="P2629" s="5"/>
      <c r="Q2629" s="5"/>
      <c r="R2629" s="5"/>
      <c r="S2629" s="5"/>
      <c r="T2629" s="5"/>
      <c r="U2629" s="5"/>
      <c r="V2629" s="5"/>
      <c r="W2629" s="5"/>
      <c r="X2629" s="5"/>
      <c r="Y2629" s="5"/>
      <c r="Z2629" s="5"/>
      <c r="AA2629" s="5"/>
      <c r="AB2629" s="5"/>
      <c r="AC2629" s="5"/>
      <c r="AD2629" s="5"/>
      <c r="AE2629" s="5"/>
      <c r="AF2629" s="5"/>
      <c r="AG2629" s="5"/>
      <c r="AH2629" s="5"/>
      <c r="AI2629" s="5"/>
    </row>
    <row r="2630" spans="1:35" ht="27.75" customHeight="1" x14ac:dyDescent="0.4">
      <c r="A2630" s="9" t="s">
        <v>3503</v>
      </c>
      <c r="B2630" s="9" t="s">
        <v>5165</v>
      </c>
      <c r="C2630" s="9" t="s">
        <v>5166</v>
      </c>
      <c r="D2630" s="18">
        <v>1442440584</v>
      </c>
      <c r="E2630" s="11">
        <v>47177</v>
      </c>
      <c r="F2630" s="9" t="s">
        <v>70</v>
      </c>
      <c r="G2630" s="5">
        <v>2628</v>
      </c>
      <c r="H2630" s="12">
        <f t="shared" si="82"/>
        <v>12</v>
      </c>
      <c r="I2630" s="12">
        <f t="shared" si="83"/>
        <v>13</v>
      </c>
      <c r="J2630" s="5"/>
      <c r="K2630" s="5"/>
      <c r="L2630" s="5"/>
      <c r="M2630" s="5"/>
      <c r="N2630" s="5"/>
      <c r="O2630" s="5"/>
      <c r="P2630" s="5"/>
      <c r="Q2630" s="5"/>
      <c r="R2630" s="5"/>
      <c r="S2630" s="5"/>
      <c r="T2630" s="5"/>
      <c r="U2630" s="5"/>
      <c r="V2630" s="5"/>
      <c r="W2630" s="5"/>
      <c r="X2630" s="5"/>
      <c r="Y2630" s="5"/>
      <c r="Z2630" s="5"/>
      <c r="AA2630" s="5"/>
      <c r="AB2630" s="5"/>
      <c r="AC2630" s="5"/>
      <c r="AD2630" s="5"/>
      <c r="AE2630" s="5"/>
      <c r="AF2630" s="5"/>
      <c r="AG2630" s="5"/>
      <c r="AH2630" s="5"/>
      <c r="AI2630" s="5"/>
    </row>
    <row r="2631" spans="1:35" ht="27.75" customHeight="1" x14ac:dyDescent="0.4">
      <c r="A2631" s="13" t="s">
        <v>3503</v>
      </c>
      <c r="B2631" s="9" t="s">
        <v>5167</v>
      </c>
      <c r="C2631" s="9" t="s">
        <v>5168</v>
      </c>
      <c r="D2631" s="18">
        <v>1442401032</v>
      </c>
      <c r="E2631" s="11">
        <v>46387</v>
      </c>
      <c r="F2631" s="9" t="s">
        <v>70</v>
      </c>
      <c r="G2631" s="12">
        <v>2629</v>
      </c>
      <c r="H2631" s="12">
        <f t="shared" si="82"/>
        <v>11</v>
      </c>
      <c r="I2631" s="12">
        <f t="shared" si="83"/>
        <v>8</v>
      </c>
      <c r="J2631" s="5"/>
      <c r="K2631" s="5"/>
      <c r="L2631" s="5"/>
      <c r="M2631" s="5"/>
      <c r="N2631" s="5"/>
      <c r="O2631" s="5"/>
      <c r="P2631" s="5"/>
      <c r="Q2631" s="5"/>
      <c r="R2631" s="5"/>
      <c r="S2631" s="5"/>
      <c r="T2631" s="5"/>
      <c r="U2631" s="5"/>
      <c r="V2631" s="5"/>
      <c r="W2631" s="5"/>
      <c r="X2631" s="5"/>
      <c r="Y2631" s="5"/>
      <c r="Z2631" s="5"/>
      <c r="AA2631" s="5"/>
      <c r="AB2631" s="5"/>
      <c r="AC2631" s="5"/>
      <c r="AD2631" s="5"/>
      <c r="AE2631" s="5"/>
      <c r="AF2631" s="5"/>
      <c r="AG2631" s="5"/>
      <c r="AH2631" s="5"/>
      <c r="AI2631" s="5"/>
    </row>
    <row r="2632" spans="1:35" ht="27.75" customHeight="1" x14ac:dyDescent="0.4">
      <c r="A2632" s="9" t="s">
        <v>3503</v>
      </c>
      <c r="B2632" s="9" t="s">
        <v>5169</v>
      </c>
      <c r="C2632" s="9" t="s">
        <v>5170</v>
      </c>
      <c r="D2632" s="18">
        <v>1442540169</v>
      </c>
      <c r="E2632" s="11">
        <v>47238</v>
      </c>
      <c r="F2632" s="9" t="s">
        <v>83</v>
      </c>
      <c r="G2632" s="5">
        <v>2630</v>
      </c>
      <c r="H2632" s="12">
        <f t="shared" si="82"/>
        <v>13</v>
      </c>
      <c r="I2632" s="12">
        <f t="shared" si="83"/>
        <v>10</v>
      </c>
      <c r="J2632" s="5"/>
      <c r="K2632" s="5"/>
      <c r="L2632" s="5"/>
      <c r="M2632" s="5"/>
      <c r="N2632" s="5"/>
      <c r="O2632" s="5"/>
      <c r="P2632" s="5"/>
      <c r="Q2632" s="5"/>
      <c r="R2632" s="5"/>
      <c r="S2632" s="5"/>
      <c r="T2632" s="5"/>
      <c r="U2632" s="5"/>
      <c r="V2632" s="5"/>
      <c r="W2632" s="5"/>
      <c r="X2632" s="5"/>
      <c r="Y2632" s="5"/>
      <c r="Z2632" s="5"/>
      <c r="AA2632" s="5"/>
      <c r="AB2632" s="5"/>
      <c r="AC2632" s="5"/>
      <c r="AD2632" s="5"/>
      <c r="AE2632" s="5"/>
      <c r="AF2632" s="5"/>
      <c r="AG2632" s="5"/>
      <c r="AH2632" s="5"/>
      <c r="AI2632" s="5"/>
    </row>
    <row r="2633" spans="1:35" ht="27.75" customHeight="1" x14ac:dyDescent="0.4">
      <c r="A2633" s="13" t="s">
        <v>3503</v>
      </c>
      <c r="B2633" s="16" t="s">
        <v>5171</v>
      </c>
      <c r="C2633" s="16" t="s">
        <v>5172</v>
      </c>
      <c r="D2633" s="10">
        <v>1442540144</v>
      </c>
      <c r="E2633" s="11">
        <v>46418</v>
      </c>
      <c r="F2633" s="9" t="s">
        <v>83</v>
      </c>
      <c r="G2633" s="12">
        <v>2631</v>
      </c>
      <c r="H2633" s="12">
        <f t="shared" si="82"/>
        <v>11</v>
      </c>
      <c r="I2633" s="12">
        <f t="shared" si="83"/>
        <v>13</v>
      </c>
      <c r="J2633" s="5"/>
      <c r="K2633" s="5"/>
      <c r="L2633" s="5"/>
      <c r="M2633" s="5"/>
      <c r="N2633" s="5"/>
      <c r="O2633" s="5"/>
      <c r="P2633" s="5"/>
      <c r="Q2633" s="5"/>
      <c r="R2633" s="5"/>
      <c r="S2633" s="5"/>
      <c r="T2633" s="5"/>
      <c r="U2633" s="5"/>
      <c r="V2633" s="5"/>
      <c r="W2633" s="5"/>
      <c r="X2633" s="5"/>
      <c r="Y2633" s="5"/>
      <c r="Z2633" s="5"/>
      <c r="AA2633" s="5"/>
      <c r="AB2633" s="5"/>
      <c r="AC2633" s="5"/>
      <c r="AD2633" s="5"/>
      <c r="AE2633" s="5"/>
      <c r="AF2633" s="5"/>
      <c r="AG2633" s="5"/>
      <c r="AH2633" s="5"/>
      <c r="AI2633" s="5"/>
    </row>
    <row r="2634" spans="1:35" ht="27.75" customHeight="1" x14ac:dyDescent="0.4">
      <c r="A2634" s="13" t="s">
        <v>3503</v>
      </c>
      <c r="B2634" s="9" t="s">
        <v>5173</v>
      </c>
      <c r="C2634" s="9" t="s">
        <v>5174</v>
      </c>
      <c r="D2634" s="18">
        <v>1442540193</v>
      </c>
      <c r="E2634" s="11">
        <v>47664</v>
      </c>
      <c r="F2634" s="9" t="s">
        <v>83</v>
      </c>
      <c r="G2634" s="5">
        <v>2632</v>
      </c>
      <c r="H2634" s="12">
        <f t="shared" si="82"/>
        <v>11</v>
      </c>
      <c r="I2634" s="12">
        <f t="shared" si="83"/>
        <v>6</v>
      </c>
      <c r="J2634" s="5"/>
      <c r="K2634" s="5"/>
      <c r="L2634" s="5"/>
      <c r="M2634" s="5"/>
      <c r="N2634" s="5"/>
      <c r="O2634" s="5"/>
      <c r="P2634" s="5"/>
      <c r="Q2634" s="5"/>
      <c r="R2634" s="5"/>
      <c r="S2634" s="5"/>
      <c r="T2634" s="5"/>
      <c r="U2634" s="5"/>
      <c r="V2634" s="5"/>
      <c r="W2634" s="5"/>
      <c r="X2634" s="5"/>
      <c r="Y2634" s="5"/>
      <c r="Z2634" s="5"/>
      <c r="AA2634" s="5"/>
      <c r="AB2634" s="5"/>
      <c r="AC2634" s="5"/>
      <c r="AD2634" s="5"/>
      <c r="AE2634" s="5"/>
      <c r="AF2634" s="5"/>
      <c r="AG2634" s="5"/>
      <c r="AH2634" s="5"/>
      <c r="AI2634" s="5"/>
    </row>
    <row r="2635" spans="1:35" ht="27.75" customHeight="1" x14ac:dyDescent="0.4">
      <c r="A2635" s="13" t="s">
        <v>3503</v>
      </c>
      <c r="B2635" s="9" t="s">
        <v>5175</v>
      </c>
      <c r="C2635" s="9" t="s">
        <v>5176</v>
      </c>
      <c r="D2635" s="18">
        <v>1442580496</v>
      </c>
      <c r="E2635" s="11">
        <v>46387</v>
      </c>
      <c r="F2635" s="9" t="s">
        <v>83</v>
      </c>
      <c r="G2635" s="12">
        <v>2633</v>
      </c>
      <c r="H2635" s="12">
        <f t="shared" si="82"/>
        <v>12</v>
      </c>
      <c r="I2635" s="12">
        <f t="shared" si="83"/>
        <v>16</v>
      </c>
      <c r="J2635" s="5"/>
      <c r="K2635" s="5"/>
      <c r="L2635" s="5"/>
      <c r="M2635" s="5"/>
      <c r="N2635" s="5"/>
      <c r="O2635" s="5"/>
      <c r="P2635" s="5"/>
      <c r="Q2635" s="5"/>
      <c r="R2635" s="5"/>
      <c r="S2635" s="5"/>
      <c r="T2635" s="5"/>
      <c r="U2635" s="5"/>
      <c r="V2635" s="5"/>
      <c r="W2635" s="5"/>
      <c r="X2635" s="5"/>
      <c r="Y2635" s="5"/>
      <c r="Z2635" s="5"/>
      <c r="AA2635" s="5"/>
      <c r="AB2635" s="5"/>
      <c r="AC2635" s="5"/>
      <c r="AD2635" s="5"/>
      <c r="AE2635" s="5"/>
      <c r="AF2635" s="5"/>
      <c r="AG2635" s="5"/>
      <c r="AH2635" s="5"/>
      <c r="AI2635" s="5"/>
    </row>
    <row r="2636" spans="1:35" ht="27.75" customHeight="1" x14ac:dyDescent="0.4">
      <c r="A2636" s="13" t="s">
        <v>3503</v>
      </c>
      <c r="B2636" s="9" t="s">
        <v>5177</v>
      </c>
      <c r="C2636" s="9" t="s">
        <v>5178</v>
      </c>
      <c r="D2636" s="18">
        <v>1442540128</v>
      </c>
      <c r="E2636" s="11">
        <v>48457</v>
      </c>
      <c r="F2636" s="9" t="s">
        <v>83</v>
      </c>
      <c r="G2636" s="5">
        <v>2634</v>
      </c>
      <c r="H2636" s="12">
        <f t="shared" si="82"/>
        <v>13</v>
      </c>
      <c r="I2636" s="12">
        <f t="shared" si="83"/>
        <v>9</v>
      </c>
      <c r="J2636" s="5"/>
      <c r="K2636" s="5"/>
      <c r="L2636" s="5"/>
      <c r="M2636" s="5"/>
      <c r="N2636" s="5"/>
      <c r="O2636" s="5"/>
      <c r="P2636" s="5"/>
      <c r="Q2636" s="5"/>
      <c r="R2636" s="5"/>
      <c r="S2636" s="5"/>
      <c r="T2636" s="5"/>
      <c r="U2636" s="5"/>
      <c r="V2636" s="5"/>
      <c r="W2636" s="5"/>
      <c r="X2636" s="5"/>
      <c r="Y2636" s="5"/>
      <c r="Z2636" s="5"/>
      <c r="AA2636" s="5"/>
      <c r="AB2636" s="5"/>
      <c r="AC2636" s="5"/>
      <c r="AD2636" s="5"/>
      <c r="AE2636" s="5"/>
      <c r="AF2636" s="5"/>
      <c r="AG2636" s="5"/>
      <c r="AH2636" s="5"/>
      <c r="AI2636" s="5"/>
    </row>
    <row r="2637" spans="1:35" ht="27.75" customHeight="1" x14ac:dyDescent="0.4">
      <c r="A2637" s="9" t="s">
        <v>3503</v>
      </c>
      <c r="B2637" s="13" t="s">
        <v>5179</v>
      </c>
      <c r="C2637" s="9" t="s">
        <v>5180</v>
      </c>
      <c r="D2637" s="18">
        <v>1442540201</v>
      </c>
      <c r="E2637" s="11">
        <v>48244</v>
      </c>
      <c r="F2637" s="9" t="s">
        <v>83</v>
      </c>
      <c r="G2637" s="12">
        <v>2635</v>
      </c>
      <c r="H2637" s="12">
        <f t="shared" si="82"/>
        <v>12</v>
      </c>
      <c r="I2637" s="12">
        <f t="shared" si="83"/>
        <v>9</v>
      </c>
      <c r="J2637" s="5"/>
      <c r="K2637" s="5"/>
      <c r="L2637" s="5"/>
      <c r="M2637" s="5"/>
      <c r="N2637" s="5"/>
      <c r="O2637" s="5"/>
      <c r="P2637" s="5"/>
      <c r="Q2637" s="5"/>
      <c r="R2637" s="5"/>
      <c r="S2637" s="5"/>
      <c r="T2637" s="5"/>
      <c r="U2637" s="5"/>
      <c r="V2637" s="5"/>
      <c r="W2637" s="5"/>
      <c r="X2637" s="5"/>
      <c r="Y2637" s="5"/>
      <c r="Z2637" s="5"/>
      <c r="AA2637" s="5"/>
      <c r="AB2637" s="5"/>
      <c r="AC2637" s="5"/>
      <c r="AD2637" s="5"/>
      <c r="AE2637" s="5"/>
      <c r="AF2637" s="5"/>
      <c r="AG2637" s="5"/>
      <c r="AH2637" s="5"/>
      <c r="AI2637" s="5"/>
    </row>
    <row r="2638" spans="1:35" ht="27.75" customHeight="1" x14ac:dyDescent="0.4">
      <c r="A2638" s="9" t="s">
        <v>3503</v>
      </c>
      <c r="B2638" s="13" t="s">
        <v>5181</v>
      </c>
      <c r="C2638" s="9" t="s">
        <v>5182</v>
      </c>
      <c r="D2638" s="18">
        <v>1442540003</v>
      </c>
      <c r="E2638" s="11">
        <v>46387</v>
      </c>
      <c r="F2638" s="9" t="s">
        <v>83</v>
      </c>
      <c r="G2638" s="5">
        <v>2636</v>
      </c>
      <c r="H2638" s="12">
        <f t="shared" si="82"/>
        <v>11</v>
      </c>
      <c r="I2638" s="12">
        <f t="shared" si="83"/>
        <v>7</v>
      </c>
      <c r="J2638" s="5"/>
      <c r="K2638" s="5"/>
      <c r="L2638" s="5"/>
      <c r="M2638" s="5"/>
      <c r="N2638" s="5"/>
      <c r="O2638" s="5"/>
      <c r="P2638" s="5"/>
      <c r="Q2638" s="5"/>
      <c r="R2638" s="5"/>
      <c r="S2638" s="5"/>
      <c r="T2638" s="5"/>
      <c r="U2638" s="5"/>
      <c r="V2638" s="5"/>
      <c r="W2638" s="5"/>
      <c r="X2638" s="5"/>
      <c r="Y2638" s="5"/>
      <c r="Z2638" s="5"/>
      <c r="AA2638" s="5"/>
      <c r="AB2638" s="5"/>
      <c r="AC2638" s="5"/>
      <c r="AD2638" s="5"/>
      <c r="AE2638" s="5"/>
      <c r="AF2638" s="5"/>
      <c r="AG2638" s="5"/>
      <c r="AH2638" s="5"/>
      <c r="AI2638" s="5"/>
    </row>
    <row r="2639" spans="1:35" ht="27.75" customHeight="1" x14ac:dyDescent="0.4">
      <c r="A2639" s="9" t="s">
        <v>3503</v>
      </c>
      <c r="B2639" s="9" t="s">
        <v>5183</v>
      </c>
      <c r="C2639" s="9" t="s">
        <v>5184</v>
      </c>
      <c r="D2639" s="18">
        <v>1442500437</v>
      </c>
      <c r="E2639" s="11">
        <v>46387</v>
      </c>
      <c r="F2639" s="9" t="s">
        <v>83</v>
      </c>
      <c r="G2639" s="12">
        <v>2637</v>
      </c>
      <c r="H2639" s="12">
        <f t="shared" si="82"/>
        <v>20</v>
      </c>
      <c r="I2639" s="12">
        <f t="shared" si="83"/>
        <v>9</v>
      </c>
      <c r="J2639" s="5"/>
      <c r="K2639" s="5"/>
      <c r="L2639" s="5"/>
      <c r="M2639" s="5"/>
      <c r="N2639" s="5"/>
      <c r="O2639" s="5"/>
      <c r="P2639" s="5"/>
      <c r="Q2639" s="5"/>
      <c r="R2639" s="5"/>
      <c r="S2639" s="5"/>
      <c r="T2639" s="5"/>
      <c r="U2639" s="5"/>
      <c r="V2639" s="5"/>
      <c r="W2639" s="5"/>
      <c r="X2639" s="5"/>
      <c r="Y2639" s="5"/>
      <c r="Z2639" s="5"/>
      <c r="AA2639" s="5"/>
      <c r="AB2639" s="5"/>
      <c r="AC2639" s="5"/>
      <c r="AD2639" s="5"/>
      <c r="AE2639" s="5"/>
      <c r="AF2639" s="5"/>
      <c r="AG2639" s="5"/>
      <c r="AH2639" s="5"/>
      <c r="AI2639" s="5"/>
    </row>
    <row r="2640" spans="1:35" ht="27.75" customHeight="1" x14ac:dyDescent="0.4">
      <c r="A2640" s="13" t="s">
        <v>3503</v>
      </c>
      <c r="B2640" s="9" t="s">
        <v>5185</v>
      </c>
      <c r="C2640" s="49" t="s">
        <v>5186</v>
      </c>
      <c r="D2640" s="18">
        <v>1442580694</v>
      </c>
      <c r="E2640" s="11">
        <v>46387</v>
      </c>
      <c r="F2640" s="9" t="s">
        <v>83</v>
      </c>
      <c r="G2640" s="5">
        <v>2638</v>
      </c>
      <c r="H2640" s="12">
        <f t="shared" si="82"/>
        <v>33</v>
      </c>
      <c r="I2640" s="12">
        <f t="shared" si="83"/>
        <v>7</v>
      </c>
      <c r="J2640" s="5"/>
      <c r="K2640" s="5"/>
      <c r="L2640" s="5"/>
      <c r="M2640" s="5"/>
      <c r="N2640" s="5"/>
      <c r="O2640" s="5"/>
      <c r="P2640" s="5"/>
      <c r="Q2640" s="5"/>
      <c r="R2640" s="5"/>
      <c r="S2640" s="5"/>
      <c r="T2640" s="5"/>
      <c r="U2640" s="5"/>
      <c r="V2640" s="5"/>
      <c r="W2640" s="5"/>
      <c r="X2640" s="5"/>
      <c r="Y2640" s="5"/>
      <c r="Z2640" s="5"/>
      <c r="AA2640" s="5"/>
      <c r="AB2640" s="5"/>
      <c r="AC2640" s="5"/>
      <c r="AD2640" s="5"/>
      <c r="AE2640" s="5"/>
      <c r="AF2640" s="5"/>
      <c r="AG2640" s="5"/>
      <c r="AH2640" s="5"/>
      <c r="AI2640" s="5"/>
    </row>
    <row r="2641" spans="1:35" ht="27.75" customHeight="1" x14ac:dyDescent="0.4">
      <c r="A2641" s="9" t="s">
        <v>3503</v>
      </c>
      <c r="B2641" s="9" t="s">
        <v>5187</v>
      </c>
      <c r="C2641" s="9" t="s">
        <v>5188</v>
      </c>
      <c r="D2641" s="18">
        <v>1442540094</v>
      </c>
      <c r="E2641" s="11">
        <v>48334</v>
      </c>
      <c r="F2641" s="9" t="s">
        <v>83</v>
      </c>
      <c r="G2641" s="12">
        <v>2639</v>
      </c>
      <c r="H2641" s="12">
        <f t="shared" si="82"/>
        <v>10</v>
      </c>
      <c r="I2641" s="12">
        <f t="shared" si="83"/>
        <v>12</v>
      </c>
      <c r="J2641" s="5"/>
      <c r="K2641" s="5"/>
      <c r="L2641" s="5"/>
      <c r="M2641" s="5"/>
      <c r="N2641" s="5"/>
      <c r="O2641" s="5"/>
      <c r="P2641" s="5"/>
      <c r="Q2641" s="5"/>
      <c r="R2641" s="5"/>
      <c r="S2641" s="5"/>
      <c r="T2641" s="5"/>
      <c r="U2641" s="5"/>
      <c r="V2641" s="5"/>
      <c r="W2641" s="5"/>
      <c r="X2641" s="5"/>
      <c r="Y2641" s="5"/>
      <c r="Z2641" s="5"/>
      <c r="AA2641" s="5"/>
      <c r="AB2641" s="5"/>
      <c r="AC2641" s="5"/>
      <c r="AD2641" s="5"/>
      <c r="AE2641" s="5"/>
      <c r="AF2641" s="5"/>
      <c r="AG2641" s="5"/>
      <c r="AH2641" s="5"/>
      <c r="AI2641" s="5"/>
    </row>
    <row r="2642" spans="1:35" ht="27.75" customHeight="1" x14ac:dyDescent="0.4">
      <c r="A2642" s="13" t="s">
        <v>3503</v>
      </c>
      <c r="B2642" s="9" t="s">
        <v>5189</v>
      </c>
      <c r="C2642" s="9" t="s">
        <v>5190</v>
      </c>
      <c r="D2642" s="18">
        <v>1442580603</v>
      </c>
      <c r="E2642" s="11">
        <v>46387</v>
      </c>
      <c r="F2642" s="9" t="s">
        <v>83</v>
      </c>
      <c r="G2642" s="5">
        <v>2640</v>
      </c>
      <c r="H2642" s="12">
        <f t="shared" si="82"/>
        <v>11</v>
      </c>
      <c r="I2642" s="12">
        <f t="shared" si="83"/>
        <v>10</v>
      </c>
      <c r="J2642" s="5"/>
      <c r="K2642" s="5"/>
      <c r="L2642" s="5"/>
      <c r="M2642" s="5"/>
      <c r="N2642" s="5"/>
      <c r="O2642" s="5"/>
      <c r="P2642" s="5"/>
      <c r="Q2642" s="5"/>
      <c r="R2642" s="5"/>
      <c r="S2642" s="5"/>
      <c r="T2642" s="5"/>
      <c r="U2642" s="5"/>
      <c r="V2642" s="5"/>
      <c r="W2642" s="5"/>
      <c r="X2642" s="5"/>
      <c r="Y2642" s="5"/>
      <c r="Z2642" s="5"/>
      <c r="AA2642" s="5"/>
      <c r="AB2642" s="5"/>
      <c r="AC2642" s="5"/>
      <c r="AD2642" s="5"/>
      <c r="AE2642" s="5"/>
      <c r="AF2642" s="5"/>
      <c r="AG2642" s="5"/>
      <c r="AH2642" s="5"/>
      <c r="AI2642" s="5"/>
    </row>
    <row r="2643" spans="1:35" ht="27.75" customHeight="1" x14ac:dyDescent="0.4">
      <c r="A2643" s="13" t="s">
        <v>3503</v>
      </c>
      <c r="B2643" s="9" t="s">
        <v>5191</v>
      </c>
      <c r="C2643" s="9" t="s">
        <v>5192</v>
      </c>
      <c r="D2643" s="18">
        <v>1442500296</v>
      </c>
      <c r="E2643" s="11">
        <v>46387</v>
      </c>
      <c r="F2643" s="9" t="s">
        <v>83</v>
      </c>
      <c r="G2643" s="12">
        <v>2641</v>
      </c>
      <c r="H2643" s="12">
        <f t="shared" si="82"/>
        <v>11</v>
      </c>
      <c r="I2643" s="12">
        <f t="shared" si="83"/>
        <v>5</v>
      </c>
      <c r="J2643" s="5"/>
      <c r="K2643" s="5"/>
      <c r="L2643" s="5"/>
      <c r="M2643" s="5"/>
      <c r="N2643" s="5"/>
      <c r="O2643" s="5"/>
      <c r="P2643" s="5"/>
      <c r="Q2643" s="5"/>
      <c r="R2643" s="5"/>
      <c r="S2643" s="5"/>
      <c r="T2643" s="5"/>
      <c r="U2643" s="5"/>
      <c r="V2643" s="5"/>
      <c r="W2643" s="5"/>
      <c r="X2643" s="5"/>
      <c r="Y2643" s="5"/>
      <c r="Z2643" s="5"/>
      <c r="AA2643" s="5"/>
      <c r="AB2643" s="5"/>
      <c r="AC2643" s="5"/>
      <c r="AD2643" s="5"/>
      <c r="AE2643" s="5"/>
      <c r="AF2643" s="5"/>
      <c r="AG2643" s="5"/>
      <c r="AH2643" s="5"/>
      <c r="AI2643" s="5"/>
    </row>
    <row r="2644" spans="1:35" ht="27.75" customHeight="1" x14ac:dyDescent="0.4">
      <c r="A2644" s="9" t="s">
        <v>3503</v>
      </c>
      <c r="B2644" s="9" t="s">
        <v>5193</v>
      </c>
      <c r="C2644" s="9" t="s">
        <v>5194</v>
      </c>
      <c r="D2644" s="18">
        <v>1442540060</v>
      </c>
      <c r="E2644" s="11">
        <v>47664</v>
      </c>
      <c r="F2644" s="9" t="s">
        <v>83</v>
      </c>
      <c r="G2644" s="5">
        <v>2642</v>
      </c>
      <c r="H2644" s="12">
        <f t="shared" si="82"/>
        <v>10</v>
      </c>
      <c r="I2644" s="12">
        <f t="shared" si="83"/>
        <v>6</v>
      </c>
      <c r="J2644" s="24"/>
      <c r="K2644" s="24"/>
      <c r="L2644" s="24"/>
      <c r="M2644" s="5"/>
      <c r="N2644" s="5"/>
      <c r="O2644" s="5"/>
      <c r="P2644" s="5"/>
      <c r="Q2644" s="5"/>
      <c r="R2644" s="5"/>
      <c r="S2644" s="5"/>
      <c r="T2644" s="5"/>
      <c r="U2644" s="5"/>
      <c r="V2644" s="5"/>
      <c r="W2644" s="5"/>
      <c r="X2644" s="5"/>
      <c r="Y2644" s="5"/>
      <c r="Z2644" s="5"/>
      <c r="AA2644" s="5"/>
      <c r="AB2644" s="5"/>
      <c r="AC2644" s="5"/>
      <c r="AD2644" s="5"/>
      <c r="AE2644" s="5"/>
      <c r="AF2644" s="5"/>
      <c r="AG2644" s="5"/>
      <c r="AH2644" s="5"/>
      <c r="AI2644" s="5"/>
    </row>
    <row r="2645" spans="1:35" ht="27.75" customHeight="1" x14ac:dyDescent="0.4">
      <c r="A2645" s="13" t="s">
        <v>3503</v>
      </c>
      <c r="B2645" s="9" t="s">
        <v>5195</v>
      </c>
      <c r="C2645" s="9" t="s">
        <v>5196</v>
      </c>
      <c r="D2645" s="18">
        <v>1442540185</v>
      </c>
      <c r="E2645" s="11">
        <v>47391</v>
      </c>
      <c r="F2645" s="9" t="s">
        <v>83</v>
      </c>
      <c r="G2645" s="12">
        <v>2643</v>
      </c>
      <c r="H2645" s="12">
        <f t="shared" si="82"/>
        <v>15</v>
      </c>
      <c r="I2645" s="12">
        <f t="shared" si="83"/>
        <v>8</v>
      </c>
      <c r="J2645" s="5"/>
      <c r="K2645" s="5"/>
      <c r="L2645" s="5"/>
      <c r="M2645" s="5"/>
      <c r="N2645" s="5"/>
      <c r="O2645" s="5"/>
      <c r="P2645" s="5"/>
      <c r="Q2645" s="5"/>
      <c r="R2645" s="5"/>
      <c r="S2645" s="5"/>
      <c r="T2645" s="5"/>
      <c r="U2645" s="5"/>
      <c r="V2645" s="5"/>
      <c r="W2645" s="5"/>
      <c r="X2645" s="5"/>
      <c r="Y2645" s="5"/>
      <c r="Z2645" s="5"/>
      <c r="AA2645" s="5"/>
      <c r="AB2645" s="5"/>
      <c r="AC2645" s="5"/>
      <c r="AD2645" s="5"/>
      <c r="AE2645" s="5"/>
      <c r="AF2645" s="5"/>
      <c r="AG2645" s="5"/>
      <c r="AH2645" s="5"/>
      <c r="AI2645" s="5"/>
    </row>
    <row r="2646" spans="1:35" ht="27.75" customHeight="1" x14ac:dyDescent="0.4">
      <c r="A2646" s="9" t="s">
        <v>3503</v>
      </c>
      <c r="B2646" s="9" t="s">
        <v>5197</v>
      </c>
      <c r="C2646" s="9" t="s">
        <v>5198</v>
      </c>
      <c r="D2646" s="18">
        <v>1442580777</v>
      </c>
      <c r="E2646" s="11">
        <v>46387</v>
      </c>
      <c r="F2646" s="9" t="s">
        <v>83</v>
      </c>
      <c r="G2646" s="5">
        <v>2644</v>
      </c>
      <c r="H2646" s="12">
        <f t="shared" si="82"/>
        <v>21</v>
      </c>
      <c r="I2646" s="12">
        <f t="shared" si="83"/>
        <v>13</v>
      </c>
      <c r="J2646" s="5"/>
      <c r="K2646" s="5"/>
      <c r="L2646" s="5"/>
      <c r="M2646" s="5"/>
      <c r="N2646" s="5"/>
      <c r="O2646" s="5"/>
      <c r="P2646" s="5"/>
      <c r="Q2646" s="5"/>
      <c r="R2646" s="5"/>
      <c r="S2646" s="5"/>
      <c r="T2646" s="5"/>
      <c r="U2646" s="5"/>
      <c r="V2646" s="5"/>
      <c r="W2646" s="5"/>
      <c r="X2646" s="5"/>
      <c r="Y2646" s="5"/>
      <c r="Z2646" s="5"/>
      <c r="AA2646" s="5"/>
      <c r="AB2646" s="5"/>
      <c r="AC2646" s="5"/>
      <c r="AD2646" s="5"/>
      <c r="AE2646" s="5"/>
      <c r="AF2646" s="5"/>
      <c r="AG2646" s="5"/>
      <c r="AH2646" s="5"/>
      <c r="AI2646" s="5"/>
    </row>
    <row r="2647" spans="1:35" ht="27.75" customHeight="1" x14ac:dyDescent="0.4">
      <c r="A2647" s="13" t="s">
        <v>3503</v>
      </c>
      <c r="B2647" s="9" t="s">
        <v>5199</v>
      </c>
      <c r="C2647" s="9" t="s">
        <v>5200</v>
      </c>
      <c r="D2647" s="18">
        <v>1442540086</v>
      </c>
      <c r="E2647" s="11">
        <v>48121</v>
      </c>
      <c r="F2647" s="9" t="s">
        <v>83</v>
      </c>
      <c r="G2647" s="12">
        <v>2645</v>
      </c>
      <c r="H2647" s="12">
        <f t="shared" si="82"/>
        <v>13</v>
      </c>
      <c r="I2647" s="12">
        <f t="shared" si="83"/>
        <v>11</v>
      </c>
      <c r="J2647" s="5"/>
      <c r="K2647" s="5"/>
      <c r="L2647" s="5"/>
      <c r="M2647" s="5"/>
      <c r="N2647" s="5"/>
      <c r="O2647" s="5"/>
      <c r="P2647" s="5"/>
      <c r="Q2647" s="5"/>
      <c r="R2647" s="5"/>
      <c r="S2647" s="5"/>
      <c r="T2647" s="5"/>
      <c r="U2647" s="5"/>
      <c r="V2647" s="5"/>
      <c r="W2647" s="5"/>
      <c r="X2647" s="5"/>
      <c r="Y2647" s="5"/>
      <c r="Z2647" s="5"/>
      <c r="AA2647" s="5"/>
      <c r="AB2647" s="5"/>
      <c r="AC2647" s="5"/>
      <c r="AD2647" s="5"/>
      <c r="AE2647" s="5"/>
      <c r="AF2647" s="5"/>
      <c r="AG2647" s="5"/>
      <c r="AH2647" s="5"/>
      <c r="AI2647" s="5"/>
    </row>
    <row r="2648" spans="1:35" ht="27.75" customHeight="1" x14ac:dyDescent="0.4">
      <c r="A2648" s="13" t="s">
        <v>3503</v>
      </c>
      <c r="B2648" s="9" t="s">
        <v>5201</v>
      </c>
      <c r="C2648" s="9" t="s">
        <v>5202</v>
      </c>
      <c r="D2648" s="18">
        <v>1442500379</v>
      </c>
      <c r="E2648" s="11">
        <v>46387</v>
      </c>
      <c r="F2648" s="9" t="s">
        <v>83</v>
      </c>
      <c r="G2648" s="5">
        <v>2646</v>
      </c>
      <c r="H2648" s="12">
        <f t="shared" si="82"/>
        <v>15</v>
      </c>
      <c r="I2648" s="12">
        <f t="shared" si="83"/>
        <v>15</v>
      </c>
      <c r="J2648" s="5"/>
      <c r="K2648" s="5"/>
      <c r="L2648" s="5"/>
      <c r="M2648" s="5"/>
      <c r="N2648" s="5"/>
      <c r="O2648" s="5"/>
      <c r="P2648" s="5"/>
      <c r="Q2648" s="5"/>
      <c r="R2648" s="5"/>
      <c r="S2648" s="5"/>
      <c r="T2648" s="5"/>
      <c r="U2648" s="5"/>
      <c r="V2648" s="5"/>
      <c r="W2648" s="5"/>
      <c r="X2648" s="5"/>
      <c r="Y2648" s="5"/>
      <c r="Z2648" s="5"/>
      <c r="AA2648" s="5"/>
      <c r="AB2648" s="5"/>
      <c r="AC2648" s="5"/>
      <c r="AD2648" s="5"/>
      <c r="AE2648" s="5"/>
      <c r="AF2648" s="5"/>
      <c r="AG2648" s="5"/>
      <c r="AH2648" s="5"/>
      <c r="AI2648" s="5"/>
    </row>
    <row r="2649" spans="1:35" ht="27.75" customHeight="1" x14ac:dyDescent="0.4">
      <c r="A2649" s="9" t="s">
        <v>3503</v>
      </c>
      <c r="B2649" s="9" t="s">
        <v>3785</v>
      </c>
      <c r="C2649" s="9" t="s">
        <v>5203</v>
      </c>
      <c r="D2649" s="18">
        <v>1442580660</v>
      </c>
      <c r="E2649" s="11">
        <v>47057</v>
      </c>
      <c r="F2649" s="9" t="s">
        <v>83</v>
      </c>
      <c r="G2649" s="12">
        <v>2647</v>
      </c>
      <c r="H2649" s="12">
        <f t="shared" si="82"/>
        <v>11</v>
      </c>
      <c r="I2649" s="12">
        <f t="shared" si="83"/>
        <v>7</v>
      </c>
    </row>
    <row r="2650" spans="1:35" ht="27.75" customHeight="1" x14ac:dyDescent="0.4">
      <c r="A2650" s="16" t="s">
        <v>3503</v>
      </c>
      <c r="B2650" s="15" t="s">
        <v>5204</v>
      </c>
      <c r="C2650" s="16" t="s">
        <v>5205</v>
      </c>
      <c r="D2650" s="10">
        <v>1442580637</v>
      </c>
      <c r="E2650" s="11">
        <v>46387</v>
      </c>
      <c r="F2650" s="9" t="s">
        <v>83</v>
      </c>
      <c r="G2650" s="5">
        <v>2648</v>
      </c>
      <c r="H2650" s="12">
        <f t="shared" si="82"/>
        <v>11</v>
      </c>
      <c r="I2650" s="12">
        <f t="shared" si="83"/>
        <v>9</v>
      </c>
      <c r="J2650" s="5"/>
      <c r="K2650" s="5"/>
      <c r="L2650" s="5"/>
      <c r="M2650" s="5"/>
      <c r="N2650" s="5"/>
      <c r="O2650" s="5"/>
      <c r="P2650" s="5"/>
      <c r="Q2650" s="5"/>
      <c r="R2650" s="5"/>
      <c r="S2650" s="5"/>
      <c r="T2650" s="5"/>
      <c r="U2650" s="5"/>
      <c r="V2650" s="5"/>
      <c r="W2650" s="5"/>
      <c r="X2650" s="5"/>
      <c r="Y2650" s="5"/>
      <c r="Z2650" s="5"/>
      <c r="AA2650" s="5"/>
      <c r="AB2650" s="5"/>
      <c r="AC2650" s="5"/>
      <c r="AD2650" s="5"/>
      <c r="AE2650" s="5"/>
      <c r="AF2650" s="5"/>
      <c r="AG2650" s="5"/>
      <c r="AH2650" s="5"/>
      <c r="AI2650" s="5"/>
    </row>
    <row r="2651" spans="1:35" ht="27.75" customHeight="1" x14ac:dyDescent="0.4">
      <c r="A2651" s="13" t="s">
        <v>3503</v>
      </c>
      <c r="B2651" s="9" t="s">
        <v>5206</v>
      </c>
      <c r="C2651" s="9" t="s">
        <v>5207</v>
      </c>
      <c r="D2651" s="18">
        <v>1442540037</v>
      </c>
      <c r="E2651" s="11">
        <v>47269</v>
      </c>
      <c r="F2651" s="9" t="s">
        <v>83</v>
      </c>
      <c r="G2651" s="12">
        <v>2649</v>
      </c>
      <c r="H2651" s="12">
        <f t="shared" si="82"/>
        <v>11</v>
      </c>
      <c r="I2651" s="12">
        <f t="shared" si="83"/>
        <v>15</v>
      </c>
      <c r="J2651" s="5"/>
      <c r="K2651" s="5"/>
      <c r="L2651" s="5"/>
      <c r="M2651" s="5"/>
      <c r="N2651" s="5"/>
      <c r="O2651" s="5"/>
      <c r="P2651" s="5"/>
      <c r="Q2651" s="5"/>
      <c r="R2651" s="5"/>
      <c r="S2651" s="5"/>
      <c r="T2651" s="5"/>
      <c r="U2651" s="5"/>
      <c r="V2651" s="5"/>
      <c r="W2651" s="5"/>
      <c r="X2651" s="5"/>
      <c r="Y2651" s="5"/>
      <c r="Z2651" s="5"/>
      <c r="AA2651" s="5"/>
      <c r="AB2651" s="5"/>
      <c r="AC2651" s="5"/>
      <c r="AD2651" s="5"/>
      <c r="AE2651" s="5"/>
      <c r="AF2651" s="5"/>
      <c r="AG2651" s="5"/>
      <c r="AH2651" s="5"/>
      <c r="AI2651" s="5"/>
    </row>
    <row r="2652" spans="1:35" ht="27.75" customHeight="1" x14ac:dyDescent="0.4">
      <c r="A2652" s="9" t="s">
        <v>3503</v>
      </c>
      <c r="B2652" s="9" t="s">
        <v>5208</v>
      </c>
      <c r="C2652" s="9" t="s">
        <v>5209</v>
      </c>
      <c r="D2652" s="18">
        <v>1442580579</v>
      </c>
      <c r="E2652" s="11">
        <v>46387</v>
      </c>
      <c r="F2652" s="9" t="s">
        <v>83</v>
      </c>
      <c r="G2652" s="5">
        <v>2650</v>
      </c>
      <c r="H2652" s="12">
        <f t="shared" si="82"/>
        <v>10</v>
      </c>
      <c r="I2652" s="12">
        <f t="shared" si="83"/>
        <v>13</v>
      </c>
      <c r="J2652" s="5"/>
      <c r="K2652" s="5"/>
      <c r="L2652" s="5"/>
      <c r="M2652" s="5"/>
      <c r="N2652" s="5"/>
      <c r="O2652" s="5"/>
      <c r="P2652" s="5"/>
      <c r="Q2652" s="5"/>
      <c r="R2652" s="5"/>
      <c r="S2652" s="5"/>
      <c r="T2652" s="5"/>
      <c r="U2652" s="5"/>
      <c r="V2652" s="5"/>
      <c r="W2652" s="5"/>
      <c r="X2652" s="5"/>
      <c r="Y2652" s="5"/>
      <c r="Z2652" s="5"/>
      <c r="AA2652" s="5"/>
      <c r="AB2652" s="5"/>
      <c r="AC2652" s="5"/>
      <c r="AD2652" s="5"/>
      <c r="AE2652" s="5"/>
      <c r="AF2652" s="5"/>
      <c r="AG2652" s="5"/>
      <c r="AH2652" s="5"/>
      <c r="AI2652" s="5"/>
    </row>
    <row r="2653" spans="1:35" ht="27.75" customHeight="1" x14ac:dyDescent="0.4">
      <c r="A2653" s="9" t="s">
        <v>3503</v>
      </c>
      <c r="B2653" s="9" t="s">
        <v>5210</v>
      </c>
      <c r="C2653" s="9" t="s">
        <v>5211</v>
      </c>
      <c r="D2653" s="18">
        <v>1442540177</v>
      </c>
      <c r="E2653" s="11">
        <v>47330</v>
      </c>
      <c r="F2653" s="9" t="s">
        <v>83</v>
      </c>
      <c r="G2653" s="12">
        <v>2651</v>
      </c>
      <c r="H2653" s="12">
        <f t="shared" si="82"/>
        <v>11</v>
      </c>
      <c r="I2653" s="12">
        <f t="shared" si="83"/>
        <v>7</v>
      </c>
      <c r="J2653" s="5"/>
      <c r="K2653" s="5"/>
      <c r="L2653" s="5"/>
      <c r="M2653" s="5"/>
      <c r="N2653" s="5"/>
      <c r="O2653" s="5"/>
      <c r="P2653" s="5"/>
      <c r="Q2653" s="5"/>
      <c r="R2653" s="5"/>
      <c r="S2653" s="5"/>
      <c r="T2653" s="5"/>
      <c r="U2653" s="5"/>
      <c r="V2653" s="5"/>
      <c r="W2653" s="5"/>
      <c r="X2653" s="5"/>
      <c r="Y2653" s="5"/>
      <c r="Z2653" s="5"/>
      <c r="AA2653" s="5"/>
      <c r="AB2653" s="5"/>
      <c r="AC2653" s="5"/>
      <c r="AD2653" s="5"/>
      <c r="AE2653" s="5"/>
      <c r="AF2653" s="5"/>
      <c r="AG2653" s="5"/>
      <c r="AH2653" s="5"/>
      <c r="AI2653" s="5"/>
    </row>
    <row r="2654" spans="1:35" ht="27.75" customHeight="1" x14ac:dyDescent="0.4">
      <c r="A2654" s="13" t="s">
        <v>3503</v>
      </c>
      <c r="B2654" s="9" t="s">
        <v>5212</v>
      </c>
      <c r="C2654" s="9" t="s">
        <v>5213</v>
      </c>
      <c r="D2654" s="18">
        <v>1442580678</v>
      </c>
      <c r="E2654" s="11">
        <v>46387</v>
      </c>
      <c r="F2654" s="9" t="s">
        <v>83</v>
      </c>
      <c r="G2654" s="5">
        <v>2652</v>
      </c>
      <c r="H2654" s="12">
        <f t="shared" si="82"/>
        <v>24</v>
      </c>
      <c r="I2654" s="12">
        <f t="shared" si="83"/>
        <v>6</v>
      </c>
      <c r="J2654" s="5"/>
      <c r="K2654" s="5"/>
      <c r="L2654" s="5"/>
      <c r="M2654" s="5"/>
      <c r="N2654" s="5"/>
      <c r="O2654" s="5"/>
      <c r="P2654" s="5"/>
      <c r="Q2654" s="5"/>
      <c r="R2654" s="5"/>
      <c r="S2654" s="5"/>
      <c r="T2654" s="5"/>
      <c r="U2654" s="5"/>
      <c r="V2654" s="5"/>
      <c r="W2654" s="5"/>
      <c r="X2654" s="5"/>
      <c r="Y2654" s="5"/>
      <c r="Z2654" s="5"/>
      <c r="AA2654" s="5"/>
      <c r="AB2654" s="5"/>
      <c r="AC2654" s="5"/>
      <c r="AD2654" s="5"/>
      <c r="AE2654" s="5"/>
      <c r="AF2654" s="5"/>
      <c r="AG2654" s="5"/>
      <c r="AH2654" s="5"/>
      <c r="AI2654" s="5"/>
    </row>
    <row r="2655" spans="1:35" ht="27.75" customHeight="1" x14ac:dyDescent="0.4">
      <c r="A2655" s="9" t="s">
        <v>3503</v>
      </c>
      <c r="B2655" s="9" t="s">
        <v>5214</v>
      </c>
      <c r="C2655" s="9" t="s">
        <v>5215</v>
      </c>
      <c r="D2655" s="18">
        <v>1442540078</v>
      </c>
      <c r="E2655" s="11">
        <v>47756</v>
      </c>
      <c r="F2655" s="9" t="s">
        <v>83</v>
      </c>
      <c r="G2655" s="12">
        <v>2653</v>
      </c>
      <c r="H2655" s="12">
        <f t="shared" si="82"/>
        <v>11</v>
      </c>
      <c r="I2655" s="12">
        <f t="shared" si="83"/>
        <v>10</v>
      </c>
      <c r="J2655" s="5"/>
      <c r="K2655" s="5"/>
      <c r="L2655" s="5"/>
      <c r="M2655" s="5"/>
      <c r="N2655" s="5"/>
      <c r="O2655" s="5"/>
      <c r="P2655" s="5"/>
      <c r="Q2655" s="5"/>
      <c r="R2655" s="5"/>
      <c r="S2655" s="5"/>
      <c r="T2655" s="5"/>
      <c r="U2655" s="5"/>
      <c r="V2655" s="5"/>
      <c r="W2655" s="5"/>
      <c r="X2655" s="5"/>
      <c r="Y2655" s="5"/>
      <c r="Z2655" s="5"/>
      <c r="AA2655" s="5"/>
      <c r="AB2655" s="5"/>
      <c r="AC2655" s="5"/>
      <c r="AD2655" s="5"/>
      <c r="AE2655" s="5"/>
      <c r="AF2655" s="5"/>
      <c r="AG2655" s="5"/>
      <c r="AH2655" s="5"/>
      <c r="AI2655" s="5"/>
    </row>
    <row r="2656" spans="1:35" ht="27.75" customHeight="1" x14ac:dyDescent="0.4">
      <c r="A2656" s="9" t="s">
        <v>3503</v>
      </c>
      <c r="B2656" s="9" t="s">
        <v>5216</v>
      </c>
      <c r="C2656" s="9" t="s">
        <v>5217</v>
      </c>
      <c r="D2656" s="18">
        <v>1442540136</v>
      </c>
      <c r="E2656" s="11">
        <v>46326</v>
      </c>
      <c r="F2656" s="9" t="s">
        <v>83</v>
      </c>
      <c r="G2656" s="5">
        <v>2654</v>
      </c>
      <c r="H2656" s="12">
        <f t="shared" si="82"/>
        <v>13</v>
      </c>
      <c r="I2656" s="12">
        <f t="shared" si="83"/>
        <v>15</v>
      </c>
      <c r="J2656" s="5"/>
      <c r="K2656" s="5"/>
      <c r="L2656" s="5"/>
      <c r="M2656" s="5"/>
      <c r="N2656" s="5"/>
      <c r="O2656" s="5"/>
      <c r="P2656" s="5"/>
      <c r="Q2656" s="5"/>
      <c r="R2656" s="5"/>
      <c r="S2656" s="5"/>
      <c r="T2656" s="5"/>
      <c r="U2656" s="5"/>
      <c r="V2656" s="5"/>
      <c r="W2656" s="5"/>
      <c r="X2656" s="5"/>
      <c r="Y2656" s="5"/>
      <c r="Z2656" s="5"/>
      <c r="AA2656" s="5"/>
      <c r="AB2656" s="5"/>
      <c r="AC2656" s="5"/>
      <c r="AD2656" s="5"/>
      <c r="AE2656" s="5"/>
      <c r="AF2656" s="5"/>
      <c r="AG2656" s="5"/>
      <c r="AH2656" s="5"/>
      <c r="AI2656" s="5"/>
    </row>
    <row r="2657" spans="1:35" ht="27.75" customHeight="1" x14ac:dyDescent="0.4">
      <c r="A2657" s="9" t="s">
        <v>3503</v>
      </c>
      <c r="B2657" s="9" t="s">
        <v>5218</v>
      </c>
      <c r="C2657" s="9" t="s">
        <v>5219</v>
      </c>
      <c r="D2657" s="18">
        <v>1442580645</v>
      </c>
      <c r="E2657" s="11">
        <v>46387</v>
      </c>
      <c r="F2657" s="9" t="s">
        <v>83</v>
      </c>
      <c r="G2657" s="12">
        <v>2655</v>
      </c>
      <c r="H2657" s="12">
        <f t="shared" si="82"/>
        <v>11</v>
      </c>
      <c r="I2657" s="12">
        <f t="shared" si="83"/>
        <v>9</v>
      </c>
      <c r="J2657" s="5"/>
      <c r="K2657" s="5"/>
      <c r="L2657" s="5"/>
      <c r="M2657" s="5"/>
      <c r="N2657" s="5"/>
      <c r="O2657" s="5"/>
      <c r="P2657" s="5"/>
      <c r="Q2657" s="5"/>
      <c r="R2657" s="5"/>
      <c r="S2657" s="5"/>
      <c r="T2657" s="5"/>
      <c r="U2657" s="5"/>
      <c r="V2657" s="5"/>
      <c r="W2657" s="5"/>
      <c r="X2657" s="5"/>
      <c r="Y2657" s="5"/>
      <c r="Z2657" s="5"/>
      <c r="AA2657" s="5"/>
      <c r="AB2657" s="5"/>
      <c r="AC2657" s="5"/>
      <c r="AD2657" s="5"/>
      <c r="AE2657" s="5"/>
      <c r="AF2657" s="5"/>
      <c r="AG2657" s="5"/>
      <c r="AH2657" s="5"/>
      <c r="AI2657" s="5"/>
    </row>
    <row r="2658" spans="1:35" ht="27.75" customHeight="1" x14ac:dyDescent="0.4">
      <c r="A2658" s="13" t="s">
        <v>3503</v>
      </c>
      <c r="B2658" s="9" t="s">
        <v>5220</v>
      </c>
      <c r="C2658" s="9" t="s">
        <v>5221</v>
      </c>
      <c r="D2658" s="18">
        <v>1442540151</v>
      </c>
      <c r="E2658" s="11">
        <v>47149</v>
      </c>
      <c r="F2658" s="9" t="s">
        <v>83</v>
      </c>
      <c r="G2658" s="5">
        <v>2656</v>
      </c>
      <c r="H2658" s="12">
        <f t="shared" si="82"/>
        <v>25</v>
      </c>
      <c r="I2658" s="12">
        <f t="shared" si="83"/>
        <v>8</v>
      </c>
      <c r="J2658" s="5"/>
      <c r="K2658" s="5"/>
      <c r="L2658" s="5"/>
      <c r="M2658" s="5"/>
      <c r="N2658" s="5"/>
      <c r="O2658" s="5"/>
      <c r="P2658" s="5"/>
      <c r="Q2658" s="5"/>
      <c r="R2658" s="5"/>
      <c r="S2658" s="5"/>
      <c r="T2658" s="5"/>
      <c r="U2658" s="5"/>
      <c r="V2658" s="5"/>
      <c r="W2658" s="5"/>
      <c r="X2658" s="5"/>
      <c r="Y2658" s="5"/>
      <c r="Z2658" s="5"/>
      <c r="AA2658" s="5"/>
      <c r="AB2658" s="5"/>
      <c r="AC2658" s="5"/>
      <c r="AD2658" s="5"/>
      <c r="AE2658" s="5"/>
      <c r="AF2658" s="5"/>
      <c r="AG2658" s="5"/>
      <c r="AH2658" s="5"/>
      <c r="AI2658" s="5"/>
    </row>
    <row r="2659" spans="1:35" ht="27.75" customHeight="1" x14ac:dyDescent="0.4">
      <c r="A2659" s="9" t="s">
        <v>3503</v>
      </c>
      <c r="B2659" s="9" t="s">
        <v>5222</v>
      </c>
      <c r="C2659" s="9" t="s">
        <v>5223</v>
      </c>
      <c r="D2659" s="18">
        <v>1442540052</v>
      </c>
      <c r="E2659" s="11">
        <v>48121</v>
      </c>
      <c r="F2659" s="9" t="s">
        <v>83</v>
      </c>
      <c r="G2659" s="12">
        <v>2657</v>
      </c>
      <c r="H2659" s="12">
        <f t="shared" si="82"/>
        <v>23</v>
      </c>
      <c r="I2659" s="12">
        <f t="shared" si="83"/>
        <v>8</v>
      </c>
      <c r="J2659" s="5"/>
      <c r="K2659" s="5"/>
      <c r="L2659" s="5"/>
      <c r="M2659" s="5"/>
      <c r="N2659" s="5"/>
      <c r="O2659" s="5"/>
      <c r="P2659" s="5"/>
      <c r="Q2659" s="5"/>
      <c r="R2659" s="5"/>
      <c r="S2659" s="5"/>
      <c r="T2659" s="5"/>
      <c r="U2659" s="5"/>
      <c r="V2659" s="5"/>
      <c r="W2659" s="5"/>
      <c r="X2659" s="5"/>
      <c r="Y2659" s="5"/>
      <c r="Z2659" s="5"/>
      <c r="AA2659" s="5"/>
      <c r="AB2659" s="5"/>
      <c r="AC2659" s="5"/>
      <c r="AD2659" s="5"/>
      <c r="AE2659" s="5"/>
      <c r="AF2659" s="5"/>
      <c r="AG2659" s="5"/>
      <c r="AH2659" s="5"/>
      <c r="AI2659" s="5"/>
    </row>
    <row r="2660" spans="1:35" ht="27.75" customHeight="1" x14ac:dyDescent="0.4">
      <c r="A2660" s="9" t="s">
        <v>3503</v>
      </c>
      <c r="B2660" s="9" t="s">
        <v>5224</v>
      </c>
      <c r="C2660" s="9" t="s">
        <v>5225</v>
      </c>
      <c r="D2660" s="18">
        <v>1442580728</v>
      </c>
      <c r="E2660" s="11">
        <v>46387</v>
      </c>
      <c r="F2660" s="9" t="s">
        <v>83</v>
      </c>
      <c r="G2660" s="5">
        <v>2658</v>
      </c>
      <c r="H2660" s="12">
        <f t="shared" si="82"/>
        <v>11</v>
      </c>
      <c r="I2660" s="12">
        <f t="shared" si="83"/>
        <v>10</v>
      </c>
      <c r="J2660" s="5"/>
      <c r="K2660" s="5"/>
      <c r="L2660" s="5"/>
      <c r="M2660" s="5"/>
      <c r="N2660" s="5"/>
      <c r="O2660" s="5"/>
      <c r="P2660" s="5"/>
      <c r="Q2660" s="5"/>
      <c r="R2660" s="5"/>
      <c r="S2660" s="5"/>
      <c r="T2660" s="5"/>
      <c r="U2660" s="5"/>
      <c r="V2660" s="5"/>
      <c r="W2660" s="5"/>
      <c r="X2660" s="5"/>
      <c r="Y2660" s="5"/>
      <c r="Z2660" s="5"/>
      <c r="AA2660" s="5"/>
      <c r="AB2660" s="5"/>
      <c r="AC2660" s="5"/>
      <c r="AD2660" s="5"/>
      <c r="AE2660" s="5"/>
      <c r="AF2660" s="5"/>
      <c r="AG2660" s="5"/>
      <c r="AH2660" s="5"/>
      <c r="AI2660" s="5"/>
    </row>
    <row r="2661" spans="1:35" ht="27.75" customHeight="1" x14ac:dyDescent="0.4">
      <c r="A2661" s="17" t="s">
        <v>3503</v>
      </c>
      <c r="B2661" s="9" t="s">
        <v>5226</v>
      </c>
      <c r="C2661" s="9" t="s">
        <v>5227</v>
      </c>
      <c r="D2661" s="18">
        <v>1442740678</v>
      </c>
      <c r="E2661" s="11">
        <v>48457</v>
      </c>
      <c r="F2661" s="9" t="s">
        <v>1760</v>
      </c>
      <c r="G2661" s="12">
        <v>2659</v>
      </c>
      <c r="H2661" s="12">
        <f t="shared" si="82"/>
        <v>10</v>
      </c>
      <c r="I2661" s="12">
        <f t="shared" si="83"/>
        <v>5</v>
      </c>
      <c r="J2661" s="5"/>
      <c r="K2661" s="5"/>
      <c r="L2661" s="5"/>
      <c r="M2661" s="5"/>
      <c r="N2661" s="5"/>
      <c r="O2661" s="5"/>
      <c r="P2661" s="5"/>
      <c r="Q2661" s="5"/>
      <c r="R2661" s="5"/>
      <c r="S2661" s="5"/>
      <c r="T2661" s="5"/>
      <c r="U2661" s="5"/>
      <c r="V2661" s="5"/>
      <c r="W2661" s="5"/>
      <c r="X2661" s="5"/>
      <c r="Y2661" s="5"/>
      <c r="Z2661" s="5"/>
      <c r="AA2661" s="5"/>
      <c r="AB2661" s="5"/>
      <c r="AC2661" s="5"/>
      <c r="AD2661" s="5"/>
      <c r="AE2661" s="5"/>
      <c r="AF2661" s="5"/>
      <c r="AG2661" s="5"/>
      <c r="AH2661" s="5"/>
      <c r="AI2661" s="5"/>
    </row>
    <row r="2662" spans="1:35" ht="27.75" customHeight="1" x14ac:dyDescent="0.4">
      <c r="A2662" s="9" t="s">
        <v>3503</v>
      </c>
      <c r="B2662" s="9" t="s">
        <v>5228</v>
      </c>
      <c r="C2662" s="9" t="s">
        <v>5229</v>
      </c>
      <c r="D2662" s="18">
        <v>1442700094</v>
      </c>
      <c r="E2662" s="11">
        <v>46387</v>
      </c>
      <c r="F2662" s="9" t="s">
        <v>1760</v>
      </c>
      <c r="G2662" s="5">
        <v>2660</v>
      </c>
      <c r="H2662" s="12">
        <f t="shared" si="82"/>
        <v>12</v>
      </c>
      <c r="I2662" s="12">
        <f t="shared" si="83"/>
        <v>9</v>
      </c>
      <c r="J2662" s="5"/>
      <c r="K2662" s="5"/>
      <c r="L2662" s="5"/>
      <c r="M2662" s="5"/>
      <c r="N2662" s="5"/>
      <c r="O2662" s="5"/>
      <c r="P2662" s="5"/>
      <c r="Q2662" s="5"/>
      <c r="R2662" s="5"/>
      <c r="S2662" s="5"/>
      <c r="T2662" s="5"/>
      <c r="U2662" s="5"/>
      <c r="V2662" s="5"/>
      <c r="W2662" s="5"/>
      <c r="X2662" s="5"/>
      <c r="Y2662" s="5"/>
      <c r="Z2662" s="5"/>
      <c r="AA2662" s="5"/>
      <c r="AB2662" s="5"/>
      <c r="AC2662" s="5"/>
      <c r="AD2662" s="5"/>
      <c r="AE2662" s="5"/>
      <c r="AF2662" s="5"/>
      <c r="AG2662" s="5"/>
      <c r="AH2662" s="5"/>
      <c r="AI2662" s="5"/>
    </row>
    <row r="2663" spans="1:35" ht="27.75" customHeight="1" x14ac:dyDescent="0.4">
      <c r="A2663" s="9" t="s">
        <v>3503</v>
      </c>
      <c r="B2663" s="9" t="s">
        <v>5230</v>
      </c>
      <c r="C2663" s="9" t="s">
        <v>5231</v>
      </c>
      <c r="D2663" s="26">
        <v>1442740710</v>
      </c>
      <c r="E2663" s="11">
        <v>47542</v>
      </c>
      <c r="F2663" s="9" t="s">
        <v>1760</v>
      </c>
      <c r="G2663" s="12">
        <v>2661</v>
      </c>
      <c r="H2663" s="12">
        <f t="shared" si="82"/>
        <v>13</v>
      </c>
      <c r="I2663" s="12">
        <f t="shared" si="83"/>
        <v>13</v>
      </c>
      <c r="J2663" s="5"/>
      <c r="K2663" s="5"/>
      <c r="L2663" s="5"/>
      <c r="M2663" s="5"/>
      <c r="N2663" s="5"/>
      <c r="O2663" s="5"/>
      <c r="P2663" s="5"/>
      <c r="Q2663" s="5"/>
      <c r="R2663" s="5"/>
      <c r="S2663" s="5"/>
      <c r="T2663" s="5"/>
      <c r="U2663" s="5"/>
      <c r="V2663" s="5"/>
      <c r="W2663" s="5"/>
      <c r="X2663" s="5"/>
      <c r="Y2663" s="5"/>
      <c r="Z2663" s="5"/>
      <c r="AA2663" s="5"/>
      <c r="AB2663" s="5"/>
      <c r="AC2663" s="5"/>
      <c r="AD2663" s="5"/>
      <c r="AE2663" s="5"/>
      <c r="AF2663" s="5"/>
      <c r="AG2663" s="5"/>
      <c r="AH2663" s="5"/>
      <c r="AI2663" s="5"/>
    </row>
    <row r="2664" spans="1:35" ht="27.75" customHeight="1" x14ac:dyDescent="0.4">
      <c r="A2664" s="9" t="s">
        <v>3503</v>
      </c>
      <c r="B2664" s="9" t="s">
        <v>5232</v>
      </c>
      <c r="C2664" s="9" t="s">
        <v>5233</v>
      </c>
      <c r="D2664" s="18">
        <v>1442700201</v>
      </c>
      <c r="E2664" s="11">
        <v>46387</v>
      </c>
      <c r="F2664" s="9" t="s">
        <v>1760</v>
      </c>
      <c r="G2664" s="5">
        <v>2662</v>
      </c>
      <c r="H2664" s="12">
        <f t="shared" si="82"/>
        <v>11</v>
      </c>
      <c r="I2664" s="12">
        <f t="shared" si="83"/>
        <v>12</v>
      </c>
      <c r="J2664" s="5"/>
      <c r="K2664" s="5"/>
      <c r="L2664" s="5"/>
      <c r="M2664" s="5"/>
      <c r="N2664" s="5"/>
      <c r="O2664" s="5"/>
      <c r="P2664" s="5"/>
      <c r="Q2664" s="5"/>
      <c r="R2664" s="5"/>
      <c r="S2664" s="5"/>
      <c r="T2664" s="5"/>
      <c r="U2664" s="5"/>
      <c r="V2664" s="5"/>
      <c r="W2664" s="5"/>
      <c r="X2664" s="5"/>
      <c r="Y2664" s="5"/>
      <c r="Z2664" s="5"/>
      <c r="AA2664" s="5"/>
      <c r="AB2664" s="5"/>
      <c r="AC2664" s="5"/>
      <c r="AD2664" s="5"/>
      <c r="AE2664" s="5"/>
      <c r="AF2664" s="5"/>
      <c r="AG2664" s="5"/>
      <c r="AH2664" s="5"/>
      <c r="AI2664" s="5"/>
    </row>
    <row r="2665" spans="1:35" ht="27.75" customHeight="1" x14ac:dyDescent="0.4">
      <c r="A2665" s="9" t="s">
        <v>3503</v>
      </c>
      <c r="B2665" s="9" t="s">
        <v>5234</v>
      </c>
      <c r="C2665" s="9" t="s">
        <v>5235</v>
      </c>
      <c r="D2665" s="18">
        <v>1442740736</v>
      </c>
      <c r="E2665" s="11">
        <v>48152</v>
      </c>
      <c r="F2665" s="9" t="s">
        <v>1760</v>
      </c>
      <c r="G2665" s="12">
        <v>2663</v>
      </c>
      <c r="H2665" s="12">
        <f t="shared" si="82"/>
        <v>15</v>
      </c>
      <c r="I2665" s="12">
        <f t="shared" si="83"/>
        <v>21</v>
      </c>
      <c r="J2665" s="5"/>
      <c r="K2665" s="5"/>
      <c r="L2665" s="5"/>
      <c r="M2665" s="5"/>
      <c r="N2665" s="5"/>
      <c r="O2665" s="5"/>
      <c r="P2665" s="5"/>
      <c r="Q2665" s="5"/>
      <c r="R2665" s="5"/>
      <c r="S2665" s="5"/>
      <c r="T2665" s="5"/>
      <c r="U2665" s="5"/>
      <c r="V2665" s="5"/>
      <c r="W2665" s="5"/>
      <c r="X2665" s="5"/>
      <c r="Y2665" s="5"/>
      <c r="Z2665" s="5"/>
      <c r="AA2665" s="5"/>
      <c r="AB2665" s="5"/>
      <c r="AC2665" s="5"/>
      <c r="AD2665" s="5"/>
      <c r="AE2665" s="5"/>
      <c r="AF2665" s="5"/>
      <c r="AG2665" s="5"/>
      <c r="AH2665" s="5"/>
      <c r="AI2665" s="5"/>
    </row>
    <row r="2666" spans="1:35" ht="27.75" customHeight="1" x14ac:dyDescent="0.4">
      <c r="A2666" s="15" t="s">
        <v>3503</v>
      </c>
      <c r="B2666" s="15" t="s">
        <v>5236</v>
      </c>
      <c r="C2666" s="16" t="s">
        <v>1764</v>
      </c>
      <c r="D2666" s="10">
        <v>1442740694</v>
      </c>
      <c r="E2666" s="27">
        <v>48091</v>
      </c>
      <c r="F2666" s="9" t="s">
        <v>1760</v>
      </c>
      <c r="G2666" s="5">
        <v>2664</v>
      </c>
      <c r="H2666" s="12">
        <f t="shared" si="82"/>
        <v>13</v>
      </c>
      <c r="I2666" s="12">
        <f t="shared" si="83"/>
        <v>6</v>
      </c>
      <c r="J2666" s="5"/>
      <c r="K2666" s="5"/>
      <c r="L2666" s="5"/>
      <c r="M2666" s="5"/>
      <c r="N2666" s="5"/>
      <c r="O2666" s="5"/>
      <c r="P2666" s="5"/>
      <c r="Q2666" s="5"/>
      <c r="R2666" s="5"/>
      <c r="S2666" s="5"/>
      <c r="T2666" s="5"/>
      <c r="U2666" s="5"/>
      <c r="V2666" s="5"/>
      <c r="W2666" s="5"/>
      <c r="X2666" s="5"/>
      <c r="Y2666" s="5"/>
      <c r="Z2666" s="5"/>
      <c r="AA2666" s="5"/>
      <c r="AB2666" s="5"/>
      <c r="AC2666" s="5"/>
      <c r="AD2666" s="5"/>
      <c r="AE2666" s="5"/>
      <c r="AF2666" s="5"/>
      <c r="AG2666" s="5"/>
      <c r="AH2666" s="5"/>
      <c r="AI2666" s="5"/>
    </row>
    <row r="2667" spans="1:35" ht="27.75" customHeight="1" x14ac:dyDescent="0.4">
      <c r="A2667" s="9" t="s">
        <v>3503</v>
      </c>
      <c r="B2667" s="9" t="s">
        <v>5237</v>
      </c>
      <c r="C2667" s="9" t="s">
        <v>5238</v>
      </c>
      <c r="D2667" s="18">
        <v>1442780401</v>
      </c>
      <c r="E2667" s="11">
        <v>46418</v>
      </c>
      <c r="F2667" s="9" t="s">
        <v>1760</v>
      </c>
      <c r="G2667" s="12">
        <v>2665</v>
      </c>
      <c r="H2667" s="12">
        <f t="shared" si="82"/>
        <v>13</v>
      </c>
      <c r="I2667" s="12">
        <f t="shared" si="83"/>
        <v>7</v>
      </c>
      <c r="J2667" s="5"/>
      <c r="K2667" s="5"/>
      <c r="L2667" s="5"/>
      <c r="M2667" s="5"/>
      <c r="N2667" s="5"/>
      <c r="O2667" s="5"/>
      <c r="P2667" s="5"/>
      <c r="Q2667" s="5"/>
      <c r="R2667" s="5"/>
      <c r="S2667" s="5"/>
      <c r="T2667" s="5"/>
      <c r="U2667" s="5"/>
      <c r="V2667" s="5"/>
      <c r="W2667" s="5"/>
      <c r="X2667" s="5"/>
      <c r="Y2667" s="5"/>
      <c r="Z2667" s="5"/>
      <c r="AA2667" s="5"/>
      <c r="AB2667" s="5"/>
      <c r="AC2667" s="5"/>
      <c r="AD2667" s="5"/>
      <c r="AE2667" s="5"/>
      <c r="AF2667" s="5"/>
      <c r="AG2667" s="5"/>
      <c r="AH2667" s="5"/>
      <c r="AI2667" s="5"/>
    </row>
    <row r="2668" spans="1:35" ht="27.75" customHeight="1" x14ac:dyDescent="0.4">
      <c r="A2668" s="9" t="s">
        <v>3503</v>
      </c>
      <c r="B2668" s="13" t="s">
        <v>5239</v>
      </c>
      <c r="C2668" s="13" t="s">
        <v>5240</v>
      </c>
      <c r="D2668" s="18">
        <v>1442700243</v>
      </c>
      <c r="E2668" s="11">
        <v>46387</v>
      </c>
      <c r="F2668" s="9" t="s">
        <v>1760</v>
      </c>
      <c r="G2668" s="5">
        <v>2666</v>
      </c>
      <c r="H2668" s="12">
        <f t="shared" si="82"/>
        <v>12</v>
      </c>
      <c r="I2668" s="12">
        <f t="shared" si="83"/>
        <v>15</v>
      </c>
      <c r="J2668" s="5"/>
      <c r="K2668" s="5"/>
      <c r="L2668" s="5"/>
      <c r="M2668" s="5"/>
      <c r="N2668" s="5"/>
      <c r="O2668" s="5"/>
      <c r="P2668" s="5"/>
      <c r="Q2668" s="5"/>
      <c r="R2668" s="5"/>
      <c r="S2668" s="5"/>
      <c r="T2668" s="5"/>
      <c r="U2668" s="5"/>
      <c r="V2668" s="5"/>
      <c r="W2668" s="5"/>
      <c r="X2668" s="5"/>
      <c r="Y2668" s="5"/>
      <c r="Z2668" s="5"/>
      <c r="AA2668" s="5"/>
      <c r="AB2668" s="5"/>
      <c r="AC2668" s="5"/>
      <c r="AD2668" s="5"/>
      <c r="AE2668" s="5"/>
      <c r="AF2668" s="5"/>
      <c r="AG2668" s="5"/>
      <c r="AH2668" s="5"/>
      <c r="AI2668" s="5"/>
    </row>
    <row r="2669" spans="1:35" ht="27.75" customHeight="1" x14ac:dyDescent="0.4">
      <c r="A2669" s="13" t="s">
        <v>3503</v>
      </c>
      <c r="B2669" s="9" t="s">
        <v>5241</v>
      </c>
      <c r="C2669" s="9" t="s">
        <v>5242</v>
      </c>
      <c r="D2669" s="18">
        <v>1442740041</v>
      </c>
      <c r="E2669" s="11">
        <v>46599</v>
      </c>
      <c r="F2669" s="9" t="s">
        <v>1760</v>
      </c>
      <c r="G2669" s="12">
        <v>2667</v>
      </c>
      <c r="H2669" s="12">
        <f t="shared" si="82"/>
        <v>12</v>
      </c>
      <c r="I2669" s="12">
        <f t="shared" si="83"/>
        <v>13</v>
      </c>
      <c r="J2669" s="5"/>
      <c r="K2669" s="5"/>
      <c r="L2669" s="5"/>
      <c r="M2669" s="5"/>
      <c r="N2669" s="5"/>
      <c r="O2669" s="5"/>
      <c r="P2669" s="5"/>
      <c r="Q2669" s="5"/>
      <c r="R2669" s="5"/>
      <c r="S2669" s="5"/>
      <c r="T2669" s="5"/>
      <c r="U2669" s="5"/>
      <c r="V2669" s="5"/>
      <c r="W2669" s="5"/>
      <c r="X2669" s="5"/>
      <c r="Y2669" s="5"/>
      <c r="Z2669" s="5"/>
      <c r="AA2669" s="5"/>
      <c r="AB2669" s="5"/>
      <c r="AC2669" s="5"/>
      <c r="AD2669" s="5"/>
      <c r="AE2669" s="5"/>
      <c r="AF2669" s="5"/>
      <c r="AG2669" s="5"/>
      <c r="AH2669" s="5"/>
      <c r="AI2669" s="5"/>
    </row>
    <row r="2670" spans="1:35" ht="27.75" customHeight="1" x14ac:dyDescent="0.4">
      <c r="A2670" s="9" t="s">
        <v>3503</v>
      </c>
      <c r="B2670" s="9" t="s">
        <v>5243</v>
      </c>
      <c r="C2670" s="9" t="s">
        <v>5244</v>
      </c>
      <c r="D2670" s="18">
        <v>1442780310</v>
      </c>
      <c r="E2670" s="11">
        <v>46387</v>
      </c>
      <c r="F2670" s="9" t="s">
        <v>1760</v>
      </c>
      <c r="G2670" s="5">
        <v>2668</v>
      </c>
      <c r="H2670" s="12">
        <f t="shared" si="82"/>
        <v>10</v>
      </c>
      <c r="I2670" s="12">
        <f t="shared" si="83"/>
        <v>5</v>
      </c>
      <c r="J2670" s="5"/>
      <c r="K2670" s="5"/>
      <c r="L2670" s="5"/>
      <c r="M2670" s="5"/>
      <c r="N2670" s="5"/>
      <c r="O2670" s="5"/>
      <c r="P2670" s="5"/>
      <c r="Q2670" s="5"/>
      <c r="R2670" s="5"/>
      <c r="S2670" s="5"/>
      <c r="T2670" s="5"/>
      <c r="U2670" s="5"/>
      <c r="V2670" s="5"/>
      <c r="W2670" s="5"/>
      <c r="X2670" s="5"/>
      <c r="Y2670" s="5"/>
      <c r="Z2670" s="5"/>
      <c r="AA2670" s="5"/>
      <c r="AB2670" s="5"/>
      <c r="AC2670" s="5"/>
      <c r="AD2670" s="5"/>
      <c r="AE2670" s="5"/>
      <c r="AF2670" s="5"/>
      <c r="AG2670" s="5"/>
      <c r="AH2670" s="5"/>
      <c r="AI2670" s="5"/>
    </row>
    <row r="2671" spans="1:35" ht="27.75" customHeight="1" x14ac:dyDescent="0.4">
      <c r="A2671" s="9" t="s">
        <v>3503</v>
      </c>
      <c r="B2671" s="9" t="s">
        <v>5245</v>
      </c>
      <c r="C2671" s="9" t="s">
        <v>5246</v>
      </c>
      <c r="D2671" s="26">
        <v>1442700276</v>
      </c>
      <c r="E2671" s="11">
        <v>46387</v>
      </c>
      <c r="F2671" s="9" t="s">
        <v>1760</v>
      </c>
      <c r="G2671" s="12">
        <v>2669</v>
      </c>
      <c r="H2671" s="12">
        <f t="shared" si="82"/>
        <v>11</v>
      </c>
      <c r="I2671" s="12">
        <f t="shared" si="83"/>
        <v>4</v>
      </c>
      <c r="J2671" s="5"/>
      <c r="K2671" s="5"/>
      <c r="L2671" s="5"/>
      <c r="M2671" s="5"/>
      <c r="N2671" s="5"/>
      <c r="O2671" s="5"/>
      <c r="P2671" s="5"/>
      <c r="Q2671" s="5"/>
      <c r="R2671" s="5"/>
      <c r="S2671" s="5"/>
      <c r="T2671" s="5"/>
      <c r="U2671" s="5"/>
      <c r="V2671" s="5"/>
      <c r="W2671" s="5"/>
      <c r="X2671" s="5"/>
      <c r="Y2671" s="5"/>
      <c r="Z2671" s="5"/>
      <c r="AA2671" s="5"/>
      <c r="AB2671" s="5"/>
      <c r="AC2671" s="5"/>
      <c r="AD2671" s="5"/>
      <c r="AE2671" s="5"/>
      <c r="AF2671" s="5"/>
      <c r="AG2671" s="5"/>
      <c r="AH2671" s="5"/>
      <c r="AI2671" s="5"/>
    </row>
    <row r="2672" spans="1:35" ht="27.75" customHeight="1" x14ac:dyDescent="0.4">
      <c r="A2672" s="13" t="s">
        <v>3503</v>
      </c>
      <c r="B2672" s="9" t="s">
        <v>5247</v>
      </c>
      <c r="C2672" s="9" t="s">
        <v>5248</v>
      </c>
      <c r="D2672" s="18">
        <v>1442740009</v>
      </c>
      <c r="E2672" s="11">
        <v>46904</v>
      </c>
      <c r="F2672" s="9" t="s">
        <v>1760</v>
      </c>
      <c r="G2672" s="5">
        <v>2670</v>
      </c>
      <c r="H2672" s="12">
        <f t="shared" si="82"/>
        <v>16</v>
      </c>
      <c r="I2672" s="12">
        <f t="shared" si="83"/>
        <v>9</v>
      </c>
      <c r="J2672" s="5"/>
      <c r="K2672" s="5"/>
      <c r="L2672" s="5"/>
      <c r="M2672" s="5"/>
      <c r="N2672" s="5"/>
      <c r="O2672" s="5"/>
      <c r="P2672" s="5"/>
      <c r="Q2672" s="5"/>
      <c r="R2672" s="5"/>
      <c r="S2672" s="5"/>
      <c r="T2672" s="5"/>
      <c r="U2672" s="5"/>
      <c r="V2672" s="5"/>
      <c r="W2672" s="5"/>
      <c r="X2672" s="5"/>
      <c r="Y2672" s="5"/>
      <c r="Z2672" s="5"/>
      <c r="AA2672" s="5"/>
      <c r="AB2672" s="5"/>
      <c r="AC2672" s="5"/>
      <c r="AD2672" s="5"/>
      <c r="AE2672" s="5"/>
      <c r="AF2672" s="5"/>
      <c r="AG2672" s="5"/>
      <c r="AH2672" s="5"/>
      <c r="AI2672" s="5"/>
    </row>
    <row r="2673" spans="1:35" ht="27.75" customHeight="1" x14ac:dyDescent="0.4">
      <c r="A2673" s="15" t="s">
        <v>3503</v>
      </c>
      <c r="B2673" s="16" t="s">
        <v>5249</v>
      </c>
      <c r="C2673" s="16" t="s">
        <v>5250</v>
      </c>
      <c r="D2673" s="10">
        <v>1442740017</v>
      </c>
      <c r="E2673" s="11">
        <v>47542</v>
      </c>
      <c r="F2673" s="9" t="s">
        <v>1760</v>
      </c>
      <c r="G2673" s="12">
        <v>2671</v>
      </c>
      <c r="H2673" s="12">
        <f t="shared" si="82"/>
        <v>14</v>
      </c>
      <c r="I2673" s="12">
        <f t="shared" si="83"/>
        <v>6</v>
      </c>
      <c r="J2673" s="5"/>
      <c r="K2673" s="5"/>
      <c r="L2673" s="5"/>
      <c r="M2673" s="5"/>
      <c r="N2673" s="5"/>
      <c r="O2673" s="5"/>
      <c r="P2673" s="5"/>
      <c r="Q2673" s="5"/>
      <c r="R2673" s="5"/>
      <c r="S2673" s="5"/>
      <c r="T2673" s="5"/>
      <c r="U2673" s="5"/>
      <c r="V2673" s="5"/>
      <c r="W2673" s="5"/>
      <c r="X2673" s="5"/>
      <c r="Y2673" s="5"/>
      <c r="Z2673" s="5"/>
      <c r="AA2673" s="5"/>
      <c r="AB2673" s="5"/>
      <c r="AC2673" s="5"/>
      <c r="AD2673" s="5"/>
      <c r="AE2673" s="5"/>
      <c r="AF2673" s="5"/>
      <c r="AG2673" s="5"/>
      <c r="AH2673" s="5"/>
      <c r="AI2673" s="5"/>
    </row>
    <row r="2674" spans="1:35" ht="27.75" customHeight="1" x14ac:dyDescent="0.4">
      <c r="A2674" s="13" t="s">
        <v>3503</v>
      </c>
      <c r="B2674" s="9" t="s">
        <v>5251</v>
      </c>
      <c r="C2674" s="9" t="s">
        <v>5252</v>
      </c>
      <c r="D2674" s="18">
        <v>1442780450</v>
      </c>
      <c r="E2674" s="11">
        <v>46387</v>
      </c>
      <c r="F2674" s="9" t="s">
        <v>1760</v>
      </c>
      <c r="G2674" s="5">
        <v>2672</v>
      </c>
      <c r="H2674" s="12">
        <f t="shared" si="82"/>
        <v>16</v>
      </c>
      <c r="I2674" s="12">
        <f t="shared" si="83"/>
        <v>6</v>
      </c>
    </row>
    <row r="2675" spans="1:35" ht="27.75" customHeight="1" x14ac:dyDescent="0.4">
      <c r="A2675" s="9" t="s">
        <v>3503</v>
      </c>
      <c r="B2675" s="9" t="s">
        <v>5253</v>
      </c>
      <c r="C2675" s="9" t="s">
        <v>5254</v>
      </c>
      <c r="D2675" s="18">
        <v>1442780351</v>
      </c>
      <c r="E2675" s="11">
        <v>46387</v>
      </c>
      <c r="F2675" s="9" t="s">
        <v>1760</v>
      </c>
      <c r="G2675" s="12">
        <v>2673</v>
      </c>
      <c r="H2675" s="12">
        <f t="shared" si="82"/>
        <v>16</v>
      </c>
      <c r="I2675" s="12">
        <f t="shared" si="83"/>
        <v>8</v>
      </c>
      <c r="J2675" s="5"/>
      <c r="K2675" s="5"/>
      <c r="L2675" s="5"/>
      <c r="M2675" s="5"/>
      <c r="N2675" s="5"/>
      <c r="O2675" s="5"/>
      <c r="P2675" s="5"/>
      <c r="Q2675" s="5"/>
      <c r="R2675" s="5"/>
      <c r="S2675" s="5"/>
      <c r="T2675" s="5"/>
      <c r="U2675" s="5"/>
      <c r="V2675" s="5"/>
      <c r="W2675" s="5"/>
      <c r="X2675" s="5"/>
      <c r="Y2675" s="5"/>
      <c r="Z2675" s="5"/>
      <c r="AA2675" s="5"/>
      <c r="AB2675" s="5"/>
      <c r="AC2675" s="5"/>
      <c r="AD2675" s="5"/>
      <c r="AE2675" s="5"/>
      <c r="AF2675" s="5"/>
      <c r="AG2675" s="5"/>
      <c r="AH2675" s="5"/>
      <c r="AI2675" s="5"/>
    </row>
    <row r="2676" spans="1:35" ht="27.75" customHeight="1" x14ac:dyDescent="0.4">
      <c r="A2676" s="13" t="s">
        <v>3503</v>
      </c>
      <c r="B2676" s="9" t="s">
        <v>5255</v>
      </c>
      <c r="C2676" s="9" t="s">
        <v>5256</v>
      </c>
      <c r="D2676" s="18">
        <v>1442740744</v>
      </c>
      <c r="E2676" s="11">
        <v>48182</v>
      </c>
      <c r="F2676" s="9" t="s">
        <v>1760</v>
      </c>
      <c r="G2676" s="5">
        <v>2674</v>
      </c>
      <c r="H2676" s="12">
        <f t="shared" si="82"/>
        <v>16</v>
      </c>
      <c r="I2676" s="12">
        <f t="shared" si="83"/>
        <v>6</v>
      </c>
      <c r="J2676" s="5"/>
      <c r="K2676" s="5"/>
      <c r="L2676" s="5"/>
      <c r="M2676" s="5"/>
      <c r="N2676" s="5"/>
      <c r="O2676" s="5"/>
      <c r="P2676" s="5"/>
      <c r="Q2676" s="5"/>
      <c r="R2676" s="5"/>
      <c r="S2676" s="5"/>
      <c r="T2676" s="5"/>
      <c r="U2676" s="5"/>
      <c r="V2676" s="5"/>
      <c r="W2676" s="5"/>
      <c r="X2676" s="5"/>
      <c r="Y2676" s="5"/>
      <c r="Z2676" s="5"/>
      <c r="AA2676" s="5"/>
      <c r="AB2676" s="5"/>
      <c r="AC2676" s="5"/>
      <c r="AD2676" s="5"/>
      <c r="AE2676" s="5"/>
      <c r="AF2676" s="5"/>
      <c r="AG2676" s="5"/>
      <c r="AH2676" s="5"/>
      <c r="AI2676" s="5"/>
    </row>
    <row r="2677" spans="1:35" ht="27.75" customHeight="1" x14ac:dyDescent="0.4">
      <c r="A2677" s="9" t="s">
        <v>3503</v>
      </c>
      <c r="B2677" s="9" t="s">
        <v>5257</v>
      </c>
      <c r="C2677" s="9" t="s">
        <v>5258</v>
      </c>
      <c r="D2677" s="18">
        <v>1442740033</v>
      </c>
      <c r="E2677" s="11">
        <v>46538</v>
      </c>
      <c r="F2677" s="9" t="s">
        <v>1760</v>
      </c>
      <c r="G2677" s="12">
        <v>2675</v>
      </c>
      <c r="H2677" s="12">
        <f t="shared" si="82"/>
        <v>14</v>
      </c>
      <c r="I2677" s="12">
        <f t="shared" si="83"/>
        <v>13</v>
      </c>
      <c r="J2677" s="5"/>
      <c r="K2677" s="5"/>
      <c r="L2677" s="5"/>
      <c r="M2677" s="5"/>
      <c r="N2677" s="5"/>
      <c r="O2677" s="5"/>
      <c r="P2677" s="5"/>
      <c r="Q2677" s="5"/>
      <c r="R2677" s="5"/>
      <c r="S2677" s="5"/>
      <c r="T2677" s="5"/>
      <c r="U2677" s="5"/>
      <c r="V2677" s="5"/>
      <c r="W2677" s="5"/>
      <c r="X2677" s="5"/>
      <c r="Y2677" s="5"/>
      <c r="Z2677" s="5"/>
      <c r="AA2677" s="5"/>
      <c r="AB2677" s="5"/>
      <c r="AC2677" s="5"/>
      <c r="AD2677" s="5"/>
      <c r="AE2677" s="5"/>
      <c r="AF2677" s="5"/>
      <c r="AG2677" s="5"/>
      <c r="AH2677" s="5"/>
      <c r="AI2677" s="5"/>
    </row>
    <row r="2678" spans="1:35" ht="27.75" customHeight="1" x14ac:dyDescent="0.4">
      <c r="A2678" s="13" t="s">
        <v>3503</v>
      </c>
      <c r="B2678" s="9" t="s">
        <v>5259</v>
      </c>
      <c r="C2678" s="9" t="s">
        <v>5260</v>
      </c>
      <c r="D2678" s="18">
        <v>1442740728</v>
      </c>
      <c r="E2678" s="11">
        <v>48152</v>
      </c>
      <c r="F2678" s="9" t="s">
        <v>1760</v>
      </c>
      <c r="G2678" s="5">
        <v>2676</v>
      </c>
      <c r="H2678" s="12">
        <f t="shared" si="82"/>
        <v>10</v>
      </c>
      <c r="I2678" s="12">
        <f t="shared" si="83"/>
        <v>9</v>
      </c>
      <c r="J2678" s="5"/>
      <c r="K2678" s="5"/>
      <c r="L2678" s="5"/>
      <c r="M2678" s="5"/>
      <c r="N2678" s="5"/>
      <c r="O2678" s="5"/>
      <c r="P2678" s="5"/>
      <c r="Q2678" s="5"/>
      <c r="R2678" s="5"/>
      <c r="S2678" s="5"/>
      <c r="T2678" s="5"/>
      <c r="U2678" s="5"/>
      <c r="V2678" s="5"/>
      <c r="W2678" s="5"/>
      <c r="X2678" s="5"/>
      <c r="Y2678" s="5"/>
      <c r="Z2678" s="5"/>
      <c r="AA2678" s="5"/>
      <c r="AB2678" s="5"/>
      <c r="AC2678" s="5"/>
      <c r="AD2678" s="5"/>
      <c r="AE2678" s="5"/>
      <c r="AF2678" s="5"/>
      <c r="AG2678" s="5"/>
      <c r="AH2678" s="5"/>
      <c r="AI2678" s="5"/>
    </row>
    <row r="2679" spans="1:35" ht="27.75" customHeight="1" x14ac:dyDescent="0.4">
      <c r="A2679" s="16" t="s">
        <v>3503</v>
      </c>
      <c r="B2679" s="15" t="s">
        <v>5261</v>
      </c>
      <c r="C2679" s="16" t="s">
        <v>5262</v>
      </c>
      <c r="D2679" s="10">
        <v>1442780377</v>
      </c>
      <c r="E2679" s="11">
        <v>46387</v>
      </c>
      <c r="F2679" s="9" t="s">
        <v>1760</v>
      </c>
      <c r="G2679" s="12">
        <v>2677</v>
      </c>
      <c r="H2679" s="12">
        <f t="shared" si="82"/>
        <v>10</v>
      </c>
      <c r="I2679" s="12">
        <f t="shared" si="83"/>
        <v>8</v>
      </c>
      <c r="J2679" s="5"/>
      <c r="K2679" s="5"/>
      <c r="L2679" s="5"/>
      <c r="M2679" s="5"/>
      <c r="N2679" s="5"/>
      <c r="O2679" s="5"/>
      <c r="P2679" s="5"/>
      <c r="Q2679" s="5"/>
      <c r="R2679" s="5"/>
      <c r="S2679" s="5"/>
      <c r="T2679" s="5"/>
      <c r="U2679" s="5"/>
      <c r="V2679" s="5"/>
      <c r="W2679" s="5"/>
      <c r="X2679" s="5"/>
      <c r="Y2679" s="5"/>
      <c r="Z2679" s="5"/>
      <c r="AA2679" s="5"/>
      <c r="AB2679" s="5"/>
      <c r="AC2679" s="5"/>
      <c r="AD2679" s="5"/>
      <c r="AE2679" s="5"/>
      <c r="AF2679" s="5"/>
      <c r="AG2679" s="5"/>
      <c r="AH2679" s="5"/>
      <c r="AI2679" s="5"/>
    </row>
    <row r="2680" spans="1:35" ht="27.75" customHeight="1" x14ac:dyDescent="0.4">
      <c r="A2680" s="9" t="s">
        <v>3503</v>
      </c>
      <c r="B2680" s="9" t="s">
        <v>5263</v>
      </c>
      <c r="C2680" s="9" t="s">
        <v>5264</v>
      </c>
      <c r="D2680" s="18">
        <v>1442800043</v>
      </c>
      <c r="E2680" s="11">
        <v>46387</v>
      </c>
      <c r="F2680" s="9" t="s">
        <v>86</v>
      </c>
      <c r="G2680" s="5">
        <v>2678</v>
      </c>
      <c r="H2680" s="12">
        <f t="shared" si="82"/>
        <v>9</v>
      </c>
      <c r="I2680" s="12">
        <f t="shared" si="83"/>
        <v>7</v>
      </c>
      <c r="J2680" s="5"/>
      <c r="K2680" s="5"/>
      <c r="L2680" s="5"/>
      <c r="M2680" s="5"/>
      <c r="N2680" s="5"/>
      <c r="O2680" s="5"/>
      <c r="P2680" s="5"/>
      <c r="Q2680" s="5"/>
      <c r="R2680" s="5"/>
      <c r="S2680" s="5"/>
      <c r="T2680" s="5"/>
      <c r="U2680" s="5"/>
      <c r="V2680" s="5"/>
      <c r="W2680" s="5"/>
      <c r="X2680" s="5"/>
      <c r="Y2680" s="5"/>
      <c r="Z2680" s="5"/>
      <c r="AA2680" s="5"/>
      <c r="AB2680" s="5"/>
      <c r="AC2680" s="5"/>
      <c r="AD2680" s="5"/>
      <c r="AE2680" s="5"/>
      <c r="AF2680" s="5"/>
      <c r="AG2680" s="5"/>
      <c r="AH2680" s="5"/>
      <c r="AI2680" s="5"/>
    </row>
    <row r="2681" spans="1:35" ht="27.75" customHeight="1" x14ac:dyDescent="0.4">
      <c r="A2681" s="9" t="s">
        <v>3503</v>
      </c>
      <c r="B2681" s="9" t="s">
        <v>5265</v>
      </c>
      <c r="C2681" s="9" t="s">
        <v>5266</v>
      </c>
      <c r="D2681" s="18">
        <v>1442880573</v>
      </c>
      <c r="E2681" s="11">
        <v>46387</v>
      </c>
      <c r="F2681" s="9" t="s">
        <v>86</v>
      </c>
      <c r="G2681" s="12">
        <v>2679</v>
      </c>
      <c r="H2681" s="12">
        <f t="shared" si="82"/>
        <v>9</v>
      </c>
      <c r="I2681" s="12">
        <f t="shared" si="83"/>
        <v>11</v>
      </c>
    </row>
    <row r="2682" spans="1:35" ht="27.75" customHeight="1" x14ac:dyDescent="0.4">
      <c r="A2682" s="9" t="s">
        <v>3503</v>
      </c>
      <c r="B2682" s="9" t="s">
        <v>5267</v>
      </c>
      <c r="C2682" s="9" t="s">
        <v>5268</v>
      </c>
      <c r="D2682" s="18">
        <v>1442840213</v>
      </c>
      <c r="E2682" s="11">
        <v>47603</v>
      </c>
      <c r="F2682" s="9" t="s">
        <v>86</v>
      </c>
      <c r="G2682" s="5">
        <v>2680</v>
      </c>
      <c r="H2682" s="12">
        <f t="shared" si="82"/>
        <v>9</v>
      </c>
      <c r="I2682" s="12">
        <f t="shared" si="83"/>
        <v>6</v>
      </c>
      <c r="J2682" s="5"/>
      <c r="K2682" s="5"/>
      <c r="L2682" s="5"/>
      <c r="M2682" s="5"/>
      <c r="N2682" s="5"/>
      <c r="O2682" s="5"/>
      <c r="P2682" s="5"/>
      <c r="Q2682" s="5"/>
      <c r="R2682" s="5"/>
      <c r="S2682" s="5"/>
      <c r="T2682" s="5"/>
      <c r="U2682" s="5"/>
      <c r="V2682" s="5"/>
      <c r="W2682" s="5"/>
      <c r="X2682" s="5"/>
      <c r="Y2682" s="5"/>
      <c r="Z2682" s="5"/>
      <c r="AA2682" s="5"/>
      <c r="AB2682" s="5"/>
      <c r="AC2682" s="5"/>
      <c r="AD2682" s="5"/>
      <c r="AE2682" s="5"/>
      <c r="AF2682" s="5"/>
      <c r="AG2682" s="5"/>
      <c r="AH2682" s="5"/>
      <c r="AI2682" s="5"/>
    </row>
    <row r="2683" spans="1:35" ht="27.75" customHeight="1" x14ac:dyDescent="0.4">
      <c r="A2683" s="9" t="s">
        <v>3503</v>
      </c>
      <c r="B2683" s="9" t="s">
        <v>5269</v>
      </c>
      <c r="C2683" s="9" t="s">
        <v>5270</v>
      </c>
      <c r="D2683" s="18">
        <v>1442881175</v>
      </c>
      <c r="E2683" s="11">
        <v>46507</v>
      </c>
      <c r="F2683" s="9" t="s">
        <v>86</v>
      </c>
      <c r="G2683" s="12">
        <v>2681</v>
      </c>
      <c r="H2683" s="12">
        <f t="shared" si="82"/>
        <v>11</v>
      </c>
      <c r="I2683" s="12">
        <f t="shared" si="83"/>
        <v>4</v>
      </c>
      <c r="J2683" s="5"/>
      <c r="K2683" s="5"/>
      <c r="L2683" s="5"/>
      <c r="M2683" s="5"/>
      <c r="N2683" s="5"/>
      <c r="O2683" s="5"/>
      <c r="P2683" s="5"/>
      <c r="Q2683" s="5"/>
      <c r="R2683" s="5"/>
      <c r="S2683" s="5"/>
      <c r="T2683" s="5"/>
      <c r="U2683" s="5"/>
      <c r="V2683" s="5"/>
      <c r="W2683" s="5"/>
      <c r="X2683" s="5"/>
      <c r="Y2683" s="5"/>
      <c r="Z2683" s="5"/>
      <c r="AA2683" s="5"/>
      <c r="AB2683" s="5"/>
      <c r="AC2683" s="5"/>
      <c r="AD2683" s="5"/>
      <c r="AE2683" s="5"/>
      <c r="AF2683" s="5"/>
      <c r="AG2683" s="5"/>
      <c r="AH2683" s="5"/>
      <c r="AI2683" s="5"/>
    </row>
    <row r="2684" spans="1:35" ht="27.75" customHeight="1" x14ac:dyDescent="0.4">
      <c r="A2684" s="13" t="s">
        <v>3503</v>
      </c>
      <c r="B2684" s="9" t="s">
        <v>5271</v>
      </c>
      <c r="C2684" s="9" t="s">
        <v>5272</v>
      </c>
      <c r="D2684" s="18">
        <v>1442881027</v>
      </c>
      <c r="E2684" s="11">
        <v>46387</v>
      </c>
      <c r="F2684" s="9" t="s">
        <v>86</v>
      </c>
      <c r="G2684" s="5">
        <v>2682</v>
      </c>
      <c r="H2684" s="12">
        <f t="shared" si="82"/>
        <v>11</v>
      </c>
      <c r="I2684" s="12">
        <f t="shared" si="83"/>
        <v>10</v>
      </c>
      <c r="J2684" s="5"/>
      <c r="K2684" s="5"/>
      <c r="L2684" s="5"/>
      <c r="M2684" s="5"/>
      <c r="N2684" s="5"/>
      <c r="O2684" s="5"/>
      <c r="P2684" s="5"/>
      <c r="Q2684" s="5"/>
      <c r="R2684" s="5"/>
      <c r="S2684" s="5"/>
      <c r="T2684" s="5"/>
      <c r="U2684" s="5"/>
      <c r="V2684" s="5"/>
      <c r="W2684" s="5"/>
      <c r="X2684" s="5"/>
      <c r="Y2684" s="5"/>
      <c r="Z2684" s="5"/>
      <c r="AA2684" s="5"/>
      <c r="AB2684" s="5"/>
      <c r="AC2684" s="5"/>
      <c r="AD2684" s="5"/>
      <c r="AE2684" s="5"/>
      <c r="AF2684" s="5"/>
      <c r="AG2684" s="5"/>
      <c r="AH2684" s="5"/>
      <c r="AI2684" s="5"/>
    </row>
    <row r="2685" spans="1:35" ht="27.75" customHeight="1" x14ac:dyDescent="0.4">
      <c r="A2685" s="9" t="s">
        <v>3503</v>
      </c>
      <c r="B2685" s="9" t="s">
        <v>5273</v>
      </c>
      <c r="C2685" s="9" t="s">
        <v>5274</v>
      </c>
      <c r="D2685" s="18">
        <v>1442880623</v>
      </c>
      <c r="E2685" s="11">
        <v>46387</v>
      </c>
      <c r="F2685" s="9" t="s">
        <v>86</v>
      </c>
      <c r="G2685" s="12">
        <v>2683</v>
      </c>
      <c r="H2685" s="12">
        <f t="shared" si="82"/>
        <v>20</v>
      </c>
      <c r="I2685" s="12">
        <f t="shared" si="83"/>
        <v>13</v>
      </c>
      <c r="J2685" s="5"/>
      <c r="K2685" s="5"/>
      <c r="L2685" s="5"/>
      <c r="M2685" s="5"/>
      <c r="N2685" s="5"/>
      <c r="O2685" s="5"/>
      <c r="P2685" s="5"/>
      <c r="Q2685" s="5"/>
      <c r="R2685" s="5"/>
      <c r="S2685" s="5"/>
      <c r="T2685" s="5"/>
      <c r="U2685" s="5"/>
      <c r="V2685" s="5"/>
      <c r="W2685" s="5"/>
      <c r="X2685" s="5"/>
      <c r="Y2685" s="5"/>
      <c r="Z2685" s="5"/>
      <c r="AA2685" s="5"/>
      <c r="AB2685" s="5"/>
      <c r="AC2685" s="5"/>
      <c r="AD2685" s="5"/>
      <c r="AE2685" s="5"/>
      <c r="AF2685" s="5"/>
      <c r="AG2685" s="5"/>
      <c r="AH2685" s="5"/>
      <c r="AI2685" s="5"/>
    </row>
    <row r="2686" spans="1:35" ht="27.75" customHeight="1" x14ac:dyDescent="0.4">
      <c r="A2686" s="9" t="s">
        <v>3503</v>
      </c>
      <c r="B2686" s="9" t="s">
        <v>5275</v>
      </c>
      <c r="C2686" s="9" t="s">
        <v>5276</v>
      </c>
      <c r="D2686" s="18">
        <v>1442840387</v>
      </c>
      <c r="E2686" s="11">
        <v>46996</v>
      </c>
      <c r="F2686" s="9" t="s">
        <v>86</v>
      </c>
      <c r="G2686" s="5">
        <v>2684</v>
      </c>
      <c r="H2686" s="12">
        <f t="shared" si="82"/>
        <v>10</v>
      </c>
      <c r="I2686" s="12">
        <f t="shared" si="83"/>
        <v>15</v>
      </c>
      <c r="J2686" s="5"/>
      <c r="K2686" s="5"/>
      <c r="L2686" s="5"/>
      <c r="M2686" s="5"/>
      <c r="N2686" s="5"/>
      <c r="O2686" s="5"/>
      <c r="P2686" s="5"/>
      <c r="Q2686" s="5"/>
      <c r="R2686" s="5"/>
      <c r="S2686" s="5"/>
      <c r="T2686" s="5"/>
      <c r="U2686" s="5"/>
      <c r="V2686" s="5"/>
      <c r="W2686" s="5"/>
      <c r="X2686" s="5"/>
      <c r="Y2686" s="5"/>
      <c r="Z2686" s="5"/>
      <c r="AA2686" s="5"/>
      <c r="AB2686" s="5"/>
      <c r="AC2686" s="5"/>
      <c r="AD2686" s="5"/>
      <c r="AE2686" s="5"/>
      <c r="AF2686" s="5"/>
      <c r="AG2686" s="5"/>
      <c r="AH2686" s="5"/>
      <c r="AI2686" s="5"/>
    </row>
    <row r="2687" spans="1:35" ht="27.75" customHeight="1" x14ac:dyDescent="0.4">
      <c r="A2687" s="9" t="s">
        <v>3503</v>
      </c>
      <c r="B2687" s="9" t="s">
        <v>5277</v>
      </c>
      <c r="C2687" s="9" t="s">
        <v>5278</v>
      </c>
      <c r="D2687" s="18">
        <v>1442840452</v>
      </c>
      <c r="E2687" s="11">
        <v>47452</v>
      </c>
      <c r="F2687" s="9" t="s">
        <v>86</v>
      </c>
      <c r="G2687" s="12">
        <v>2685</v>
      </c>
      <c r="H2687" s="12">
        <f t="shared" si="82"/>
        <v>11</v>
      </c>
      <c r="I2687" s="12">
        <f t="shared" si="83"/>
        <v>9</v>
      </c>
      <c r="J2687" s="5"/>
      <c r="K2687" s="5"/>
      <c r="L2687" s="5"/>
      <c r="M2687" s="5"/>
      <c r="N2687" s="5"/>
      <c r="O2687" s="5"/>
      <c r="P2687" s="5"/>
      <c r="Q2687" s="5"/>
      <c r="R2687" s="5"/>
      <c r="S2687" s="5"/>
      <c r="T2687" s="5"/>
      <c r="U2687" s="5"/>
      <c r="V2687" s="5"/>
      <c r="W2687" s="5"/>
      <c r="X2687" s="5"/>
      <c r="Y2687" s="5"/>
      <c r="Z2687" s="5"/>
      <c r="AA2687" s="5"/>
      <c r="AB2687" s="5"/>
      <c r="AC2687" s="5"/>
      <c r="AD2687" s="5"/>
      <c r="AE2687" s="5"/>
      <c r="AF2687" s="5"/>
      <c r="AG2687" s="5"/>
      <c r="AH2687" s="5"/>
      <c r="AI2687" s="5"/>
    </row>
    <row r="2688" spans="1:35" ht="27.75" customHeight="1" x14ac:dyDescent="0.4">
      <c r="A2688" s="13" t="s">
        <v>3503</v>
      </c>
      <c r="B2688" s="9" t="s">
        <v>5279</v>
      </c>
      <c r="C2688" s="9" t="s">
        <v>5280</v>
      </c>
      <c r="D2688" s="18">
        <v>1442840338</v>
      </c>
      <c r="E2688" s="11">
        <v>46660</v>
      </c>
      <c r="F2688" s="9" t="s">
        <v>86</v>
      </c>
      <c r="G2688" s="5">
        <v>2686</v>
      </c>
      <c r="H2688" s="12">
        <f t="shared" si="82"/>
        <v>21</v>
      </c>
      <c r="I2688" s="12">
        <f t="shared" si="83"/>
        <v>16</v>
      </c>
      <c r="J2688" s="5"/>
      <c r="K2688" s="5"/>
      <c r="L2688" s="5"/>
      <c r="M2688" s="5"/>
      <c r="N2688" s="5"/>
      <c r="O2688" s="5"/>
      <c r="P2688" s="5"/>
      <c r="Q2688" s="5"/>
      <c r="R2688" s="5"/>
      <c r="S2688" s="5"/>
      <c r="T2688" s="5"/>
      <c r="U2688" s="5"/>
      <c r="V2688" s="5"/>
      <c r="W2688" s="5"/>
      <c r="X2688" s="5"/>
      <c r="Y2688" s="5"/>
      <c r="Z2688" s="5"/>
      <c r="AA2688" s="5"/>
      <c r="AB2688" s="5"/>
      <c r="AC2688" s="5"/>
      <c r="AD2688" s="5"/>
      <c r="AE2688" s="5"/>
      <c r="AF2688" s="5"/>
      <c r="AG2688" s="5"/>
      <c r="AH2688" s="5"/>
      <c r="AI2688" s="5"/>
    </row>
    <row r="2689" spans="1:35" ht="27.75" customHeight="1" x14ac:dyDescent="0.4">
      <c r="A2689" s="13" t="s">
        <v>3503</v>
      </c>
      <c r="B2689" s="9" t="s">
        <v>5281</v>
      </c>
      <c r="C2689" s="9" t="s">
        <v>5282</v>
      </c>
      <c r="D2689" s="18">
        <v>1442840361</v>
      </c>
      <c r="E2689" s="11">
        <v>46934</v>
      </c>
      <c r="F2689" s="9" t="s">
        <v>86</v>
      </c>
      <c r="G2689" s="12">
        <v>2687</v>
      </c>
      <c r="H2689" s="12">
        <f t="shared" si="82"/>
        <v>13</v>
      </c>
      <c r="I2689" s="12">
        <f t="shared" si="83"/>
        <v>13</v>
      </c>
      <c r="J2689" s="5"/>
      <c r="K2689" s="5"/>
      <c r="L2689" s="5"/>
      <c r="M2689" s="5"/>
      <c r="N2689" s="5"/>
      <c r="O2689" s="5"/>
      <c r="P2689" s="5"/>
      <c r="Q2689" s="5"/>
      <c r="R2689" s="5"/>
      <c r="S2689" s="5"/>
      <c r="T2689" s="5"/>
      <c r="U2689" s="5"/>
      <c r="V2689" s="5"/>
      <c r="W2689" s="5"/>
      <c r="X2689" s="5"/>
      <c r="Y2689" s="5"/>
      <c r="Z2689" s="5"/>
      <c r="AA2689" s="5"/>
      <c r="AB2689" s="5"/>
      <c r="AC2689" s="5"/>
      <c r="AD2689" s="5"/>
      <c r="AE2689" s="5"/>
      <c r="AF2689" s="5"/>
      <c r="AG2689" s="5"/>
      <c r="AH2689" s="5"/>
      <c r="AI2689" s="5"/>
    </row>
    <row r="2690" spans="1:35" ht="27.75" customHeight="1" x14ac:dyDescent="0.4">
      <c r="A2690" s="9" t="s">
        <v>3503</v>
      </c>
      <c r="B2690" s="9" t="s">
        <v>5283</v>
      </c>
      <c r="C2690" s="9" t="s">
        <v>5284</v>
      </c>
      <c r="D2690" s="18">
        <v>1442840270</v>
      </c>
      <c r="E2690" s="11">
        <v>47483</v>
      </c>
      <c r="F2690" s="9" t="s">
        <v>86</v>
      </c>
      <c r="G2690" s="5">
        <v>2688</v>
      </c>
      <c r="H2690" s="12">
        <f t="shared" si="82"/>
        <v>10</v>
      </c>
      <c r="I2690" s="12">
        <f t="shared" si="83"/>
        <v>7</v>
      </c>
      <c r="J2690" s="5"/>
      <c r="K2690" s="5"/>
      <c r="L2690" s="5"/>
      <c r="M2690" s="5"/>
      <c r="N2690" s="5"/>
      <c r="O2690" s="5"/>
      <c r="P2690" s="5"/>
      <c r="Q2690" s="5"/>
      <c r="R2690" s="5"/>
      <c r="S2690" s="5"/>
      <c r="T2690" s="5"/>
      <c r="U2690" s="5"/>
      <c r="V2690" s="5"/>
      <c r="W2690" s="5"/>
      <c r="X2690" s="5"/>
      <c r="Y2690" s="5"/>
      <c r="Z2690" s="5"/>
      <c r="AA2690" s="5"/>
      <c r="AB2690" s="5"/>
      <c r="AC2690" s="5"/>
      <c r="AD2690" s="5"/>
      <c r="AE2690" s="5"/>
      <c r="AF2690" s="5"/>
      <c r="AG2690" s="5"/>
      <c r="AH2690" s="5"/>
      <c r="AI2690" s="5"/>
    </row>
    <row r="2691" spans="1:35" ht="27.75" customHeight="1" x14ac:dyDescent="0.4">
      <c r="A2691" s="13" t="s">
        <v>3503</v>
      </c>
      <c r="B2691" s="13" t="s">
        <v>5285</v>
      </c>
      <c r="C2691" s="13" t="s">
        <v>5286</v>
      </c>
      <c r="D2691" s="26">
        <v>1442880730</v>
      </c>
      <c r="E2691" s="11">
        <v>46387</v>
      </c>
      <c r="F2691" s="9" t="s">
        <v>86</v>
      </c>
      <c r="G2691" s="12">
        <v>2689</v>
      </c>
      <c r="H2691" s="12">
        <f t="shared" si="82"/>
        <v>10</v>
      </c>
      <c r="I2691" s="12">
        <f t="shared" si="83"/>
        <v>11</v>
      </c>
      <c r="J2691" s="5"/>
      <c r="K2691" s="5"/>
      <c r="L2691" s="5"/>
      <c r="M2691" s="5"/>
      <c r="N2691" s="5"/>
      <c r="O2691" s="5"/>
      <c r="P2691" s="5"/>
      <c r="Q2691" s="5"/>
      <c r="R2691" s="5"/>
      <c r="S2691" s="5"/>
      <c r="T2691" s="5"/>
      <c r="U2691" s="5"/>
      <c r="V2691" s="5"/>
      <c r="W2691" s="5"/>
      <c r="X2691" s="5"/>
      <c r="Y2691" s="5"/>
      <c r="Z2691" s="5"/>
      <c r="AA2691" s="5"/>
      <c r="AB2691" s="5"/>
      <c r="AC2691" s="5"/>
      <c r="AD2691" s="5"/>
      <c r="AE2691" s="5"/>
      <c r="AF2691" s="5"/>
      <c r="AG2691" s="5"/>
      <c r="AH2691" s="5"/>
      <c r="AI2691" s="5"/>
    </row>
    <row r="2692" spans="1:35" ht="27.75" customHeight="1" x14ac:dyDescent="0.4">
      <c r="A2692" s="9" t="s">
        <v>3503</v>
      </c>
      <c r="B2692" s="9" t="s">
        <v>5287</v>
      </c>
      <c r="C2692" s="9" t="s">
        <v>1804</v>
      </c>
      <c r="D2692" s="18">
        <v>1442840593</v>
      </c>
      <c r="E2692" s="11">
        <v>48029</v>
      </c>
      <c r="F2692" s="9" t="s">
        <v>86</v>
      </c>
      <c r="G2692" s="5">
        <v>2690</v>
      </c>
      <c r="H2692" s="12">
        <f t="shared" ref="H2692:H2755" si="84">LEN(C2692)</f>
        <v>14</v>
      </c>
      <c r="I2692" s="12">
        <f t="shared" ref="I2692:I2755" si="85">LEN(B2692)</f>
        <v>4</v>
      </c>
      <c r="J2692" s="5"/>
      <c r="K2692" s="5"/>
      <c r="L2692" s="5"/>
      <c r="M2692" s="5"/>
      <c r="N2692" s="5"/>
      <c r="O2692" s="5"/>
      <c r="P2692" s="5"/>
      <c r="Q2692" s="5"/>
      <c r="R2692" s="5"/>
      <c r="S2692" s="5"/>
      <c r="T2692" s="5"/>
      <c r="U2692" s="5"/>
      <c r="V2692" s="5"/>
      <c r="W2692" s="5"/>
      <c r="X2692" s="5"/>
      <c r="Y2692" s="5"/>
      <c r="Z2692" s="5"/>
      <c r="AA2692" s="5"/>
      <c r="AB2692" s="5"/>
      <c r="AC2692" s="5"/>
      <c r="AD2692" s="5"/>
      <c r="AE2692" s="5"/>
      <c r="AF2692" s="5"/>
      <c r="AG2692" s="5"/>
      <c r="AH2692" s="5"/>
      <c r="AI2692" s="5"/>
    </row>
    <row r="2693" spans="1:35" ht="27.75" customHeight="1" x14ac:dyDescent="0.4">
      <c r="A2693" s="9" t="s">
        <v>3503</v>
      </c>
      <c r="B2693" s="9" t="s">
        <v>5288</v>
      </c>
      <c r="C2693" s="9" t="s">
        <v>5289</v>
      </c>
      <c r="D2693" s="18">
        <v>1442881142</v>
      </c>
      <c r="E2693" s="11">
        <v>46387</v>
      </c>
      <c r="F2693" s="9" t="s">
        <v>86</v>
      </c>
      <c r="G2693" s="12">
        <v>2691</v>
      </c>
      <c r="H2693" s="12">
        <f t="shared" si="84"/>
        <v>10</v>
      </c>
      <c r="I2693" s="12">
        <f t="shared" si="85"/>
        <v>10</v>
      </c>
      <c r="J2693" s="5"/>
      <c r="K2693" s="5"/>
      <c r="L2693" s="5"/>
      <c r="M2693" s="5"/>
      <c r="N2693" s="5"/>
      <c r="O2693" s="5"/>
      <c r="P2693" s="5"/>
      <c r="Q2693" s="5"/>
      <c r="R2693" s="5"/>
      <c r="S2693" s="5"/>
      <c r="T2693" s="5"/>
      <c r="U2693" s="5"/>
      <c r="V2693" s="5"/>
      <c r="W2693" s="5"/>
      <c r="X2693" s="5"/>
      <c r="Y2693" s="5"/>
      <c r="Z2693" s="5"/>
      <c r="AA2693" s="5"/>
      <c r="AB2693" s="5"/>
      <c r="AC2693" s="5"/>
      <c r="AD2693" s="5"/>
      <c r="AE2693" s="5"/>
      <c r="AF2693" s="5"/>
      <c r="AG2693" s="5"/>
      <c r="AH2693" s="5"/>
      <c r="AI2693" s="5"/>
    </row>
    <row r="2694" spans="1:35" ht="27.75" customHeight="1" x14ac:dyDescent="0.4">
      <c r="A2694" s="9" t="s">
        <v>3503</v>
      </c>
      <c r="B2694" s="9" t="s">
        <v>5290</v>
      </c>
      <c r="C2694" s="9" t="s">
        <v>5291</v>
      </c>
      <c r="D2694" s="18">
        <v>1442840064</v>
      </c>
      <c r="E2694" s="11">
        <v>46387</v>
      </c>
      <c r="F2694" s="9" t="s">
        <v>86</v>
      </c>
      <c r="G2694" s="5">
        <v>2692</v>
      </c>
      <c r="H2694" s="12">
        <f t="shared" si="84"/>
        <v>8</v>
      </c>
      <c r="I2694" s="12">
        <f t="shared" si="85"/>
        <v>12</v>
      </c>
      <c r="J2694" s="5"/>
      <c r="K2694" s="5"/>
      <c r="L2694" s="5"/>
      <c r="M2694" s="5"/>
      <c r="N2694" s="5"/>
      <c r="O2694" s="5"/>
      <c r="P2694" s="5"/>
      <c r="Q2694" s="5"/>
      <c r="R2694" s="5"/>
      <c r="S2694" s="5"/>
      <c r="T2694" s="5"/>
      <c r="U2694" s="5"/>
      <c r="V2694" s="5"/>
      <c r="W2694" s="5"/>
      <c r="X2694" s="5"/>
      <c r="Y2694" s="5"/>
      <c r="Z2694" s="5"/>
      <c r="AA2694" s="5"/>
      <c r="AB2694" s="5"/>
      <c r="AC2694" s="5"/>
      <c r="AD2694" s="5"/>
      <c r="AE2694" s="5"/>
      <c r="AF2694" s="5"/>
      <c r="AG2694" s="5"/>
      <c r="AH2694" s="5"/>
      <c r="AI2694" s="5"/>
    </row>
    <row r="2695" spans="1:35" ht="27.75" customHeight="1" x14ac:dyDescent="0.4">
      <c r="A2695" s="9" t="s">
        <v>3503</v>
      </c>
      <c r="B2695" s="9" t="s">
        <v>3966</v>
      </c>
      <c r="C2695" s="9" t="s">
        <v>5292</v>
      </c>
      <c r="D2695" s="18">
        <v>1442881167</v>
      </c>
      <c r="E2695" s="11">
        <v>46387</v>
      </c>
      <c r="F2695" s="9" t="s">
        <v>86</v>
      </c>
      <c r="G2695" s="12">
        <v>2693</v>
      </c>
      <c r="H2695" s="12">
        <f t="shared" si="84"/>
        <v>8</v>
      </c>
      <c r="I2695" s="12">
        <f t="shared" si="85"/>
        <v>6</v>
      </c>
      <c r="J2695" s="5"/>
      <c r="K2695" s="5"/>
      <c r="L2695" s="5"/>
      <c r="M2695" s="5"/>
      <c r="N2695" s="5"/>
      <c r="O2695" s="5"/>
      <c r="P2695" s="5"/>
      <c r="Q2695" s="5"/>
      <c r="R2695" s="5"/>
      <c r="S2695" s="5"/>
      <c r="T2695" s="5"/>
      <c r="U2695" s="5"/>
      <c r="V2695" s="5"/>
      <c r="W2695" s="5"/>
      <c r="X2695" s="5"/>
      <c r="Y2695" s="5"/>
      <c r="Z2695" s="5"/>
      <c r="AA2695" s="5"/>
      <c r="AB2695" s="5"/>
      <c r="AC2695" s="5"/>
      <c r="AD2695" s="5"/>
      <c r="AE2695" s="5"/>
      <c r="AF2695" s="5"/>
      <c r="AG2695" s="5"/>
      <c r="AH2695" s="5"/>
      <c r="AI2695" s="5"/>
    </row>
    <row r="2696" spans="1:35" ht="27.75" customHeight="1" x14ac:dyDescent="0.4">
      <c r="A2696" s="13" t="s">
        <v>3503</v>
      </c>
      <c r="B2696" s="9" t="s">
        <v>5293</v>
      </c>
      <c r="C2696" s="9" t="s">
        <v>5294</v>
      </c>
      <c r="D2696" s="18">
        <v>1442880664</v>
      </c>
      <c r="E2696" s="11">
        <v>46387</v>
      </c>
      <c r="F2696" s="9" t="s">
        <v>86</v>
      </c>
      <c r="G2696" s="5">
        <v>2694</v>
      </c>
      <c r="H2696" s="12">
        <f t="shared" si="84"/>
        <v>11</v>
      </c>
      <c r="I2696" s="12">
        <f t="shared" si="85"/>
        <v>6</v>
      </c>
      <c r="J2696" s="5"/>
      <c r="K2696" s="5"/>
      <c r="L2696" s="5"/>
      <c r="M2696" s="5"/>
      <c r="N2696" s="5"/>
      <c r="O2696" s="5"/>
      <c r="P2696" s="5"/>
      <c r="Q2696" s="5"/>
      <c r="R2696" s="5"/>
      <c r="S2696" s="5"/>
      <c r="T2696" s="5"/>
      <c r="U2696" s="5"/>
      <c r="V2696" s="5"/>
      <c r="W2696" s="5"/>
      <c r="X2696" s="5"/>
      <c r="Y2696" s="5"/>
      <c r="Z2696" s="5"/>
      <c r="AA2696" s="5"/>
      <c r="AB2696" s="5"/>
      <c r="AC2696" s="5"/>
      <c r="AD2696" s="5"/>
      <c r="AE2696" s="5"/>
      <c r="AF2696" s="5"/>
      <c r="AG2696" s="5"/>
      <c r="AH2696" s="5"/>
      <c r="AI2696" s="5"/>
    </row>
    <row r="2697" spans="1:35" ht="27.75" customHeight="1" x14ac:dyDescent="0.4">
      <c r="A2697" s="9" t="s">
        <v>3503</v>
      </c>
      <c r="B2697" s="9" t="s">
        <v>5295</v>
      </c>
      <c r="C2697" s="9" t="s">
        <v>5296</v>
      </c>
      <c r="D2697" s="18">
        <v>1442840478</v>
      </c>
      <c r="E2697" s="11">
        <v>47603</v>
      </c>
      <c r="F2697" s="9" t="s">
        <v>86</v>
      </c>
      <c r="G2697" s="12">
        <v>2695</v>
      </c>
      <c r="H2697" s="12">
        <f t="shared" si="84"/>
        <v>16</v>
      </c>
      <c r="I2697" s="12">
        <f t="shared" si="85"/>
        <v>12</v>
      </c>
      <c r="J2697" s="5"/>
      <c r="K2697" s="5"/>
      <c r="L2697" s="5"/>
      <c r="M2697" s="5"/>
      <c r="N2697" s="5"/>
      <c r="O2697" s="5"/>
      <c r="P2697" s="5"/>
      <c r="Q2697" s="5"/>
      <c r="R2697" s="5"/>
      <c r="S2697" s="5"/>
      <c r="T2697" s="5"/>
      <c r="U2697" s="5"/>
      <c r="V2697" s="5"/>
      <c r="W2697" s="5"/>
      <c r="X2697" s="5"/>
      <c r="Y2697" s="5"/>
      <c r="Z2697" s="5"/>
      <c r="AA2697" s="5"/>
      <c r="AB2697" s="5"/>
      <c r="AC2697" s="5"/>
      <c r="AD2697" s="5"/>
      <c r="AE2697" s="5"/>
      <c r="AF2697" s="5"/>
      <c r="AG2697" s="5"/>
      <c r="AH2697" s="5"/>
      <c r="AI2697" s="5"/>
    </row>
    <row r="2698" spans="1:35" ht="27.75" customHeight="1" x14ac:dyDescent="0.4">
      <c r="A2698" s="13" t="s">
        <v>3503</v>
      </c>
      <c r="B2698" s="9" t="s">
        <v>5297</v>
      </c>
      <c r="C2698" s="9" t="s">
        <v>5298</v>
      </c>
      <c r="D2698" s="18">
        <v>1442840494</v>
      </c>
      <c r="E2698" s="11">
        <v>47603</v>
      </c>
      <c r="F2698" s="9" t="s">
        <v>86</v>
      </c>
      <c r="G2698" s="5">
        <v>2696</v>
      </c>
      <c r="H2698" s="12">
        <f t="shared" si="84"/>
        <v>10</v>
      </c>
      <c r="I2698" s="12">
        <f t="shared" si="85"/>
        <v>10</v>
      </c>
      <c r="J2698" s="24"/>
      <c r="K2698" s="24"/>
      <c r="L2698" s="24"/>
      <c r="M2698" s="5"/>
      <c r="N2698" s="5"/>
      <c r="O2698" s="5"/>
      <c r="P2698" s="5"/>
      <c r="Q2698" s="5"/>
      <c r="R2698" s="5"/>
      <c r="S2698" s="5"/>
      <c r="T2698" s="5"/>
      <c r="U2698" s="5"/>
      <c r="V2698" s="5"/>
      <c r="W2698" s="5"/>
      <c r="X2698" s="5"/>
      <c r="Y2698" s="5"/>
      <c r="Z2698" s="5"/>
      <c r="AA2698" s="5"/>
      <c r="AB2698" s="5"/>
      <c r="AC2698" s="5"/>
      <c r="AD2698" s="5"/>
      <c r="AE2698" s="5"/>
      <c r="AF2698" s="5"/>
      <c r="AG2698" s="5"/>
      <c r="AH2698" s="5"/>
      <c r="AI2698" s="5"/>
    </row>
    <row r="2699" spans="1:35" ht="27.75" customHeight="1" x14ac:dyDescent="0.4">
      <c r="A2699" s="9" t="s">
        <v>3503</v>
      </c>
      <c r="B2699" s="9" t="s">
        <v>5299</v>
      </c>
      <c r="C2699" s="9" t="s">
        <v>5300</v>
      </c>
      <c r="D2699" s="18">
        <v>1442800555</v>
      </c>
      <c r="E2699" s="11">
        <v>46387</v>
      </c>
      <c r="F2699" s="9" t="s">
        <v>86</v>
      </c>
      <c r="G2699" s="12">
        <v>2697</v>
      </c>
      <c r="H2699" s="12">
        <f t="shared" si="84"/>
        <v>11</v>
      </c>
      <c r="I2699" s="12">
        <f t="shared" si="85"/>
        <v>10</v>
      </c>
      <c r="J2699" s="5"/>
      <c r="K2699" s="5"/>
      <c r="L2699" s="5"/>
      <c r="M2699" s="5"/>
      <c r="N2699" s="5"/>
      <c r="O2699" s="5"/>
      <c r="P2699" s="5"/>
      <c r="Q2699" s="5"/>
      <c r="R2699" s="5"/>
      <c r="S2699" s="5"/>
      <c r="T2699" s="5"/>
      <c r="U2699" s="5"/>
      <c r="V2699" s="5"/>
      <c r="W2699" s="5"/>
      <c r="X2699" s="5"/>
      <c r="Y2699" s="5"/>
      <c r="Z2699" s="5"/>
      <c r="AA2699" s="5"/>
      <c r="AB2699" s="5"/>
      <c r="AC2699" s="5"/>
      <c r="AD2699" s="5"/>
      <c r="AE2699" s="5"/>
      <c r="AF2699" s="5"/>
      <c r="AG2699" s="5"/>
      <c r="AH2699" s="5"/>
      <c r="AI2699" s="5"/>
    </row>
    <row r="2700" spans="1:35" ht="27.75" customHeight="1" x14ac:dyDescent="0.4">
      <c r="A2700" s="9" t="s">
        <v>3503</v>
      </c>
      <c r="B2700" s="9" t="s">
        <v>5301</v>
      </c>
      <c r="C2700" s="9" t="s">
        <v>5302</v>
      </c>
      <c r="D2700" s="18">
        <v>1442840072</v>
      </c>
      <c r="E2700" s="11">
        <v>46538</v>
      </c>
      <c r="F2700" s="9" t="s">
        <v>86</v>
      </c>
      <c r="G2700" s="5">
        <v>2698</v>
      </c>
      <c r="H2700" s="12">
        <f t="shared" si="84"/>
        <v>26</v>
      </c>
      <c r="I2700" s="12">
        <f t="shared" si="85"/>
        <v>4</v>
      </c>
      <c r="J2700" s="24"/>
      <c r="K2700" s="24"/>
      <c r="L2700" s="24"/>
      <c r="M2700" s="24"/>
      <c r="N2700" s="24"/>
      <c r="O2700" s="24"/>
      <c r="P2700" s="24"/>
      <c r="Q2700" s="24"/>
      <c r="R2700" s="24"/>
      <c r="S2700" s="24"/>
      <c r="T2700" s="24"/>
      <c r="U2700" s="24"/>
      <c r="V2700" s="24"/>
      <c r="W2700" s="24"/>
      <c r="X2700" s="24"/>
      <c r="Y2700" s="24"/>
      <c r="Z2700" s="24"/>
      <c r="AA2700" s="24"/>
      <c r="AB2700" s="24"/>
      <c r="AC2700" s="24"/>
      <c r="AD2700" s="24"/>
      <c r="AE2700" s="24"/>
      <c r="AF2700" s="24"/>
      <c r="AG2700" s="24"/>
      <c r="AH2700" s="24"/>
      <c r="AI2700" s="24"/>
    </row>
    <row r="2701" spans="1:35" ht="27.75" customHeight="1" x14ac:dyDescent="0.4">
      <c r="A2701" s="9" t="s">
        <v>3503</v>
      </c>
      <c r="B2701" s="13" t="s">
        <v>5303</v>
      </c>
      <c r="C2701" s="13" t="s">
        <v>5304</v>
      </c>
      <c r="D2701" s="18">
        <v>1442840445</v>
      </c>
      <c r="E2701" s="11">
        <v>47452</v>
      </c>
      <c r="F2701" s="9" t="s">
        <v>86</v>
      </c>
      <c r="G2701" s="12">
        <v>2699</v>
      </c>
      <c r="H2701" s="12">
        <f t="shared" si="84"/>
        <v>10</v>
      </c>
      <c r="I2701" s="12">
        <f t="shared" si="85"/>
        <v>12</v>
      </c>
      <c r="J2701" s="5"/>
      <c r="K2701" s="5"/>
      <c r="L2701" s="5"/>
      <c r="M2701" s="5"/>
      <c r="N2701" s="5"/>
      <c r="O2701" s="5"/>
      <c r="P2701" s="5"/>
      <c r="Q2701" s="5"/>
      <c r="R2701" s="5"/>
      <c r="S2701" s="5"/>
      <c r="T2701" s="5"/>
      <c r="U2701" s="5"/>
      <c r="V2701" s="5"/>
      <c r="W2701" s="5"/>
      <c r="X2701" s="5"/>
      <c r="Y2701" s="5"/>
      <c r="Z2701" s="5"/>
      <c r="AA2701" s="5"/>
      <c r="AB2701" s="5"/>
      <c r="AC2701" s="5"/>
      <c r="AD2701" s="5"/>
      <c r="AE2701" s="5"/>
      <c r="AF2701" s="5"/>
      <c r="AG2701" s="5"/>
      <c r="AH2701" s="5"/>
      <c r="AI2701" s="5"/>
    </row>
    <row r="2702" spans="1:35" ht="27.75" customHeight="1" x14ac:dyDescent="0.4">
      <c r="A2702" s="9" t="s">
        <v>3503</v>
      </c>
      <c r="B2702" s="13" t="s">
        <v>5305</v>
      </c>
      <c r="C2702" s="13" t="s">
        <v>5306</v>
      </c>
      <c r="D2702" s="18">
        <v>1442840585</v>
      </c>
      <c r="E2702" s="11">
        <v>47968</v>
      </c>
      <c r="F2702" s="9" t="s">
        <v>86</v>
      </c>
      <c r="G2702" s="5">
        <v>2700</v>
      </c>
      <c r="H2702" s="12">
        <f t="shared" si="84"/>
        <v>10</v>
      </c>
      <c r="I2702" s="12">
        <f t="shared" si="85"/>
        <v>17</v>
      </c>
      <c r="J2702" s="5"/>
      <c r="K2702" s="5"/>
      <c r="L2702" s="5"/>
      <c r="M2702" s="5"/>
      <c r="N2702" s="5"/>
      <c r="O2702" s="5"/>
      <c r="P2702" s="5"/>
      <c r="Q2702" s="5"/>
      <c r="R2702" s="5"/>
      <c r="S2702" s="5"/>
      <c r="T2702" s="5"/>
      <c r="U2702" s="5"/>
      <c r="V2702" s="5"/>
      <c r="W2702" s="5"/>
      <c r="X2702" s="5"/>
      <c r="Y2702" s="5"/>
      <c r="Z2702" s="5"/>
      <c r="AA2702" s="5"/>
      <c r="AB2702" s="5"/>
      <c r="AC2702" s="5"/>
      <c r="AD2702" s="5"/>
      <c r="AE2702" s="5"/>
      <c r="AF2702" s="5"/>
      <c r="AG2702" s="5"/>
      <c r="AH2702" s="5"/>
      <c r="AI2702" s="5"/>
    </row>
    <row r="2703" spans="1:35" ht="27.75" customHeight="1" x14ac:dyDescent="0.4">
      <c r="A2703" s="9" t="s">
        <v>3503</v>
      </c>
      <c r="B2703" s="9" t="s">
        <v>5307</v>
      </c>
      <c r="C2703" s="9" t="s">
        <v>5308</v>
      </c>
      <c r="D2703" s="18">
        <v>1442800407</v>
      </c>
      <c r="E2703" s="11">
        <v>46387</v>
      </c>
      <c r="F2703" s="9" t="s">
        <v>86</v>
      </c>
      <c r="G2703" s="12">
        <v>2701</v>
      </c>
      <c r="H2703" s="12">
        <f t="shared" si="84"/>
        <v>9</v>
      </c>
      <c r="I2703" s="12">
        <f t="shared" si="85"/>
        <v>13</v>
      </c>
      <c r="J2703" s="5"/>
      <c r="K2703" s="5"/>
      <c r="L2703" s="5"/>
      <c r="M2703" s="5"/>
      <c r="N2703" s="5"/>
      <c r="O2703" s="5"/>
      <c r="P2703" s="5"/>
      <c r="Q2703" s="5"/>
      <c r="R2703" s="5"/>
      <c r="S2703" s="5"/>
      <c r="T2703" s="5"/>
      <c r="U2703" s="5"/>
      <c r="V2703" s="5"/>
      <c r="W2703" s="5"/>
      <c r="X2703" s="5"/>
      <c r="Y2703" s="5"/>
      <c r="Z2703" s="5"/>
      <c r="AA2703" s="5"/>
      <c r="AB2703" s="5"/>
      <c r="AC2703" s="5"/>
      <c r="AD2703" s="5"/>
      <c r="AE2703" s="5"/>
      <c r="AF2703" s="5"/>
      <c r="AG2703" s="5"/>
      <c r="AH2703" s="5"/>
      <c r="AI2703" s="5"/>
    </row>
    <row r="2704" spans="1:35" ht="27.75" customHeight="1" x14ac:dyDescent="0.4">
      <c r="A2704" s="22" t="s">
        <v>3503</v>
      </c>
      <c r="B2704" s="16" t="s">
        <v>5309</v>
      </c>
      <c r="C2704" s="16" t="s">
        <v>5310</v>
      </c>
      <c r="D2704" s="21">
        <v>1442840262</v>
      </c>
      <c r="E2704" s="11">
        <v>48334</v>
      </c>
      <c r="F2704" s="9" t="s">
        <v>86</v>
      </c>
      <c r="G2704" s="5">
        <v>2702</v>
      </c>
      <c r="H2704" s="12">
        <f t="shared" si="84"/>
        <v>13</v>
      </c>
      <c r="I2704" s="12">
        <f t="shared" si="85"/>
        <v>13</v>
      </c>
      <c r="J2704" s="5"/>
      <c r="K2704" s="5"/>
      <c r="L2704" s="5"/>
      <c r="M2704" s="5"/>
      <c r="N2704" s="5"/>
      <c r="O2704" s="5"/>
      <c r="P2704" s="5"/>
      <c r="Q2704" s="5"/>
      <c r="R2704" s="5"/>
      <c r="S2704" s="5"/>
      <c r="T2704" s="5"/>
      <c r="U2704" s="5"/>
      <c r="V2704" s="5"/>
      <c r="W2704" s="5"/>
      <c r="X2704" s="5"/>
      <c r="Y2704" s="5"/>
      <c r="Z2704" s="5"/>
      <c r="AA2704" s="5"/>
      <c r="AB2704" s="5"/>
      <c r="AC2704" s="5"/>
      <c r="AD2704" s="5"/>
      <c r="AE2704" s="5"/>
      <c r="AF2704" s="5"/>
      <c r="AG2704" s="5"/>
      <c r="AH2704" s="5"/>
      <c r="AI2704" s="5"/>
    </row>
    <row r="2705" spans="1:35" ht="27.75" customHeight="1" x14ac:dyDescent="0.4">
      <c r="A2705" s="9" t="s">
        <v>3503</v>
      </c>
      <c r="B2705" s="9" t="s">
        <v>5311</v>
      </c>
      <c r="C2705" s="9" t="s">
        <v>5312</v>
      </c>
      <c r="D2705" s="18">
        <v>1442840346</v>
      </c>
      <c r="E2705" s="11">
        <v>46721</v>
      </c>
      <c r="F2705" s="9" t="s">
        <v>86</v>
      </c>
      <c r="G2705" s="12">
        <v>2703</v>
      </c>
      <c r="H2705" s="12">
        <f t="shared" si="84"/>
        <v>11</v>
      </c>
      <c r="I2705" s="12">
        <f t="shared" si="85"/>
        <v>12</v>
      </c>
      <c r="J2705" s="5"/>
      <c r="K2705" s="5"/>
      <c r="L2705" s="5"/>
      <c r="M2705" s="5"/>
      <c r="N2705" s="5"/>
      <c r="O2705" s="5"/>
      <c r="P2705" s="5"/>
      <c r="Q2705" s="5"/>
      <c r="R2705" s="5"/>
      <c r="S2705" s="5"/>
      <c r="T2705" s="5"/>
      <c r="U2705" s="5"/>
      <c r="V2705" s="5"/>
      <c r="W2705" s="5"/>
      <c r="X2705" s="5"/>
      <c r="Y2705" s="5"/>
      <c r="Z2705" s="5"/>
      <c r="AA2705" s="5"/>
      <c r="AB2705" s="5"/>
      <c r="AC2705" s="5"/>
      <c r="AD2705" s="5"/>
      <c r="AE2705" s="5"/>
      <c r="AF2705" s="5"/>
      <c r="AG2705" s="5"/>
      <c r="AH2705" s="5"/>
      <c r="AI2705" s="5"/>
    </row>
    <row r="2706" spans="1:35" ht="27.75" customHeight="1" x14ac:dyDescent="0.4">
      <c r="A2706" s="9" t="s">
        <v>3503</v>
      </c>
      <c r="B2706" s="9" t="s">
        <v>5313</v>
      </c>
      <c r="C2706" s="9" t="s">
        <v>5314</v>
      </c>
      <c r="D2706" s="18">
        <v>1442840544</v>
      </c>
      <c r="E2706" s="11">
        <v>47848</v>
      </c>
      <c r="F2706" s="9" t="s">
        <v>86</v>
      </c>
      <c r="G2706" s="5">
        <v>2704</v>
      </c>
      <c r="H2706" s="12">
        <f t="shared" si="84"/>
        <v>29</v>
      </c>
      <c r="I2706" s="12">
        <f t="shared" si="85"/>
        <v>5</v>
      </c>
      <c r="J2706" s="5"/>
      <c r="K2706" s="5"/>
      <c r="L2706" s="5"/>
      <c r="M2706" s="5"/>
      <c r="N2706" s="5"/>
      <c r="O2706" s="5"/>
      <c r="P2706" s="5"/>
      <c r="Q2706" s="5"/>
      <c r="R2706" s="5"/>
      <c r="S2706" s="5"/>
      <c r="T2706" s="5"/>
      <c r="U2706" s="5"/>
      <c r="V2706" s="5"/>
      <c r="W2706" s="5"/>
      <c r="X2706" s="5"/>
      <c r="Y2706" s="5"/>
      <c r="Z2706" s="5"/>
      <c r="AA2706" s="5"/>
      <c r="AB2706" s="5"/>
      <c r="AC2706" s="5"/>
      <c r="AD2706" s="5"/>
      <c r="AE2706" s="5"/>
      <c r="AF2706" s="5"/>
      <c r="AG2706" s="5"/>
      <c r="AH2706" s="5"/>
      <c r="AI2706" s="5"/>
    </row>
    <row r="2707" spans="1:35" ht="27.75" customHeight="1" x14ac:dyDescent="0.4">
      <c r="A2707" s="9" t="s">
        <v>3503</v>
      </c>
      <c r="B2707" s="9" t="s">
        <v>5315</v>
      </c>
      <c r="C2707" s="9" t="s">
        <v>5316</v>
      </c>
      <c r="D2707" s="18">
        <v>1442840197</v>
      </c>
      <c r="E2707" s="11">
        <v>47634</v>
      </c>
      <c r="F2707" s="9" t="s">
        <v>86</v>
      </c>
      <c r="G2707" s="12">
        <v>2705</v>
      </c>
      <c r="H2707" s="12">
        <f t="shared" si="84"/>
        <v>12</v>
      </c>
      <c r="I2707" s="12">
        <f t="shared" si="85"/>
        <v>6</v>
      </c>
      <c r="J2707" s="24"/>
      <c r="K2707" s="24"/>
      <c r="L2707" s="24"/>
      <c r="M2707" s="5"/>
      <c r="N2707" s="5"/>
      <c r="O2707" s="5"/>
      <c r="P2707" s="5"/>
      <c r="Q2707" s="5"/>
      <c r="R2707" s="5"/>
      <c r="S2707" s="5"/>
      <c r="T2707" s="5"/>
      <c r="U2707" s="5"/>
      <c r="V2707" s="5"/>
      <c r="W2707" s="5"/>
      <c r="X2707" s="5"/>
      <c r="Y2707" s="5"/>
      <c r="Z2707" s="5"/>
      <c r="AA2707" s="5"/>
      <c r="AB2707" s="5"/>
      <c r="AC2707" s="5"/>
      <c r="AD2707" s="5"/>
      <c r="AE2707" s="5"/>
      <c r="AF2707" s="5"/>
      <c r="AG2707" s="5"/>
      <c r="AH2707" s="5"/>
      <c r="AI2707" s="5"/>
    </row>
    <row r="2708" spans="1:35" ht="27.75" customHeight="1" x14ac:dyDescent="0.4">
      <c r="A2708" s="9" t="s">
        <v>3503</v>
      </c>
      <c r="B2708" s="9" t="s">
        <v>5317</v>
      </c>
      <c r="C2708" s="9" t="s">
        <v>5318</v>
      </c>
      <c r="D2708" s="18">
        <v>1442840486</v>
      </c>
      <c r="E2708" s="11">
        <v>47664</v>
      </c>
      <c r="F2708" s="9" t="s">
        <v>86</v>
      </c>
      <c r="G2708" s="5">
        <v>2706</v>
      </c>
      <c r="H2708" s="12">
        <f t="shared" si="84"/>
        <v>12</v>
      </c>
      <c r="I2708" s="12">
        <f t="shared" si="85"/>
        <v>11</v>
      </c>
    </row>
    <row r="2709" spans="1:35" ht="27.75" customHeight="1" x14ac:dyDescent="0.4">
      <c r="A2709" s="9" t="s">
        <v>3503</v>
      </c>
      <c r="B2709" s="13" t="s">
        <v>5191</v>
      </c>
      <c r="C2709" s="13" t="s">
        <v>5319</v>
      </c>
      <c r="D2709" s="26">
        <v>1442840221</v>
      </c>
      <c r="E2709" s="11">
        <v>47695</v>
      </c>
      <c r="F2709" s="9" t="s">
        <v>86</v>
      </c>
      <c r="G2709" s="12">
        <v>2707</v>
      </c>
      <c r="H2709" s="12">
        <f t="shared" si="84"/>
        <v>23</v>
      </c>
      <c r="I2709" s="12">
        <f t="shared" si="85"/>
        <v>5</v>
      </c>
      <c r="J2709" s="5"/>
      <c r="K2709" s="5"/>
      <c r="L2709" s="5"/>
      <c r="M2709" s="5"/>
      <c r="N2709" s="5"/>
      <c r="O2709" s="5"/>
      <c r="P2709" s="5"/>
      <c r="Q2709" s="5"/>
      <c r="R2709" s="5"/>
      <c r="S2709" s="5"/>
      <c r="T2709" s="5"/>
      <c r="U2709" s="5"/>
      <c r="V2709" s="5"/>
      <c r="W2709" s="5"/>
      <c r="X2709" s="5"/>
      <c r="Y2709" s="5"/>
      <c r="Z2709" s="5"/>
      <c r="AA2709" s="5"/>
      <c r="AB2709" s="5"/>
      <c r="AC2709" s="5"/>
      <c r="AD2709" s="5"/>
      <c r="AE2709" s="5"/>
      <c r="AF2709" s="5"/>
      <c r="AG2709" s="5"/>
      <c r="AH2709" s="5"/>
      <c r="AI2709" s="5"/>
    </row>
    <row r="2710" spans="1:35" ht="27.75" customHeight="1" x14ac:dyDescent="0.4">
      <c r="A2710" s="9" t="s">
        <v>3503</v>
      </c>
      <c r="B2710" s="16" t="s">
        <v>5320</v>
      </c>
      <c r="C2710" s="9" t="s">
        <v>5321</v>
      </c>
      <c r="D2710" s="18">
        <v>1442840437</v>
      </c>
      <c r="E2710" s="11">
        <v>47361</v>
      </c>
      <c r="F2710" s="9" t="s">
        <v>86</v>
      </c>
      <c r="G2710" s="5">
        <v>2708</v>
      </c>
      <c r="H2710" s="12">
        <f t="shared" si="84"/>
        <v>11</v>
      </c>
      <c r="I2710" s="12">
        <f t="shared" si="85"/>
        <v>13</v>
      </c>
      <c r="J2710" s="5"/>
      <c r="K2710" s="5"/>
      <c r="L2710" s="5"/>
      <c r="M2710" s="5"/>
      <c r="N2710" s="5"/>
      <c r="O2710" s="5"/>
      <c r="P2710" s="5"/>
      <c r="Q2710" s="5"/>
      <c r="R2710" s="5"/>
      <c r="S2710" s="5"/>
      <c r="T2710" s="5"/>
      <c r="U2710" s="5"/>
      <c r="V2710" s="5"/>
      <c r="W2710" s="5"/>
      <c r="X2710" s="5"/>
      <c r="Y2710" s="5"/>
      <c r="Z2710" s="5"/>
      <c r="AA2710" s="5"/>
      <c r="AB2710" s="5"/>
      <c r="AC2710" s="5"/>
      <c r="AD2710" s="5"/>
      <c r="AE2710" s="5"/>
      <c r="AF2710" s="5"/>
      <c r="AG2710" s="5"/>
      <c r="AH2710" s="5"/>
      <c r="AI2710" s="5"/>
    </row>
    <row r="2711" spans="1:35" ht="27.75" customHeight="1" x14ac:dyDescent="0.4">
      <c r="A2711" s="9" t="s">
        <v>3503</v>
      </c>
      <c r="B2711" s="9" t="s">
        <v>5322</v>
      </c>
      <c r="C2711" s="9" t="s">
        <v>1839</v>
      </c>
      <c r="D2711" s="18">
        <v>1442800381</v>
      </c>
      <c r="E2711" s="11">
        <v>46387</v>
      </c>
      <c r="F2711" s="9" t="s">
        <v>86</v>
      </c>
      <c r="G2711" s="12">
        <v>2709</v>
      </c>
      <c r="H2711" s="12">
        <f t="shared" si="84"/>
        <v>13</v>
      </c>
      <c r="I2711" s="12">
        <f t="shared" si="85"/>
        <v>13</v>
      </c>
      <c r="J2711" s="5"/>
      <c r="K2711" s="5"/>
      <c r="L2711" s="5"/>
      <c r="M2711" s="5"/>
      <c r="N2711" s="5"/>
      <c r="O2711" s="5"/>
      <c r="P2711" s="5"/>
      <c r="Q2711" s="5"/>
      <c r="R2711" s="5"/>
      <c r="S2711" s="5"/>
      <c r="T2711" s="5"/>
      <c r="U2711" s="5"/>
      <c r="V2711" s="5"/>
      <c r="W2711" s="5"/>
      <c r="X2711" s="5"/>
      <c r="Y2711" s="5"/>
      <c r="Z2711" s="5"/>
      <c r="AA2711" s="5"/>
      <c r="AB2711" s="5"/>
      <c r="AC2711" s="5"/>
      <c r="AD2711" s="5"/>
      <c r="AE2711" s="5"/>
      <c r="AF2711" s="5"/>
      <c r="AG2711" s="5"/>
      <c r="AH2711" s="5"/>
      <c r="AI2711" s="5"/>
    </row>
    <row r="2712" spans="1:35" ht="27.75" customHeight="1" x14ac:dyDescent="0.4">
      <c r="A2712" s="9" t="s">
        <v>3503</v>
      </c>
      <c r="B2712" s="9" t="s">
        <v>5323</v>
      </c>
      <c r="C2712" s="9" t="s">
        <v>5324</v>
      </c>
      <c r="D2712" s="18">
        <v>1442800126</v>
      </c>
      <c r="E2712" s="11">
        <v>46387</v>
      </c>
      <c r="F2712" s="9" t="s">
        <v>86</v>
      </c>
      <c r="G2712" s="5">
        <v>2710</v>
      </c>
      <c r="H2712" s="12">
        <f t="shared" si="84"/>
        <v>12</v>
      </c>
      <c r="I2712" s="12">
        <f t="shared" si="85"/>
        <v>9</v>
      </c>
      <c r="J2712" s="5"/>
      <c r="K2712" s="5"/>
      <c r="L2712" s="5"/>
      <c r="M2712" s="5"/>
      <c r="N2712" s="5"/>
      <c r="O2712" s="5"/>
      <c r="P2712" s="5"/>
      <c r="Q2712" s="5"/>
      <c r="R2712" s="5"/>
      <c r="S2712" s="5"/>
      <c r="T2712" s="5"/>
      <c r="U2712" s="5"/>
      <c r="V2712" s="5"/>
      <c r="W2712" s="5"/>
      <c r="X2712" s="5"/>
      <c r="Y2712" s="5"/>
      <c r="Z2712" s="5"/>
      <c r="AA2712" s="5"/>
      <c r="AB2712" s="5"/>
      <c r="AC2712" s="5"/>
      <c r="AD2712" s="5"/>
      <c r="AE2712" s="5"/>
      <c r="AF2712" s="5"/>
      <c r="AG2712" s="5"/>
      <c r="AH2712" s="5"/>
      <c r="AI2712" s="5"/>
    </row>
    <row r="2713" spans="1:35" ht="27.75" customHeight="1" x14ac:dyDescent="0.4">
      <c r="A2713" s="9" t="s">
        <v>3503</v>
      </c>
      <c r="B2713" s="9" t="s">
        <v>5325</v>
      </c>
      <c r="C2713" s="9" t="s">
        <v>5326</v>
      </c>
      <c r="D2713" s="18">
        <v>1442880714</v>
      </c>
      <c r="E2713" s="11">
        <v>46387</v>
      </c>
      <c r="F2713" s="9" t="s">
        <v>86</v>
      </c>
      <c r="G2713" s="12">
        <v>2711</v>
      </c>
      <c r="H2713" s="12">
        <f t="shared" si="84"/>
        <v>16</v>
      </c>
      <c r="I2713" s="12">
        <f t="shared" si="85"/>
        <v>10</v>
      </c>
      <c r="J2713" s="5"/>
      <c r="K2713" s="5"/>
      <c r="L2713" s="5"/>
      <c r="M2713" s="5"/>
      <c r="N2713" s="5"/>
      <c r="O2713" s="5"/>
      <c r="P2713" s="5"/>
      <c r="Q2713" s="5"/>
      <c r="R2713" s="5"/>
      <c r="S2713" s="5"/>
      <c r="T2713" s="5"/>
      <c r="U2713" s="5"/>
      <c r="V2713" s="5"/>
      <c r="W2713" s="5"/>
      <c r="X2713" s="5"/>
      <c r="Y2713" s="5"/>
      <c r="Z2713" s="5"/>
      <c r="AA2713" s="5"/>
      <c r="AB2713" s="5"/>
      <c r="AC2713" s="5"/>
      <c r="AD2713" s="5"/>
      <c r="AE2713" s="5"/>
      <c r="AF2713" s="5"/>
      <c r="AG2713" s="5"/>
      <c r="AH2713" s="5"/>
      <c r="AI2713" s="5"/>
    </row>
    <row r="2714" spans="1:35" ht="27.75" customHeight="1" x14ac:dyDescent="0.4">
      <c r="A2714" s="9" t="s">
        <v>3503</v>
      </c>
      <c r="B2714" s="9" t="s">
        <v>5327</v>
      </c>
      <c r="C2714" s="9" t="s">
        <v>5328</v>
      </c>
      <c r="D2714" s="18">
        <v>1442840122</v>
      </c>
      <c r="E2714" s="11">
        <v>47026</v>
      </c>
      <c r="F2714" s="9" t="s">
        <v>86</v>
      </c>
      <c r="G2714" s="5">
        <v>2712</v>
      </c>
      <c r="H2714" s="12">
        <f t="shared" si="84"/>
        <v>14</v>
      </c>
      <c r="I2714" s="12">
        <f t="shared" si="85"/>
        <v>11</v>
      </c>
      <c r="J2714" s="5"/>
      <c r="K2714" s="5"/>
      <c r="L2714" s="5"/>
      <c r="M2714" s="5"/>
      <c r="N2714" s="5"/>
      <c r="O2714" s="5"/>
      <c r="P2714" s="5"/>
      <c r="Q2714" s="5"/>
      <c r="R2714" s="5"/>
      <c r="S2714" s="5"/>
      <c r="T2714" s="5"/>
      <c r="U2714" s="5"/>
      <c r="V2714" s="5"/>
      <c r="W2714" s="5"/>
      <c r="X2714" s="5"/>
      <c r="Y2714" s="5"/>
      <c r="Z2714" s="5"/>
      <c r="AA2714" s="5"/>
      <c r="AB2714" s="5"/>
      <c r="AC2714" s="5"/>
      <c r="AD2714" s="5"/>
      <c r="AE2714" s="5"/>
      <c r="AF2714" s="5"/>
      <c r="AG2714" s="5"/>
      <c r="AH2714" s="5"/>
      <c r="AI2714" s="5"/>
    </row>
    <row r="2715" spans="1:35" ht="27.75" customHeight="1" x14ac:dyDescent="0.4">
      <c r="A2715" s="9" t="s">
        <v>3503</v>
      </c>
      <c r="B2715" s="14" t="s">
        <v>5329</v>
      </c>
      <c r="C2715" s="9" t="s">
        <v>5330</v>
      </c>
      <c r="D2715" s="18">
        <v>1442881183</v>
      </c>
      <c r="E2715" s="11">
        <v>46387</v>
      </c>
      <c r="F2715" s="9" t="s">
        <v>86</v>
      </c>
      <c r="G2715" s="12">
        <v>2713</v>
      </c>
      <c r="H2715" s="12">
        <f t="shared" si="84"/>
        <v>12</v>
      </c>
      <c r="I2715" s="12">
        <f t="shared" si="85"/>
        <v>15</v>
      </c>
      <c r="J2715" s="5"/>
      <c r="K2715" s="5"/>
      <c r="L2715" s="5"/>
      <c r="M2715" s="5"/>
      <c r="N2715" s="5"/>
      <c r="O2715" s="5"/>
      <c r="P2715" s="5"/>
      <c r="Q2715" s="5"/>
      <c r="R2715" s="5"/>
      <c r="S2715" s="5"/>
      <c r="T2715" s="5"/>
      <c r="U2715" s="5"/>
      <c r="V2715" s="5"/>
      <c r="W2715" s="5"/>
      <c r="X2715" s="5"/>
      <c r="Y2715" s="5"/>
      <c r="Z2715" s="5"/>
      <c r="AA2715" s="5"/>
      <c r="AB2715" s="5"/>
      <c r="AC2715" s="5"/>
      <c r="AD2715" s="5"/>
      <c r="AE2715" s="5"/>
      <c r="AF2715" s="5"/>
      <c r="AG2715" s="5"/>
      <c r="AH2715" s="5"/>
      <c r="AI2715" s="5"/>
    </row>
    <row r="2716" spans="1:35" ht="27.75" customHeight="1" x14ac:dyDescent="0.4">
      <c r="A2716" s="17" t="s">
        <v>3503</v>
      </c>
      <c r="B2716" s="15" t="s">
        <v>5331</v>
      </c>
      <c r="C2716" s="16" t="s">
        <v>5332</v>
      </c>
      <c r="D2716" s="10">
        <v>1442880771</v>
      </c>
      <c r="E2716" s="11">
        <v>46387</v>
      </c>
      <c r="F2716" s="9" t="s">
        <v>86</v>
      </c>
      <c r="G2716" s="5">
        <v>2714</v>
      </c>
      <c r="H2716" s="12">
        <f t="shared" si="84"/>
        <v>23</v>
      </c>
      <c r="I2716" s="12">
        <f t="shared" si="85"/>
        <v>7</v>
      </c>
      <c r="J2716" s="5"/>
      <c r="K2716" s="5"/>
      <c r="L2716" s="5"/>
      <c r="M2716" s="5"/>
      <c r="N2716" s="5"/>
      <c r="O2716" s="5"/>
      <c r="P2716" s="5"/>
      <c r="Q2716" s="5"/>
      <c r="R2716" s="5"/>
      <c r="S2716" s="5"/>
      <c r="T2716" s="5"/>
      <c r="U2716" s="5"/>
      <c r="V2716" s="5"/>
      <c r="W2716" s="5"/>
      <c r="X2716" s="5"/>
      <c r="Y2716" s="5"/>
      <c r="Z2716" s="5"/>
      <c r="AA2716" s="5"/>
      <c r="AB2716" s="5"/>
      <c r="AC2716" s="5"/>
      <c r="AD2716" s="5"/>
      <c r="AE2716" s="5"/>
      <c r="AF2716" s="5"/>
      <c r="AG2716" s="5"/>
      <c r="AH2716" s="5"/>
      <c r="AI2716" s="5"/>
    </row>
    <row r="2717" spans="1:35" ht="27.75" customHeight="1" x14ac:dyDescent="0.4">
      <c r="A2717" s="9" t="s">
        <v>3503</v>
      </c>
      <c r="B2717" s="9" t="s">
        <v>5333</v>
      </c>
      <c r="C2717" s="9" t="s">
        <v>5334</v>
      </c>
      <c r="D2717" s="18">
        <v>1442840080</v>
      </c>
      <c r="E2717" s="11">
        <v>46507</v>
      </c>
      <c r="F2717" s="9" t="s">
        <v>86</v>
      </c>
      <c r="G2717" s="12">
        <v>2715</v>
      </c>
      <c r="H2717" s="12">
        <f t="shared" si="84"/>
        <v>12</v>
      </c>
      <c r="I2717" s="12">
        <f t="shared" si="85"/>
        <v>5</v>
      </c>
      <c r="J2717" s="5"/>
      <c r="K2717" s="5"/>
      <c r="L2717" s="5"/>
      <c r="M2717" s="5"/>
      <c r="N2717" s="5"/>
      <c r="O2717" s="5"/>
      <c r="P2717" s="5"/>
      <c r="Q2717" s="5"/>
      <c r="R2717" s="5"/>
      <c r="S2717" s="5"/>
      <c r="T2717" s="5"/>
      <c r="U2717" s="5"/>
      <c r="V2717" s="5"/>
      <c r="W2717" s="5"/>
      <c r="X2717" s="5"/>
      <c r="Y2717" s="5"/>
      <c r="Z2717" s="5"/>
      <c r="AA2717" s="5"/>
      <c r="AB2717" s="5"/>
      <c r="AC2717" s="5"/>
      <c r="AD2717" s="5"/>
      <c r="AE2717" s="5"/>
      <c r="AF2717" s="5"/>
      <c r="AG2717" s="5"/>
      <c r="AH2717" s="5"/>
      <c r="AI2717" s="5"/>
    </row>
    <row r="2718" spans="1:35" ht="27.75" customHeight="1" x14ac:dyDescent="0.4">
      <c r="A2718" s="29" t="s">
        <v>3503</v>
      </c>
      <c r="B2718" s="16" t="s">
        <v>5335</v>
      </c>
      <c r="C2718" s="16" t="s">
        <v>5336</v>
      </c>
      <c r="D2718" s="10">
        <v>1442800530</v>
      </c>
      <c r="E2718" s="11">
        <v>46387</v>
      </c>
      <c r="F2718" s="9" t="s">
        <v>86</v>
      </c>
      <c r="G2718" s="5">
        <v>2716</v>
      </c>
      <c r="H2718" s="12">
        <f t="shared" si="84"/>
        <v>11</v>
      </c>
      <c r="I2718" s="12">
        <f t="shared" si="85"/>
        <v>4</v>
      </c>
      <c r="J2718" s="5"/>
      <c r="K2718" s="5"/>
      <c r="L2718" s="5"/>
      <c r="M2718" s="5"/>
      <c r="N2718" s="5"/>
      <c r="O2718" s="5"/>
      <c r="P2718" s="5"/>
      <c r="Q2718" s="5"/>
      <c r="R2718" s="5"/>
      <c r="S2718" s="5"/>
      <c r="T2718" s="5"/>
      <c r="U2718" s="5"/>
      <c r="V2718" s="5"/>
      <c r="W2718" s="5"/>
      <c r="X2718" s="5"/>
      <c r="Y2718" s="5"/>
      <c r="Z2718" s="5"/>
      <c r="AA2718" s="5"/>
      <c r="AB2718" s="5"/>
      <c r="AC2718" s="5"/>
      <c r="AD2718" s="5"/>
      <c r="AE2718" s="5"/>
      <c r="AF2718" s="5"/>
      <c r="AG2718" s="5"/>
      <c r="AH2718" s="5"/>
      <c r="AI2718" s="5"/>
    </row>
    <row r="2719" spans="1:35" ht="27.75" customHeight="1" x14ac:dyDescent="0.4">
      <c r="A2719" s="15" t="s">
        <v>3503</v>
      </c>
      <c r="B2719" s="15" t="s">
        <v>5337</v>
      </c>
      <c r="C2719" s="15" t="s">
        <v>5338</v>
      </c>
      <c r="D2719" s="21">
        <v>1442800449</v>
      </c>
      <c r="E2719" s="11">
        <v>46387</v>
      </c>
      <c r="F2719" s="9" t="s">
        <v>86</v>
      </c>
      <c r="G2719" s="12">
        <v>2717</v>
      </c>
      <c r="H2719" s="12">
        <f t="shared" si="84"/>
        <v>12</v>
      </c>
      <c r="I2719" s="12">
        <f t="shared" si="85"/>
        <v>4</v>
      </c>
      <c r="J2719" s="5"/>
      <c r="K2719" s="5"/>
      <c r="L2719" s="5"/>
      <c r="M2719" s="5"/>
      <c r="N2719" s="5"/>
      <c r="O2719" s="5"/>
      <c r="P2719" s="5"/>
      <c r="Q2719" s="5"/>
      <c r="R2719" s="5"/>
      <c r="S2719" s="5"/>
      <c r="T2719" s="5"/>
      <c r="U2719" s="5"/>
      <c r="V2719" s="5"/>
      <c r="W2719" s="5"/>
      <c r="X2719" s="5"/>
      <c r="Y2719" s="5"/>
      <c r="Z2719" s="5"/>
      <c r="AA2719" s="5"/>
      <c r="AB2719" s="5"/>
      <c r="AC2719" s="5"/>
      <c r="AD2719" s="5"/>
      <c r="AE2719" s="5"/>
      <c r="AF2719" s="5"/>
      <c r="AG2719" s="5"/>
      <c r="AH2719" s="5"/>
      <c r="AI2719" s="5"/>
    </row>
    <row r="2720" spans="1:35" ht="27.75" customHeight="1" x14ac:dyDescent="0.4">
      <c r="A2720" s="13" t="s">
        <v>3503</v>
      </c>
      <c r="B2720" s="9" t="s">
        <v>5339</v>
      </c>
      <c r="C2720" s="9" t="s">
        <v>5340</v>
      </c>
      <c r="D2720" s="18">
        <v>1442881159</v>
      </c>
      <c r="E2720" s="11">
        <v>46387</v>
      </c>
      <c r="F2720" s="9" t="s">
        <v>86</v>
      </c>
      <c r="G2720" s="5">
        <v>2718</v>
      </c>
      <c r="H2720" s="12">
        <f t="shared" si="84"/>
        <v>10</v>
      </c>
      <c r="I2720" s="12">
        <f t="shared" si="85"/>
        <v>8</v>
      </c>
      <c r="J2720" s="5"/>
      <c r="K2720" s="5"/>
      <c r="L2720" s="5"/>
      <c r="M2720" s="5"/>
      <c r="N2720" s="5"/>
      <c r="O2720" s="5"/>
      <c r="P2720" s="5"/>
      <c r="Q2720" s="5"/>
      <c r="R2720" s="5"/>
      <c r="S2720" s="5"/>
      <c r="T2720" s="5"/>
      <c r="U2720" s="5"/>
      <c r="V2720" s="5"/>
      <c r="W2720" s="5"/>
      <c r="X2720" s="5"/>
      <c r="Y2720" s="5"/>
      <c r="Z2720" s="5"/>
      <c r="AA2720" s="5"/>
      <c r="AB2720" s="5"/>
      <c r="AC2720" s="5"/>
      <c r="AD2720" s="5"/>
      <c r="AE2720" s="5"/>
      <c r="AF2720" s="5"/>
      <c r="AG2720" s="5"/>
      <c r="AH2720" s="5"/>
      <c r="AI2720" s="5"/>
    </row>
    <row r="2721" spans="1:35" ht="27.75" customHeight="1" x14ac:dyDescent="0.4">
      <c r="A2721" s="13" t="s">
        <v>3503</v>
      </c>
      <c r="B2721" s="9" t="s">
        <v>5341</v>
      </c>
      <c r="C2721" s="9" t="s">
        <v>5342</v>
      </c>
      <c r="D2721" s="18">
        <v>1442880839</v>
      </c>
      <c r="E2721" s="11">
        <v>46387</v>
      </c>
      <c r="F2721" s="9" t="s">
        <v>86</v>
      </c>
      <c r="G2721" s="12">
        <v>2719</v>
      </c>
      <c r="H2721" s="12">
        <f t="shared" si="84"/>
        <v>10</v>
      </c>
      <c r="I2721" s="12">
        <f t="shared" si="85"/>
        <v>6</v>
      </c>
      <c r="J2721" s="5"/>
      <c r="K2721" s="5"/>
      <c r="L2721" s="5"/>
      <c r="M2721" s="5"/>
      <c r="N2721" s="5"/>
      <c r="O2721" s="5"/>
      <c r="P2721" s="5"/>
      <c r="Q2721" s="5"/>
      <c r="R2721" s="5"/>
      <c r="S2721" s="5"/>
      <c r="T2721" s="5"/>
      <c r="U2721" s="5"/>
      <c r="V2721" s="5"/>
      <c r="W2721" s="5"/>
      <c r="X2721" s="5"/>
      <c r="Y2721" s="5"/>
      <c r="Z2721" s="5"/>
      <c r="AA2721" s="5"/>
      <c r="AB2721" s="5"/>
      <c r="AC2721" s="5"/>
      <c r="AD2721" s="5"/>
      <c r="AE2721" s="5"/>
      <c r="AF2721" s="5"/>
      <c r="AG2721" s="5"/>
      <c r="AH2721" s="5"/>
      <c r="AI2721" s="5"/>
    </row>
    <row r="2722" spans="1:35" ht="27.75" customHeight="1" x14ac:dyDescent="0.4">
      <c r="A2722" s="17" t="s">
        <v>3503</v>
      </c>
      <c r="B2722" s="13" t="s">
        <v>5343</v>
      </c>
      <c r="C2722" s="34" t="s">
        <v>5344</v>
      </c>
      <c r="D2722" s="26">
        <v>1442840148</v>
      </c>
      <c r="E2722" s="11">
        <v>47238</v>
      </c>
      <c r="F2722" s="9" t="s">
        <v>86</v>
      </c>
      <c r="G2722" s="5">
        <v>2720</v>
      </c>
      <c r="H2722" s="12">
        <f t="shared" si="84"/>
        <v>23</v>
      </c>
      <c r="I2722" s="12">
        <f t="shared" si="85"/>
        <v>6</v>
      </c>
      <c r="J2722" s="5"/>
      <c r="K2722" s="5"/>
      <c r="L2722" s="5"/>
      <c r="M2722" s="5"/>
      <c r="N2722" s="5"/>
      <c r="O2722" s="5"/>
      <c r="P2722" s="5"/>
      <c r="Q2722" s="5"/>
      <c r="R2722" s="5"/>
      <c r="S2722" s="5"/>
      <c r="T2722" s="5"/>
      <c r="U2722" s="5"/>
      <c r="V2722" s="5"/>
      <c r="W2722" s="5"/>
      <c r="X2722" s="5"/>
      <c r="Y2722" s="5"/>
      <c r="Z2722" s="5"/>
      <c r="AA2722" s="5"/>
      <c r="AB2722" s="5"/>
      <c r="AC2722" s="5"/>
      <c r="AD2722" s="5"/>
      <c r="AE2722" s="5"/>
      <c r="AF2722" s="5"/>
      <c r="AG2722" s="5"/>
      <c r="AH2722" s="5"/>
      <c r="AI2722" s="5"/>
    </row>
    <row r="2723" spans="1:35" ht="27.75" customHeight="1" x14ac:dyDescent="0.4">
      <c r="A2723" s="9" t="s">
        <v>3503</v>
      </c>
      <c r="B2723" s="9" t="s">
        <v>5345</v>
      </c>
      <c r="C2723" s="9" t="s">
        <v>5346</v>
      </c>
      <c r="D2723" s="18">
        <v>1442840296</v>
      </c>
      <c r="E2723" s="11">
        <v>48487</v>
      </c>
      <c r="F2723" s="9" t="s">
        <v>86</v>
      </c>
      <c r="G2723" s="12">
        <v>2721</v>
      </c>
      <c r="H2723" s="12">
        <f t="shared" si="84"/>
        <v>12</v>
      </c>
      <c r="I2723" s="12">
        <f t="shared" si="85"/>
        <v>12</v>
      </c>
      <c r="J2723" s="5"/>
      <c r="K2723" s="5"/>
      <c r="L2723" s="5"/>
      <c r="M2723" s="5"/>
      <c r="N2723" s="5"/>
      <c r="O2723" s="5"/>
      <c r="P2723" s="5"/>
      <c r="Q2723" s="5"/>
      <c r="R2723" s="5"/>
      <c r="S2723" s="5"/>
      <c r="T2723" s="5"/>
      <c r="U2723" s="5"/>
      <c r="V2723" s="5"/>
      <c r="W2723" s="5"/>
      <c r="X2723" s="5"/>
      <c r="Y2723" s="5"/>
      <c r="Z2723" s="5"/>
      <c r="AA2723" s="5"/>
      <c r="AB2723" s="5"/>
      <c r="AC2723" s="5"/>
      <c r="AD2723" s="5"/>
      <c r="AE2723" s="5"/>
      <c r="AF2723" s="5"/>
      <c r="AG2723" s="5"/>
      <c r="AH2723" s="5"/>
      <c r="AI2723" s="5"/>
    </row>
    <row r="2724" spans="1:35" ht="27.75" customHeight="1" x14ac:dyDescent="0.4">
      <c r="A2724" s="9" t="s">
        <v>3503</v>
      </c>
      <c r="B2724" s="14" t="s">
        <v>5347</v>
      </c>
      <c r="C2724" s="9" t="s">
        <v>5348</v>
      </c>
      <c r="D2724" s="18">
        <v>1442880961</v>
      </c>
      <c r="E2724" s="11">
        <v>48273</v>
      </c>
      <c r="F2724" s="9" t="s">
        <v>86</v>
      </c>
      <c r="G2724" s="5">
        <v>2722</v>
      </c>
      <c r="H2724" s="12">
        <f t="shared" si="84"/>
        <v>18</v>
      </c>
      <c r="I2724" s="12">
        <f t="shared" si="85"/>
        <v>16</v>
      </c>
      <c r="J2724" s="5"/>
      <c r="K2724" s="5"/>
      <c r="L2724" s="5"/>
      <c r="M2724" s="5"/>
      <c r="N2724" s="5"/>
      <c r="O2724" s="5"/>
      <c r="P2724" s="5"/>
      <c r="Q2724" s="5"/>
      <c r="R2724" s="5"/>
      <c r="S2724" s="5"/>
      <c r="T2724" s="5"/>
      <c r="U2724" s="5"/>
      <c r="V2724" s="5"/>
      <c r="W2724" s="5"/>
      <c r="X2724" s="5"/>
      <c r="Y2724" s="5"/>
      <c r="Z2724" s="5"/>
      <c r="AA2724" s="5"/>
      <c r="AB2724" s="5"/>
      <c r="AC2724" s="5"/>
      <c r="AD2724" s="5"/>
      <c r="AE2724" s="5"/>
      <c r="AF2724" s="5"/>
      <c r="AG2724" s="5"/>
      <c r="AH2724" s="5"/>
      <c r="AI2724" s="5"/>
    </row>
    <row r="2725" spans="1:35" ht="27.75" customHeight="1" x14ac:dyDescent="0.4">
      <c r="A2725" s="9" t="s">
        <v>3503</v>
      </c>
      <c r="B2725" s="9" t="s">
        <v>5349</v>
      </c>
      <c r="C2725" s="9" t="s">
        <v>5350</v>
      </c>
      <c r="D2725" s="18">
        <v>1442800548</v>
      </c>
      <c r="E2725" s="11">
        <v>46387</v>
      </c>
      <c r="F2725" s="9" t="s">
        <v>86</v>
      </c>
      <c r="G2725" s="12">
        <v>2723</v>
      </c>
      <c r="H2725" s="12">
        <f t="shared" si="84"/>
        <v>10</v>
      </c>
      <c r="I2725" s="12">
        <f t="shared" si="85"/>
        <v>11</v>
      </c>
      <c r="J2725" s="5"/>
      <c r="K2725" s="5"/>
      <c r="L2725" s="5"/>
      <c r="M2725" s="5"/>
      <c r="N2725" s="5"/>
      <c r="O2725" s="5"/>
      <c r="P2725" s="5"/>
      <c r="Q2725" s="5"/>
      <c r="R2725" s="5"/>
      <c r="S2725" s="5"/>
      <c r="T2725" s="5"/>
      <c r="U2725" s="5"/>
      <c r="V2725" s="5"/>
      <c r="W2725" s="5"/>
      <c r="X2725" s="5"/>
      <c r="Y2725" s="5"/>
      <c r="Z2725" s="5"/>
      <c r="AA2725" s="5"/>
      <c r="AB2725" s="5"/>
      <c r="AC2725" s="5"/>
      <c r="AD2725" s="5"/>
      <c r="AE2725" s="5"/>
      <c r="AF2725" s="5"/>
      <c r="AG2725" s="5"/>
      <c r="AH2725" s="5"/>
      <c r="AI2725" s="5"/>
    </row>
    <row r="2726" spans="1:35" ht="27.75" customHeight="1" x14ac:dyDescent="0.4">
      <c r="A2726" s="9" t="s">
        <v>3503</v>
      </c>
      <c r="B2726" s="9" t="s">
        <v>5351</v>
      </c>
      <c r="C2726" s="9" t="s">
        <v>5352</v>
      </c>
      <c r="D2726" s="18">
        <v>1442840015</v>
      </c>
      <c r="E2726" s="11">
        <v>46387</v>
      </c>
      <c r="F2726" s="9" t="s">
        <v>86</v>
      </c>
      <c r="G2726" s="5">
        <v>2724</v>
      </c>
      <c r="H2726" s="12">
        <f t="shared" si="84"/>
        <v>10</v>
      </c>
      <c r="I2726" s="12">
        <f t="shared" si="85"/>
        <v>12</v>
      </c>
      <c r="J2726" s="5"/>
      <c r="K2726" s="5"/>
      <c r="L2726" s="5"/>
      <c r="M2726" s="5"/>
      <c r="N2726" s="5"/>
      <c r="O2726" s="5"/>
      <c r="P2726" s="5"/>
      <c r="Q2726" s="5"/>
      <c r="R2726" s="5"/>
      <c r="S2726" s="5"/>
      <c r="T2726" s="5"/>
      <c r="U2726" s="5"/>
      <c r="V2726" s="5"/>
      <c r="W2726" s="5"/>
      <c r="X2726" s="5"/>
      <c r="Y2726" s="5"/>
      <c r="Z2726" s="5"/>
      <c r="AA2726" s="5"/>
      <c r="AB2726" s="5"/>
      <c r="AC2726" s="5"/>
      <c r="AD2726" s="5"/>
      <c r="AE2726" s="5"/>
      <c r="AF2726" s="5"/>
      <c r="AG2726" s="5"/>
      <c r="AH2726" s="5"/>
      <c r="AI2726" s="5"/>
    </row>
    <row r="2727" spans="1:35" ht="27.75" customHeight="1" x14ac:dyDescent="0.4">
      <c r="A2727" s="9" t="s">
        <v>3503</v>
      </c>
      <c r="B2727" s="9" t="s">
        <v>5353</v>
      </c>
      <c r="C2727" s="9" t="s">
        <v>5354</v>
      </c>
      <c r="D2727" s="18">
        <v>1442840049</v>
      </c>
      <c r="E2727" s="11">
        <v>46387</v>
      </c>
      <c r="F2727" s="9" t="s">
        <v>86</v>
      </c>
      <c r="G2727" s="12">
        <v>2725</v>
      </c>
      <c r="H2727" s="12">
        <f t="shared" si="84"/>
        <v>22</v>
      </c>
      <c r="I2727" s="12">
        <f t="shared" si="85"/>
        <v>10</v>
      </c>
      <c r="J2727" s="5"/>
      <c r="K2727" s="5"/>
      <c r="L2727" s="5"/>
      <c r="M2727" s="5"/>
      <c r="N2727" s="5"/>
      <c r="O2727" s="5"/>
      <c r="P2727" s="5"/>
      <c r="Q2727" s="5"/>
      <c r="R2727" s="5"/>
      <c r="S2727" s="5"/>
      <c r="T2727" s="5"/>
      <c r="U2727" s="5"/>
      <c r="V2727" s="5"/>
      <c r="W2727" s="5"/>
      <c r="X2727" s="5"/>
      <c r="Y2727" s="5"/>
      <c r="Z2727" s="5"/>
      <c r="AA2727" s="5"/>
      <c r="AB2727" s="5"/>
      <c r="AC2727" s="5"/>
      <c r="AD2727" s="5"/>
      <c r="AE2727" s="5"/>
      <c r="AF2727" s="5"/>
      <c r="AG2727" s="5"/>
      <c r="AH2727" s="5"/>
      <c r="AI2727" s="5"/>
    </row>
    <row r="2728" spans="1:35" ht="27.75" customHeight="1" x14ac:dyDescent="0.4">
      <c r="A2728" s="9" t="s">
        <v>3503</v>
      </c>
      <c r="B2728" s="9" t="s">
        <v>5355</v>
      </c>
      <c r="C2728" s="9" t="s">
        <v>5356</v>
      </c>
      <c r="D2728" s="18">
        <v>1442840460</v>
      </c>
      <c r="E2728" s="11">
        <v>47542</v>
      </c>
      <c r="F2728" s="9" t="s">
        <v>86</v>
      </c>
      <c r="G2728" s="5">
        <v>2726</v>
      </c>
      <c r="H2728" s="12">
        <f t="shared" si="84"/>
        <v>10</v>
      </c>
      <c r="I2728" s="12">
        <f t="shared" si="85"/>
        <v>12</v>
      </c>
      <c r="J2728" s="5"/>
      <c r="K2728" s="5"/>
      <c r="L2728" s="5"/>
      <c r="M2728" s="5"/>
      <c r="N2728" s="5"/>
      <c r="O2728" s="5"/>
      <c r="P2728" s="5"/>
      <c r="Q2728" s="5"/>
      <c r="R2728" s="5"/>
      <c r="S2728" s="5"/>
      <c r="T2728" s="5"/>
      <c r="U2728" s="5"/>
      <c r="V2728" s="5"/>
      <c r="W2728" s="5"/>
      <c r="X2728" s="5"/>
      <c r="Y2728" s="5"/>
      <c r="Z2728" s="5"/>
      <c r="AA2728" s="5"/>
      <c r="AB2728" s="5"/>
      <c r="AC2728" s="5"/>
      <c r="AD2728" s="5"/>
      <c r="AE2728" s="5"/>
      <c r="AF2728" s="5"/>
      <c r="AG2728" s="5"/>
      <c r="AH2728" s="5"/>
      <c r="AI2728" s="5"/>
    </row>
    <row r="2729" spans="1:35" ht="27.75" customHeight="1" x14ac:dyDescent="0.4">
      <c r="A2729" s="9" t="s">
        <v>3503</v>
      </c>
      <c r="B2729" s="9" t="s">
        <v>5357</v>
      </c>
      <c r="C2729" s="9" t="s">
        <v>5358</v>
      </c>
      <c r="D2729" s="18">
        <v>1442840312</v>
      </c>
      <c r="E2729" s="11">
        <v>46568</v>
      </c>
      <c r="F2729" s="9" t="s">
        <v>86</v>
      </c>
      <c r="G2729" s="12">
        <v>2727</v>
      </c>
      <c r="H2729" s="12">
        <f t="shared" si="84"/>
        <v>10</v>
      </c>
      <c r="I2729" s="12">
        <f t="shared" si="85"/>
        <v>13</v>
      </c>
      <c r="J2729" s="5"/>
      <c r="K2729" s="5"/>
      <c r="L2729" s="5"/>
      <c r="M2729" s="5"/>
      <c r="N2729" s="5"/>
      <c r="O2729" s="5"/>
      <c r="P2729" s="5"/>
      <c r="Q2729" s="5"/>
      <c r="R2729" s="5"/>
      <c r="S2729" s="5"/>
      <c r="T2729" s="5"/>
      <c r="U2729" s="5"/>
      <c r="V2729" s="5"/>
      <c r="W2729" s="5"/>
      <c r="X2729" s="5"/>
      <c r="Y2729" s="5"/>
      <c r="Z2729" s="5"/>
      <c r="AA2729" s="5"/>
      <c r="AB2729" s="5"/>
      <c r="AC2729" s="5"/>
      <c r="AD2729" s="5"/>
      <c r="AE2729" s="5"/>
      <c r="AF2729" s="5"/>
      <c r="AG2729" s="5"/>
      <c r="AH2729" s="5"/>
      <c r="AI2729" s="5"/>
    </row>
    <row r="2730" spans="1:35" ht="27.75" customHeight="1" x14ac:dyDescent="0.4">
      <c r="A2730" s="9" t="s">
        <v>3503</v>
      </c>
      <c r="B2730" s="9" t="s">
        <v>5359</v>
      </c>
      <c r="C2730" s="9" t="s">
        <v>5360</v>
      </c>
      <c r="D2730" s="18">
        <v>1442880797</v>
      </c>
      <c r="E2730" s="11">
        <v>46387</v>
      </c>
      <c r="F2730" s="9" t="s">
        <v>86</v>
      </c>
      <c r="G2730" s="5">
        <v>2728</v>
      </c>
      <c r="H2730" s="12">
        <f t="shared" si="84"/>
        <v>10</v>
      </c>
      <c r="I2730" s="12">
        <f t="shared" si="85"/>
        <v>10</v>
      </c>
      <c r="J2730" s="5"/>
      <c r="K2730" s="5"/>
      <c r="L2730" s="5"/>
      <c r="M2730" s="5"/>
      <c r="N2730" s="5"/>
      <c r="O2730" s="5"/>
      <c r="P2730" s="5"/>
      <c r="Q2730" s="5"/>
      <c r="R2730" s="5"/>
      <c r="S2730" s="5"/>
      <c r="T2730" s="5"/>
      <c r="U2730" s="5"/>
      <c r="V2730" s="5"/>
      <c r="W2730" s="5"/>
      <c r="X2730" s="5"/>
      <c r="Y2730" s="5"/>
      <c r="Z2730" s="5"/>
      <c r="AA2730" s="5"/>
      <c r="AB2730" s="5"/>
      <c r="AC2730" s="5"/>
      <c r="AD2730" s="5"/>
      <c r="AE2730" s="5"/>
      <c r="AF2730" s="5"/>
      <c r="AG2730" s="5"/>
      <c r="AH2730" s="5"/>
      <c r="AI2730" s="5"/>
    </row>
    <row r="2731" spans="1:35" ht="27.75" customHeight="1" x14ac:dyDescent="0.4">
      <c r="A2731" s="9" t="s">
        <v>3503</v>
      </c>
      <c r="B2731" s="9" t="s">
        <v>5361</v>
      </c>
      <c r="C2731" s="9" t="s">
        <v>5362</v>
      </c>
      <c r="D2731" s="18">
        <v>1442840635</v>
      </c>
      <c r="E2731" s="11">
        <v>48273</v>
      </c>
      <c r="F2731" s="9" t="s">
        <v>86</v>
      </c>
      <c r="G2731" s="12">
        <v>2729</v>
      </c>
      <c r="H2731" s="12">
        <f t="shared" si="84"/>
        <v>11</v>
      </c>
      <c r="I2731" s="12">
        <f t="shared" si="85"/>
        <v>15</v>
      </c>
      <c r="J2731" s="5"/>
      <c r="K2731" s="5"/>
      <c r="L2731" s="5"/>
      <c r="M2731" s="5"/>
      <c r="N2731" s="5"/>
      <c r="O2731" s="5"/>
      <c r="P2731" s="5"/>
      <c r="Q2731" s="5"/>
      <c r="R2731" s="5"/>
      <c r="S2731" s="5"/>
      <c r="T2731" s="5"/>
      <c r="U2731" s="5"/>
      <c r="V2731" s="5"/>
      <c r="W2731" s="5"/>
      <c r="X2731" s="5"/>
      <c r="Y2731" s="5"/>
      <c r="Z2731" s="5"/>
      <c r="AA2731" s="5"/>
      <c r="AB2731" s="5"/>
      <c r="AC2731" s="5"/>
      <c r="AD2731" s="5"/>
      <c r="AE2731" s="5"/>
      <c r="AF2731" s="5"/>
      <c r="AG2731" s="5"/>
      <c r="AH2731" s="5"/>
      <c r="AI2731" s="5"/>
    </row>
    <row r="2732" spans="1:35" ht="27.75" customHeight="1" x14ac:dyDescent="0.4">
      <c r="A2732" s="13" t="s">
        <v>3503</v>
      </c>
      <c r="B2732" s="13" t="s">
        <v>5363</v>
      </c>
      <c r="C2732" s="13" t="s">
        <v>5364</v>
      </c>
      <c r="D2732" s="18">
        <v>1442881100</v>
      </c>
      <c r="E2732" s="11">
        <v>46387</v>
      </c>
      <c r="F2732" s="9" t="s">
        <v>86</v>
      </c>
      <c r="G2732" s="5">
        <v>2730</v>
      </c>
      <c r="H2732" s="12">
        <f t="shared" si="84"/>
        <v>23</v>
      </c>
      <c r="I2732" s="12">
        <f t="shared" si="85"/>
        <v>13</v>
      </c>
      <c r="J2732" s="5"/>
      <c r="K2732" s="5"/>
      <c r="L2732" s="5"/>
      <c r="M2732" s="5"/>
      <c r="N2732" s="5"/>
      <c r="O2732" s="5"/>
      <c r="P2732" s="5"/>
      <c r="Q2732" s="5"/>
      <c r="R2732" s="5"/>
      <c r="S2732" s="5"/>
      <c r="T2732" s="5"/>
      <c r="U2732" s="5"/>
      <c r="V2732" s="5"/>
      <c r="W2732" s="5"/>
      <c r="X2732" s="5"/>
      <c r="Y2732" s="5"/>
      <c r="Z2732" s="5"/>
      <c r="AA2732" s="5"/>
      <c r="AB2732" s="5"/>
      <c r="AC2732" s="5"/>
      <c r="AD2732" s="5"/>
      <c r="AE2732" s="5"/>
      <c r="AF2732" s="5"/>
      <c r="AG2732" s="5"/>
      <c r="AH2732" s="5"/>
      <c r="AI2732" s="5"/>
    </row>
    <row r="2733" spans="1:35" ht="27.75" customHeight="1" x14ac:dyDescent="0.4">
      <c r="A2733" s="9" t="s">
        <v>3503</v>
      </c>
      <c r="B2733" s="9" t="s">
        <v>5365</v>
      </c>
      <c r="C2733" s="9" t="s">
        <v>5366</v>
      </c>
      <c r="D2733" s="18">
        <v>1442840619</v>
      </c>
      <c r="E2733" s="11">
        <v>48182</v>
      </c>
      <c r="F2733" s="9" t="s">
        <v>86</v>
      </c>
      <c r="G2733" s="12">
        <v>2731</v>
      </c>
      <c r="H2733" s="12">
        <f t="shared" si="84"/>
        <v>11</v>
      </c>
      <c r="I2733" s="12">
        <f t="shared" si="85"/>
        <v>9</v>
      </c>
      <c r="J2733" s="5"/>
      <c r="K2733" s="5"/>
      <c r="L2733" s="5"/>
      <c r="M2733" s="5"/>
      <c r="N2733" s="5"/>
      <c r="O2733" s="5"/>
      <c r="P2733" s="5"/>
      <c r="Q2733" s="5"/>
      <c r="R2733" s="5"/>
      <c r="S2733" s="5"/>
      <c r="T2733" s="5"/>
      <c r="U2733" s="5"/>
      <c r="V2733" s="5"/>
      <c r="W2733" s="5"/>
      <c r="X2733" s="5"/>
      <c r="Y2733" s="5"/>
      <c r="Z2733" s="5"/>
      <c r="AA2733" s="5"/>
      <c r="AB2733" s="5"/>
      <c r="AC2733" s="5"/>
      <c r="AD2733" s="5"/>
      <c r="AE2733" s="5"/>
      <c r="AF2733" s="5"/>
      <c r="AG2733" s="5"/>
      <c r="AH2733" s="5"/>
      <c r="AI2733" s="5"/>
    </row>
    <row r="2734" spans="1:35" ht="27.75" customHeight="1" x14ac:dyDescent="0.4">
      <c r="A2734" s="9" t="s">
        <v>3503</v>
      </c>
      <c r="B2734" s="9" t="s">
        <v>5367</v>
      </c>
      <c r="C2734" s="9" t="s">
        <v>5368</v>
      </c>
      <c r="D2734" s="18">
        <v>1442840502</v>
      </c>
      <c r="E2734" s="11">
        <v>47603</v>
      </c>
      <c r="F2734" s="9" t="s">
        <v>86</v>
      </c>
      <c r="G2734" s="5">
        <v>2732</v>
      </c>
      <c r="H2734" s="12">
        <f t="shared" si="84"/>
        <v>9</v>
      </c>
      <c r="I2734" s="12">
        <f t="shared" si="85"/>
        <v>8</v>
      </c>
      <c r="J2734" s="5"/>
      <c r="K2734" s="5"/>
      <c r="L2734" s="5"/>
      <c r="M2734" s="5"/>
      <c r="N2734" s="5"/>
      <c r="O2734" s="5"/>
      <c r="P2734" s="5"/>
      <c r="Q2734" s="5"/>
      <c r="R2734" s="5"/>
      <c r="S2734" s="5"/>
      <c r="T2734" s="5"/>
      <c r="U2734" s="5"/>
      <c r="V2734" s="5"/>
      <c r="W2734" s="5"/>
      <c r="X2734" s="5"/>
      <c r="Y2734" s="5"/>
      <c r="Z2734" s="5"/>
      <c r="AA2734" s="5"/>
      <c r="AB2734" s="5"/>
      <c r="AC2734" s="5"/>
      <c r="AD2734" s="5"/>
      <c r="AE2734" s="5"/>
      <c r="AF2734" s="5"/>
      <c r="AG2734" s="5"/>
      <c r="AH2734" s="5"/>
      <c r="AI2734" s="5"/>
    </row>
    <row r="2735" spans="1:35" ht="27.75" customHeight="1" x14ac:dyDescent="0.4">
      <c r="A2735" s="9" t="s">
        <v>3503</v>
      </c>
      <c r="B2735" s="9" t="s">
        <v>5369</v>
      </c>
      <c r="C2735" s="9" t="s">
        <v>5370</v>
      </c>
      <c r="D2735" s="18">
        <v>1442840130</v>
      </c>
      <c r="E2735" s="11">
        <v>47238</v>
      </c>
      <c r="F2735" s="9" t="s">
        <v>86</v>
      </c>
      <c r="G2735" s="12">
        <v>2733</v>
      </c>
      <c r="H2735" s="12">
        <f t="shared" si="84"/>
        <v>9</v>
      </c>
      <c r="I2735" s="12">
        <f t="shared" si="85"/>
        <v>12</v>
      </c>
      <c r="J2735" s="5"/>
      <c r="K2735" s="5"/>
      <c r="L2735" s="5"/>
      <c r="M2735" s="5"/>
      <c r="N2735" s="5"/>
      <c r="O2735" s="5"/>
      <c r="P2735" s="5"/>
      <c r="Q2735" s="5"/>
      <c r="R2735" s="5"/>
      <c r="S2735" s="5"/>
      <c r="T2735" s="5"/>
      <c r="U2735" s="5"/>
      <c r="V2735" s="5"/>
      <c r="W2735" s="5"/>
      <c r="X2735" s="5"/>
      <c r="Y2735" s="5"/>
      <c r="Z2735" s="5"/>
      <c r="AA2735" s="5"/>
      <c r="AB2735" s="5"/>
      <c r="AC2735" s="5"/>
      <c r="AD2735" s="5"/>
      <c r="AE2735" s="5"/>
      <c r="AF2735" s="5"/>
      <c r="AG2735" s="5"/>
      <c r="AH2735" s="5"/>
      <c r="AI2735" s="5"/>
    </row>
    <row r="2736" spans="1:35" ht="27.75" customHeight="1" x14ac:dyDescent="0.4">
      <c r="A2736" s="9" t="s">
        <v>3503</v>
      </c>
      <c r="B2736" s="14" t="s">
        <v>5371</v>
      </c>
      <c r="C2736" s="9" t="s">
        <v>5372</v>
      </c>
      <c r="D2736" s="18">
        <v>1442840403</v>
      </c>
      <c r="E2736" s="11">
        <v>47177</v>
      </c>
      <c r="F2736" s="9" t="s">
        <v>86</v>
      </c>
      <c r="G2736" s="5">
        <v>2734</v>
      </c>
      <c r="H2736" s="12">
        <f t="shared" si="84"/>
        <v>9</v>
      </c>
      <c r="I2736" s="12">
        <f t="shared" si="85"/>
        <v>8</v>
      </c>
    </row>
    <row r="2737" spans="1:35" ht="27.75" customHeight="1" x14ac:dyDescent="0.4">
      <c r="A2737" s="29" t="s">
        <v>3503</v>
      </c>
      <c r="B2737" s="9" t="s">
        <v>5373</v>
      </c>
      <c r="C2737" s="9" t="s">
        <v>5374</v>
      </c>
      <c r="D2737" s="18">
        <v>1442840627</v>
      </c>
      <c r="E2737" s="11">
        <v>48244</v>
      </c>
      <c r="F2737" s="9" t="s">
        <v>86</v>
      </c>
      <c r="G2737" s="12">
        <v>2735</v>
      </c>
      <c r="H2737" s="12">
        <f t="shared" si="84"/>
        <v>9</v>
      </c>
      <c r="I2737" s="12">
        <f t="shared" si="85"/>
        <v>12</v>
      </c>
    </row>
    <row r="2738" spans="1:35" ht="27.75" customHeight="1" x14ac:dyDescent="0.4">
      <c r="A2738" s="9" t="s">
        <v>3503</v>
      </c>
      <c r="B2738" s="9" t="s">
        <v>5375</v>
      </c>
      <c r="C2738" s="9" t="s">
        <v>5376</v>
      </c>
      <c r="D2738" s="18">
        <v>1442840288</v>
      </c>
      <c r="E2738" s="11">
        <v>48457</v>
      </c>
      <c r="F2738" s="9" t="s">
        <v>86</v>
      </c>
      <c r="G2738" s="5">
        <v>2736</v>
      </c>
      <c r="H2738" s="12">
        <f t="shared" si="84"/>
        <v>10</v>
      </c>
      <c r="I2738" s="12">
        <f t="shared" si="85"/>
        <v>6</v>
      </c>
      <c r="J2738" s="5"/>
      <c r="K2738" s="5"/>
      <c r="L2738" s="5"/>
      <c r="M2738" s="5"/>
      <c r="N2738" s="5"/>
      <c r="O2738" s="5"/>
      <c r="P2738" s="5"/>
      <c r="Q2738" s="5"/>
      <c r="R2738" s="5"/>
      <c r="S2738" s="5"/>
      <c r="T2738" s="5"/>
      <c r="U2738" s="5"/>
      <c r="V2738" s="5"/>
      <c r="W2738" s="5"/>
      <c r="X2738" s="5"/>
      <c r="Y2738" s="5"/>
      <c r="Z2738" s="5"/>
      <c r="AA2738" s="5"/>
      <c r="AB2738" s="5"/>
      <c r="AC2738" s="5"/>
      <c r="AD2738" s="5"/>
      <c r="AE2738" s="5"/>
      <c r="AF2738" s="5"/>
      <c r="AG2738" s="5"/>
      <c r="AH2738" s="5"/>
      <c r="AI2738" s="5"/>
    </row>
    <row r="2739" spans="1:35" ht="27.75" customHeight="1" x14ac:dyDescent="0.4">
      <c r="A2739" s="15" t="s">
        <v>3503</v>
      </c>
      <c r="B2739" s="16" t="s">
        <v>5377</v>
      </c>
      <c r="C2739" s="22" t="s">
        <v>5378</v>
      </c>
      <c r="D2739" s="10">
        <v>1442881076</v>
      </c>
      <c r="E2739" s="11">
        <v>46387</v>
      </c>
      <c r="F2739" s="9" t="s">
        <v>86</v>
      </c>
      <c r="G2739" s="12">
        <v>2737</v>
      </c>
      <c r="H2739" s="12">
        <f t="shared" si="84"/>
        <v>21</v>
      </c>
      <c r="I2739" s="12">
        <f t="shared" si="85"/>
        <v>6</v>
      </c>
    </row>
    <row r="2740" spans="1:35" ht="27.75" customHeight="1" x14ac:dyDescent="0.4">
      <c r="A2740" s="9" t="s">
        <v>3503</v>
      </c>
      <c r="B2740" s="9" t="s">
        <v>5379</v>
      </c>
      <c r="C2740" s="9" t="s">
        <v>5380</v>
      </c>
      <c r="D2740" s="18">
        <v>1442800092</v>
      </c>
      <c r="E2740" s="11">
        <v>46387</v>
      </c>
      <c r="F2740" s="9" t="s">
        <v>86</v>
      </c>
      <c r="G2740" s="5">
        <v>2738</v>
      </c>
      <c r="H2740" s="12">
        <f t="shared" si="84"/>
        <v>10</v>
      </c>
      <c r="I2740" s="12">
        <f t="shared" si="85"/>
        <v>8</v>
      </c>
      <c r="J2740" s="5"/>
      <c r="K2740" s="5"/>
      <c r="L2740" s="5"/>
      <c r="M2740" s="5"/>
      <c r="N2740" s="5"/>
      <c r="O2740" s="5"/>
      <c r="P2740" s="5"/>
      <c r="Q2740" s="5"/>
      <c r="R2740" s="5"/>
      <c r="S2740" s="5"/>
      <c r="T2740" s="5"/>
      <c r="U2740" s="5"/>
      <c r="V2740" s="5"/>
      <c r="W2740" s="5"/>
      <c r="X2740" s="5"/>
      <c r="Y2740" s="5"/>
      <c r="Z2740" s="5"/>
      <c r="AA2740" s="5"/>
      <c r="AB2740" s="5"/>
      <c r="AC2740" s="5"/>
      <c r="AD2740" s="5"/>
      <c r="AE2740" s="5"/>
      <c r="AF2740" s="5"/>
      <c r="AG2740" s="5"/>
      <c r="AH2740" s="5"/>
      <c r="AI2740" s="5"/>
    </row>
    <row r="2741" spans="1:35" ht="27.75" customHeight="1" x14ac:dyDescent="0.4">
      <c r="A2741" s="9" t="s">
        <v>3503</v>
      </c>
      <c r="B2741" s="9" t="s">
        <v>5381</v>
      </c>
      <c r="C2741" s="9" t="s">
        <v>5382</v>
      </c>
      <c r="D2741" s="18">
        <v>1442840353</v>
      </c>
      <c r="E2741" s="11">
        <v>46752</v>
      </c>
      <c r="F2741" s="9" t="s">
        <v>86</v>
      </c>
      <c r="G2741" s="12">
        <v>2739</v>
      </c>
      <c r="H2741" s="12">
        <f t="shared" si="84"/>
        <v>10</v>
      </c>
      <c r="I2741" s="12">
        <f t="shared" si="85"/>
        <v>9</v>
      </c>
    </row>
    <row r="2742" spans="1:35" ht="27.75" customHeight="1" x14ac:dyDescent="0.4">
      <c r="A2742" s="9" t="s">
        <v>3503</v>
      </c>
      <c r="B2742" s="9" t="s">
        <v>5383</v>
      </c>
      <c r="C2742" s="9" t="s">
        <v>5382</v>
      </c>
      <c r="D2742" s="18">
        <v>1442840411</v>
      </c>
      <c r="E2742" s="11">
        <v>47269</v>
      </c>
      <c r="F2742" s="9" t="s">
        <v>86</v>
      </c>
      <c r="G2742" s="5">
        <v>2740</v>
      </c>
      <c r="H2742" s="12">
        <f t="shared" si="84"/>
        <v>10</v>
      </c>
      <c r="I2742" s="12">
        <f t="shared" si="85"/>
        <v>5</v>
      </c>
      <c r="J2742" s="5"/>
      <c r="K2742" s="5"/>
      <c r="L2742" s="5"/>
      <c r="M2742" s="5"/>
      <c r="N2742" s="5"/>
      <c r="O2742" s="5"/>
      <c r="P2742" s="5"/>
      <c r="Q2742" s="5"/>
      <c r="R2742" s="5"/>
      <c r="S2742" s="5"/>
      <c r="T2742" s="5"/>
      <c r="U2742" s="5"/>
      <c r="V2742" s="5"/>
      <c r="W2742" s="5"/>
      <c r="X2742" s="5"/>
      <c r="Y2742" s="5"/>
      <c r="Z2742" s="5"/>
      <c r="AA2742" s="5"/>
      <c r="AB2742" s="5"/>
      <c r="AC2742" s="5"/>
      <c r="AD2742" s="5"/>
      <c r="AE2742" s="5"/>
      <c r="AF2742" s="5"/>
      <c r="AG2742" s="5"/>
      <c r="AH2742" s="5"/>
      <c r="AI2742" s="5"/>
    </row>
    <row r="2743" spans="1:35" ht="27.75" customHeight="1" x14ac:dyDescent="0.4">
      <c r="A2743" s="9" t="s">
        <v>3503</v>
      </c>
      <c r="B2743" s="9" t="s">
        <v>5384</v>
      </c>
      <c r="C2743" s="9" t="s">
        <v>5385</v>
      </c>
      <c r="D2743" s="18">
        <v>1442840254</v>
      </c>
      <c r="E2743" s="11">
        <v>46265</v>
      </c>
      <c r="F2743" s="9" t="s">
        <v>86</v>
      </c>
      <c r="G2743" s="12">
        <v>2741</v>
      </c>
      <c r="H2743" s="12">
        <f t="shared" si="84"/>
        <v>15</v>
      </c>
      <c r="I2743" s="12">
        <f t="shared" si="85"/>
        <v>4</v>
      </c>
      <c r="J2743" s="5"/>
      <c r="K2743" s="5"/>
      <c r="L2743" s="5"/>
      <c r="M2743" s="5"/>
      <c r="N2743" s="5"/>
      <c r="O2743" s="5"/>
      <c r="P2743" s="5"/>
      <c r="Q2743" s="5"/>
      <c r="R2743" s="5"/>
      <c r="S2743" s="5"/>
      <c r="T2743" s="5"/>
      <c r="U2743" s="5"/>
      <c r="V2743" s="5"/>
      <c r="W2743" s="5"/>
      <c r="X2743" s="5"/>
      <c r="Y2743" s="5"/>
      <c r="Z2743" s="5"/>
      <c r="AA2743" s="5"/>
      <c r="AB2743" s="5"/>
      <c r="AC2743" s="5"/>
      <c r="AD2743" s="5"/>
      <c r="AE2743" s="5"/>
      <c r="AF2743" s="5"/>
      <c r="AG2743" s="5"/>
      <c r="AH2743" s="5"/>
      <c r="AI2743" s="5"/>
    </row>
    <row r="2744" spans="1:35" ht="27.75" customHeight="1" x14ac:dyDescent="0.4">
      <c r="A2744" s="9" t="s">
        <v>3503</v>
      </c>
      <c r="B2744" s="9" t="s">
        <v>5386</v>
      </c>
      <c r="C2744" s="9" t="s">
        <v>5387</v>
      </c>
      <c r="D2744" s="18">
        <v>1442800233</v>
      </c>
      <c r="E2744" s="11">
        <v>46387</v>
      </c>
      <c r="F2744" s="9" t="s">
        <v>86</v>
      </c>
      <c r="G2744" s="5">
        <v>2742</v>
      </c>
      <c r="H2744" s="12">
        <f t="shared" si="84"/>
        <v>12</v>
      </c>
      <c r="I2744" s="12">
        <f t="shared" si="85"/>
        <v>9</v>
      </c>
    </row>
    <row r="2745" spans="1:35" ht="27.75" customHeight="1" x14ac:dyDescent="0.4">
      <c r="A2745" s="9" t="s">
        <v>3503</v>
      </c>
      <c r="B2745" s="9" t="s">
        <v>5388</v>
      </c>
      <c r="C2745" s="9" t="s">
        <v>5389</v>
      </c>
      <c r="D2745" s="18">
        <v>1442840536</v>
      </c>
      <c r="E2745" s="11">
        <v>47756</v>
      </c>
      <c r="F2745" s="9" t="s">
        <v>86</v>
      </c>
      <c r="G2745" s="12">
        <v>2743</v>
      </c>
      <c r="H2745" s="12">
        <f t="shared" si="84"/>
        <v>10</v>
      </c>
      <c r="I2745" s="12">
        <f t="shared" si="85"/>
        <v>11</v>
      </c>
    </row>
    <row r="2746" spans="1:35" ht="27.75" customHeight="1" x14ac:dyDescent="0.4">
      <c r="A2746" s="17" t="s">
        <v>3503</v>
      </c>
      <c r="B2746" s="19" t="s">
        <v>5390</v>
      </c>
      <c r="C2746" s="19" t="s">
        <v>5391</v>
      </c>
      <c r="D2746" s="20">
        <v>1442880953</v>
      </c>
      <c r="E2746" s="11">
        <v>46387</v>
      </c>
      <c r="F2746" s="9" t="s">
        <v>86</v>
      </c>
      <c r="G2746" s="5">
        <v>2744</v>
      </c>
      <c r="H2746" s="12">
        <f t="shared" si="84"/>
        <v>11</v>
      </c>
      <c r="I2746" s="12">
        <f t="shared" si="85"/>
        <v>15</v>
      </c>
    </row>
    <row r="2747" spans="1:35" ht="27.75" customHeight="1" x14ac:dyDescent="0.4">
      <c r="A2747" s="9" t="s">
        <v>3503</v>
      </c>
      <c r="B2747" s="13" t="s">
        <v>5392</v>
      </c>
      <c r="C2747" s="13" t="s">
        <v>5393</v>
      </c>
      <c r="D2747" s="26">
        <v>1442800480</v>
      </c>
      <c r="E2747" s="11">
        <v>46387</v>
      </c>
      <c r="F2747" s="9" t="s">
        <v>86</v>
      </c>
      <c r="G2747" s="12">
        <v>2745</v>
      </c>
      <c r="H2747" s="12">
        <f t="shared" si="84"/>
        <v>18</v>
      </c>
      <c r="I2747" s="12">
        <f t="shared" si="85"/>
        <v>8</v>
      </c>
      <c r="J2747" s="5"/>
      <c r="K2747" s="5"/>
      <c r="L2747" s="5"/>
      <c r="M2747" s="5"/>
      <c r="N2747" s="5"/>
      <c r="O2747" s="5"/>
      <c r="P2747" s="5"/>
      <c r="Q2747" s="5"/>
      <c r="R2747" s="5"/>
      <c r="S2747" s="5"/>
      <c r="T2747" s="5"/>
      <c r="U2747" s="5"/>
      <c r="V2747" s="5"/>
      <c r="W2747" s="5"/>
      <c r="X2747" s="5"/>
      <c r="Y2747" s="5"/>
      <c r="Z2747" s="5"/>
      <c r="AA2747" s="5"/>
      <c r="AB2747" s="5"/>
      <c r="AC2747" s="5"/>
      <c r="AD2747" s="5"/>
      <c r="AE2747" s="5"/>
      <c r="AF2747" s="5"/>
      <c r="AG2747" s="5"/>
      <c r="AH2747" s="5"/>
      <c r="AI2747" s="5"/>
    </row>
    <row r="2748" spans="1:35" ht="27.75" customHeight="1" x14ac:dyDescent="0.4">
      <c r="A2748" s="9" t="s">
        <v>3503</v>
      </c>
      <c r="B2748" s="9" t="s">
        <v>5394</v>
      </c>
      <c r="C2748" s="9" t="s">
        <v>5395</v>
      </c>
      <c r="D2748" s="18">
        <v>1442840429</v>
      </c>
      <c r="E2748" s="11">
        <v>47299</v>
      </c>
      <c r="F2748" s="9" t="s">
        <v>86</v>
      </c>
      <c r="G2748" s="5">
        <v>2746</v>
      </c>
      <c r="H2748" s="12">
        <f t="shared" si="84"/>
        <v>20</v>
      </c>
      <c r="I2748" s="12">
        <f t="shared" si="85"/>
        <v>9</v>
      </c>
      <c r="J2748" s="5"/>
      <c r="K2748" s="5"/>
      <c r="L2748" s="5"/>
      <c r="M2748" s="5"/>
      <c r="N2748" s="5"/>
      <c r="O2748" s="5"/>
      <c r="P2748" s="5"/>
      <c r="Q2748" s="5"/>
      <c r="R2748" s="5"/>
      <c r="S2748" s="5"/>
      <c r="T2748" s="5"/>
      <c r="U2748" s="5"/>
      <c r="V2748" s="5"/>
      <c r="W2748" s="5"/>
      <c r="X2748" s="5"/>
      <c r="Y2748" s="5"/>
      <c r="Z2748" s="5"/>
      <c r="AA2748" s="5"/>
      <c r="AB2748" s="5"/>
      <c r="AC2748" s="5"/>
      <c r="AD2748" s="5"/>
      <c r="AE2748" s="5"/>
      <c r="AF2748" s="5"/>
      <c r="AG2748" s="5"/>
      <c r="AH2748" s="5"/>
      <c r="AI2748" s="5"/>
    </row>
    <row r="2749" spans="1:35" ht="27.75" customHeight="1" x14ac:dyDescent="0.4">
      <c r="A2749" s="9" t="s">
        <v>3503</v>
      </c>
      <c r="B2749" s="9" t="s">
        <v>5396</v>
      </c>
      <c r="C2749" s="9" t="s">
        <v>5397</v>
      </c>
      <c r="D2749" s="18">
        <v>1442840601</v>
      </c>
      <c r="E2749" s="11">
        <v>48060</v>
      </c>
      <c r="F2749" s="9" t="s">
        <v>86</v>
      </c>
      <c r="G2749" s="12">
        <v>2747</v>
      </c>
      <c r="H2749" s="12">
        <f t="shared" si="84"/>
        <v>19</v>
      </c>
      <c r="I2749" s="12">
        <f t="shared" si="85"/>
        <v>7</v>
      </c>
    </row>
    <row r="2750" spans="1:35" ht="27.75" customHeight="1" x14ac:dyDescent="0.4">
      <c r="A2750" s="9" t="s">
        <v>3503</v>
      </c>
      <c r="B2750" s="9" t="s">
        <v>5398</v>
      </c>
      <c r="C2750" s="9" t="s">
        <v>5399</v>
      </c>
      <c r="D2750" s="18">
        <v>1442840528</v>
      </c>
      <c r="E2750" s="11">
        <v>47787</v>
      </c>
      <c r="F2750" s="9" t="s">
        <v>86</v>
      </c>
      <c r="G2750" s="5">
        <v>2748</v>
      </c>
      <c r="H2750" s="12">
        <f t="shared" si="84"/>
        <v>18</v>
      </c>
      <c r="I2750" s="12">
        <f t="shared" si="85"/>
        <v>11</v>
      </c>
      <c r="J2750" s="5"/>
      <c r="K2750" s="5"/>
      <c r="L2750" s="5"/>
      <c r="M2750" s="5"/>
      <c r="N2750" s="5"/>
      <c r="O2750" s="5"/>
      <c r="P2750" s="5"/>
      <c r="Q2750" s="5"/>
      <c r="R2750" s="5"/>
      <c r="S2750" s="5"/>
      <c r="T2750" s="5"/>
      <c r="U2750" s="5"/>
      <c r="V2750" s="5"/>
      <c r="W2750" s="5"/>
      <c r="X2750" s="5"/>
      <c r="Y2750" s="5"/>
      <c r="Z2750" s="5"/>
      <c r="AA2750" s="5"/>
      <c r="AB2750" s="5"/>
      <c r="AC2750" s="5"/>
      <c r="AD2750" s="5"/>
      <c r="AE2750" s="5"/>
      <c r="AF2750" s="5"/>
      <c r="AG2750" s="5"/>
      <c r="AH2750" s="5"/>
      <c r="AI2750" s="5"/>
    </row>
    <row r="2751" spans="1:35" ht="27.75" customHeight="1" x14ac:dyDescent="0.4">
      <c r="A2751" s="9" t="s">
        <v>3503</v>
      </c>
      <c r="B2751" s="9" t="s">
        <v>5400</v>
      </c>
      <c r="C2751" s="9" t="s">
        <v>5401</v>
      </c>
      <c r="D2751" s="18">
        <v>1442840320</v>
      </c>
      <c r="E2751" s="11">
        <v>46630</v>
      </c>
      <c r="F2751" s="9" t="s">
        <v>86</v>
      </c>
      <c r="G2751" s="12">
        <v>2749</v>
      </c>
      <c r="H2751" s="12">
        <f t="shared" si="84"/>
        <v>11</v>
      </c>
      <c r="I2751" s="12">
        <f t="shared" si="85"/>
        <v>14</v>
      </c>
      <c r="J2751" s="5"/>
      <c r="K2751" s="5"/>
      <c r="L2751" s="5"/>
      <c r="M2751" s="5"/>
      <c r="N2751" s="5"/>
      <c r="O2751" s="5"/>
      <c r="P2751" s="5"/>
      <c r="Q2751" s="5"/>
      <c r="R2751" s="5"/>
      <c r="S2751" s="5"/>
      <c r="T2751" s="5"/>
      <c r="U2751" s="5"/>
      <c r="V2751" s="5"/>
      <c r="W2751" s="5"/>
      <c r="X2751" s="5"/>
      <c r="Y2751" s="5"/>
      <c r="Z2751" s="5"/>
      <c r="AA2751" s="5"/>
      <c r="AB2751" s="5"/>
      <c r="AC2751" s="5"/>
      <c r="AD2751" s="5"/>
      <c r="AE2751" s="5"/>
      <c r="AF2751" s="5"/>
      <c r="AG2751" s="5"/>
      <c r="AH2751" s="5"/>
      <c r="AI2751" s="5"/>
    </row>
    <row r="2752" spans="1:35" ht="27.75" customHeight="1" x14ac:dyDescent="0.4">
      <c r="A2752" s="9" t="s">
        <v>3503</v>
      </c>
      <c r="B2752" s="13" t="s">
        <v>5402</v>
      </c>
      <c r="C2752" s="9" t="s">
        <v>5403</v>
      </c>
      <c r="D2752" s="18">
        <v>1442880987</v>
      </c>
      <c r="E2752" s="11">
        <v>46387</v>
      </c>
      <c r="F2752" s="9" t="s">
        <v>86</v>
      </c>
      <c r="G2752" s="5">
        <v>2750</v>
      </c>
      <c r="H2752" s="12">
        <f t="shared" si="84"/>
        <v>11</v>
      </c>
      <c r="I2752" s="12">
        <f t="shared" si="85"/>
        <v>15</v>
      </c>
      <c r="J2752" s="5"/>
      <c r="K2752" s="5"/>
      <c r="L2752" s="5"/>
      <c r="M2752" s="5"/>
      <c r="N2752" s="5"/>
      <c r="O2752" s="5"/>
      <c r="P2752" s="5"/>
      <c r="Q2752" s="5"/>
      <c r="R2752" s="5"/>
      <c r="S2752" s="5"/>
      <c r="T2752" s="5"/>
      <c r="U2752" s="5"/>
      <c r="V2752" s="5"/>
      <c r="W2752" s="5"/>
      <c r="X2752" s="5"/>
      <c r="Y2752" s="5"/>
      <c r="Z2752" s="5"/>
      <c r="AA2752" s="5"/>
      <c r="AB2752" s="5"/>
      <c r="AC2752" s="5"/>
      <c r="AD2752" s="5"/>
      <c r="AE2752" s="5"/>
      <c r="AF2752" s="5"/>
      <c r="AG2752" s="5"/>
      <c r="AH2752" s="5"/>
      <c r="AI2752" s="5"/>
    </row>
    <row r="2753" spans="1:35" ht="27.75" customHeight="1" x14ac:dyDescent="0.4">
      <c r="A2753" s="9" t="s">
        <v>3503</v>
      </c>
      <c r="B2753" s="9" t="s">
        <v>5404</v>
      </c>
      <c r="C2753" s="9" t="s">
        <v>5405</v>
      </c>
      <c r="D2753" s="18">
        <v>1442880854</v>
      </c>
      <c r="E2753" s="11">
        <v>46387</v>
      </c>
      <c r="F2753" s="9" t="s">
        <v>86</v>
      </c>
      <c r="G2753" s="12">
        <v>2751</v>
      </c>
      <c r="H2753" s="12">
        <f t="shared" si="84"/>
        <v>11</v>
      </c>
      <c r="I2753" s="12">
        <f t="shared" si="85"/>
        <v>9</v>
      </c>
      <c r="J2753" s="5"/>
      <c r="K2753" s="5"/>
      <c r="L2753" s="5"/>
      <c r="M2753" s="5"/>
      <c r="N2753" s="5"/>
      <c r="O2753" s="5"/>
      <c r="P2753" s="5"/>
      <c r="Q2753" s="5"/>
      <c r="R2753" s="5"/>
      <c r="S2753" s="5"/>
      <c r="T2753" s="5"/>
      <c r="U2753" s="5"/>
      <c r="V2753" s="5"/>
      <c r="W2753" s="5"/>
      <c r="X2753" s="5"/>
      <c r="Y2753" s="5"/>
      <c r="Z2753" s="5"/>
      <c r="AA2753" s="5"/>
      <c r="AB2753" s="5"/>
      <c r="AC2753" s="5"/>
      <c r="AD2753" s="5"/>
      <c r="AE2753" s="5"/>
      <c r="AF2753" s="5"/>
      <c r="AG2753" s="5"/>
      <c r="AH2753" s="5"/>
      <c r="AI2753" s="5"/>
    </row>
    <row r="2754" spans="1:35" ht="27.75" customHeight="1" x14ac:dyDescent="0.4">
      <c r="A2754" s="9" t="s">
        <v>3503</v>
      </c>
      <c r="B2754" s="9" t="s">
        <v>5406</v>
      </c>
      <c r="C2754" s="9" t="s">
        <v>5407</v>
      </c>
      <c r="D2754" s="18">
        <v>1442880862</v>
      </c>
      <c r="E2754" s="11">
        <v>46387</v>
      </c>
      <c r="F2754" s="9" t="s">
        <v>86</v>
      </c>
      <c r="G2754" s="5">
        <v>2752</v>
      </c>
      <c r="H2754" s="12">
        <f t="shared" si="84"/>
        <v>11</v>
      </c>
      <c r="I2754" s="12">
        <f t="shared" si="85"/>
        <v>6</v>
      </c>
      <c r="J2754" s="5"/>
      <c r="K2754" s="5"/>
      <c r="L2754" s="5"/>
      <c r="M2754" s="5"/>
      <c r="N2754" s="5"/>
      <c r="O2754" s="5"/>
      <c r="P2754" s="5"/>
      <c r="Q2754" s="5"/>
      <c r="R2754" s="5"/>
      <c r="S2754" s="5"/>
      <c r="T2754" s="5"/>
      <c r="U2754" s="5"/>
      <c r="V2754" s="5"/>
      <c r="W2754" s="5"/>
      <c r="X2754" s="5"/>
      <c r="Y2754" s="5"/>
      <c r="Z2754" s="5"/>
      <c r="AA2754" s="5"/>
      <c r="AB2754" s="5"/>
      <c r="AC2754" s="5"/>
      <c r="AD2754" s="5"/>
      <c r="AE2754" s="5"/>
      <c r="AF2754" s="5"/>
      <c r="AG2754" s="5"/>
      <c r="AH2754" s="5"/>
      <c r="AI2754" s="5"/>
    </row>
    <row r="2755" spans="1:35" ht="27.75" customHeight="1" x14ac:dyDescent="0.4">
      <c r="A2755" s="9" t="s">
        <v>3503</v>
      </c>
      <c r="B2755" s="9" t="s">
        <v>5408</v>
      </c>
      <c r="C2755" s="9" t="s">
        <v>5409</v>
      </c>
      <c r="D2755" s="18">
        <v>1442880847</v>
      </c>
      <c r="E2755" s="11">
        <v>46387</v>
      </c>
      <c r="F2755" s="9" t="s">
        <v>86</v>
      </c>
      <c r="G2755" s="12">
        <v>2753</v>
      </c>
      <c r="H2755" s="12">
        <f t="shared" si="84"/>
        <v>11</v>
      </c>
      <c r="I2755" s="12">
        <f t="shared" si="85"/>
        <v>11</v>
      </c>
      <c r="J2755" s="5"/>
      <c r="K2755" s="5"/>
      <c r="L2755" s="5"/>
      <c r="M2755" s="5"/>
      <c r="N2755" s="5"/>
      <c r="O2755" s="5"/>
      <c r="P2755" s="5"/>
      <c r="Q2755" s="5"/>
      <c r="R2755" s="5"/>
      <c r="S2755" s="5"/>
      <c r="T2755" s="5"/>
      <c r="U2755" s="5"/>
      <c r="V2755" s="5"/>
      <c r="W2755" s="5"/>
      <c r="X2755" s="5"/>
      <c r="Y2755" s="5"/>
      <c r="Z2755" s="5"/>
      <c r="AA2755" s="5"/>
      <c r="AB2755" s="5"/>
      <c r="AC2755" s="5"/>
      <c r="AD2755" s="5"/>
      <c r="AE2755" s="5"/>
      <c r="AF2755" s="5"/>
      <c r="AG2755" s="5"/>
      <c r="AH2755" s="5"/>
      <c r="AI2755" s="5"/>
    </row>
    <row r="2756" spans="1:35" ht="27.75" customHeight="1" x14ac:dyDescent="0.4">
      <c r="A2756" s="17" t="s">
        <v>3503</v>
      </c>
      <c r="B2756" s="13" t="s">
        <v>5410</v>
      </c>
      <c r="C2756" s="34" t="s">
        <v>1893</v>
      </c>
      <c r="D2756" s="26">
        <v>1442840379</v>
      </c>
      <c r="E2756" s="11">
        <v>46965</v>
      </c>
      <c r="F2756" s="9" t="s">
        <v>86</v>
      </c>
      <c r="G2756" s="5">
        <v>2754</v>
      </c>
      <c r="H2756" s="12">
        <f t="shared" ref="H2756:H2819" si="86">LEN(C2756)</f>
        <v>9</v>
      </c>
      <c r="I2756" s="12">
        <f t="shared" ref="I2756:I2819" si="87">LEN(B2756)</f>
        <v>4</v>
      </c>
      <c r="J2756" s="5"/>
      <c r="K2756" s="5"/>
      <c r="L2756" s="5"/>
      <c r="M2756" s="5"/>
      <c r="N2756" s="5"/>
      <c r="O2756" s="5"/>
      <c r="P2756" s="5"/>
      <c r="Q2756" s="5"/>
      <c r="R2756" s="5"/>
      <c r="S2756" s="5"/>
      <c r="T2756" s="5"/>
      <c r="U2756" s="5"/>
      <c r="V2756" s="5"/>
      <c r="W2756" s="5"/>
      <c r="X2756" s="5"/>
      <c r="Y2756" s="5"/>
      <c r="Z2756" s="5"/>
      <c r="AA2756" s="5"/>
      <c r="AB2756" s="5"/>
      <c r="AC2756" s="5"/>
      <c r="AD2756" s="5"/>
      <c r="AE2756" s="5"/>
      <c r="AF2756" s="5"/>
      <c r="AG2756" s="5"/>
      <c r="AH2756" s="5"/>
      <c r="AI2756" s="5"/>
    </row>
    <row r="2757" spans="1:35" ht="27.75" customHeight="1" x14ac:dyDescent="0.4">
      <c r="A2757" s="9" t="s">
        <v>3503</v>
      </c>
      <c r="B2757" s="9" t="s">
        <v>5411</v>
      </c>
      <c r="C2757" s="9" t="s">
        <v>5412</v>
      </c>
      <c r="D2757" s="18">
        <v>1442940377</v>
      </c>
      <c r="E2757" s="11">
        <v>48334</v>
      </c>
      <c r="F2757" s="9" t="s">
        <v>93</v>
      </c>
      <c r="G2757" s="12">
        <v>2755</v>
      </c>
      <c r="H2757" s="12">
        <f t="shared" si="86"/>
        <v>12</v>
      </c>
      <c r="I2757" s="12">
        <f t="shared" si="87"/>
        <v>9</v>
      </c>
    </row>
    <row r="2758" spans="1:35" ht="27.75" customHeight="1" x14ac:dyDescent="0.4">
      <c r="A2758" s="9" t="s">
        <v>3503</v>
      </c>
      <c r="B2758" s="9" t="s">
        <v>5413</v>
      </c>
      <c r="C2758" s="9" t="s">
        <v>5414</v>
      </c>
      <c r="D2758" s="18">
        <v>1442981629</v>
      </c>
      <c r="E2758" s="11">
        <v>46387</v>
      </c>
      <c r="F2758" s="9" t="s">
        <v>93</v>
      </c>
      <c r="G2758" s="5">
        <v>2756</v>
      </c>
      <c r="H2758" s="12">
        <f t="shared" si="86"/>
        <v>11</v>
      </c>
      <c r="I2758" s="12">
        <f t="shared" si="87"/>
        <v>11</v>
      </c>
      <c r="J2758" s="5"/>
      <c r="K2758" s="5"/>
      <c r="L2758" s="5"/>
      <c r="M2758" s="5"/>
      <c r="N2758" s="5"/>
      <c r="O2758" s="5"/>
      <c r="P2758" s="5"/>
      <c r="Q2758" s="5"/>
      <c r="R2758" s="5"/>
      <c r="S2758" s="5"/>
      <c r="T2758" s="5"/>
      <c r="U2758" s="5"/>
      <c r="V2758" s="5"/>
      <c r="W2758" s="5"/>
      <c r="X2758" s="5"/>
      <c r="Y2758" s="5"/>
      <c r="Z2758" s="5"/>
      <c r="AA2758" s="5"/>
      <c r="AB2758" s="5"/>
      <c r="AC2758" s="5"/>
      <c r="AD2758" s="5"/>
      <c r="AE2758" s="5"/>
      <c r="AF2758" s="5"/>
      <c r="AG2758" s="5"/>
      <c r="AH2758" s="5"/>
      <c r="AI2758" s="5"/>
    </row>
    <row r="2759" spans="1:35" ht="27.75" customHeight="1" x14ac:dyDescent="0.4">
      <c r="A2759" s="13" t="s">
        <v>3503</v>
      </c>
      <c r="B2759" s="9" t="s">
        <v>5415</v>
      </c>
      <c r="C2759" s="9" t="s">
        <v>5416</v>
      </c>
      <c r="D2759" s="18">
        <v>1442940211</v>
      </c>
      <c r="E2759" s="11">
        <v>48487</v>
      </c>
      <c r="F2759" s="9" t="s">
        <v>93</v>
      </c>
      <c r="G2759" s="12">
        <v>2757</v>
      </c>
      <c r="H2759" s="12">
        <f t="shared" si="86"/>
        <v>17</v>
      </c>
      <c r="I2759" s="12">
        <f t="shared" si="87"/>
        <v>10</v>
      </c>
    </row>
    <row r="2760" spans="1:35" ht="27.75" customHeight="1" x14ac:dyDescent="0.4">
      <c r="A2760" s="9" t="s">
        <v>3503</v>
      </c>
      <c r="B2760" s="9" t="s">
        <v>5417</v>
      </c>
      <c r="C2760" s="9" t="s">
        <v>5418</v>
      </c>
      <c r="D2760" s="18">
        <v>1442981181</v>
      </c>
      <c r="E2760" s="11">
        <v>46387</v>
      </c>
      <c r="F2760" s="9" t="s">
        <v>93</v>
      </c>
      <c r="G2760" s="5">
        <v>2758</v>
      </c>
      <c r="H2760" s="12">
        <f t="shared" si="86"/>
        <v>17</v>
      </c>
      <c r="I2760" s="12">
        <f t="shared" si="87"/>
        <v>6</v>
      </c>
      <c r="J2760" s="24"/>
      <c r="K2760" s="24"/>
      <c r="L2760" s="24"/>
      <c r="M2760" s="5"/>
      <c r="N2760" s="5"/>
      <c r="O2760" s="5"/>
      <c r="P2760" s="5"/>
      <c r="Q2760" s="5"/>
      <c r="R2760" s="5"/>
      <c r="S2760" s="5"/>
      <c r="T2760" s="5"/>
      <c r="U2760" s="5"/>
      <c r="V2760" s="5"/>
      <c r="W2760" s="5"/>
      <c r="X2760" s="5"/>
      <c r="Y2760" s="5"/>
      <c r="Z2760" s="5"/>
      <c r="AA2760" s="5"/>
      <c r="AB2760" s="5"/>
      <c r="AC2760" s="5"/>
      <c r="AD2760" s="5"/>
      <c r="AE2760" s="5"/>
      <c r="AF2760" s="5"/>
      <c r="AG2760" s="5"/>
      <c r="AH2760" s="5"/>
      <c r="AI2760" s="5"/>
    </row>
    <row r="2761" spans="1:35" ht="27.75" customHeight="1" x14ac:dyDescent="0.4">
      <c r="A2761" s="13" t="s">
        <v>3503</v>
      </c>
      <c r="B2761" s="13" t="s">
        <v>5419</v>
      </c>
      <c r="C2761" s="13" t="s">
        <v>5420</v>
      </c>
      <c r="D2761" s="18">
        <v>1442981611</v>
      </c>
      <c r="E2761" s="11">
        <v>46387</v>
      </c>
      <c r="F2761" s="9" t="s">
        <v>93</v>
      </c>
      <c r="G2761" s="12">
        <v>2759</v>
      </c>
      <c r="H2761" s="12">
        <f t="shared" si="86"/>
        <v>11</v>
      </c>
      <c r="I2761" s="12">
        <f t="shared" si="87"/>
        <v>4</v>
      </c>
    </row>
    <row r="2762" spans="1:35" ht="27.75" customHeight="1" x14ac:dyDescent="0.4">
      <c r="A2762" s="13" t="s">
        <v>3503</v>
      </c>
      <c r="B2762" s="9" t="s">
        <v>5421</v>
      </c>
      <c r="C2762" s="9" t="s">
        <v>5422</v>
      </c>
      <c r="D2762" s="18">
        <v>1442981439</v>
      </c>
      <c r="E2762" s="11">
        <v>46387</v>
      </c>
      <c r="F2762" s="9" t="s">
        <v>93</v>
      </c>
      <c r="G2762" s="5">
        <v>2760</v>
      </c>
      <c r="H2762" s="12">
        <f t="shared" si="86"/>
        <v>14</v>
      </c>
      <c r="I2762" s="12">
        <f t="shared" si="87"/>
        <v>10</v>
      </c>
    </row>
    <row r="2763" spans="1:35" ht="27.75" customHeight="1" x14ac:dyDescent="0.4">
      <c r="A2763" s="9" t="s">
        <v>3503</v>
      </c>
      <c r="B2763" s="9" t="s">
        <v>5423</v>
      </c>
      <c r="C2763" s="9" t="s">
        <v>5424</v>
      </c>
      <c r="D2763" s="18">
        <v>1442940153</v>
      </c>
      <c r="E2763" s="11">
        <v>46843</v>
      </c>
      <c r="F2763" s="9" t="s">
        <v>93</v>
      </c>
      <c r="G2763" s="12">
        <v>2761</v>
      </c>
      <c r="H2763" s="12">
        <f t="shared" si="86"/>
        <v>12</v>
      </c>
      <c r="I2763" s="12">
        <f t="shared" si="87"/>
        <v>8</v>
      </c>
      <c r="J2763" s="5"/>
      <c r="K2763" s="5"/>
      <c r="L2763" s="5"/>
      <c r="M2763" s="5"/>
      <c r="N2763" s="5"/>
      <c r="O2763" s="5"/>
      <c r="P2763" s="5"/>
      <c r="Q2763" s="5"/>
      <c r="R2763" s="5"/>
      <c r="S2763" s="5"/>
      <c r="T2763" s="5"/>
      <c r="U2763" s="5"/>
      <c r="V2763" s="5"/>
      <c r="W2763" s="5"/>
      <c r="X2763" s="5"/>
      <c r="Y2763" s="5"/>
      <c r="Z2763" s="5"/>
      <c r="AA2763" s="5"/>
      <c r="AB2763" s="5"/>
      <c r="AC2763" s="5"/>
      <c r="AD2763" s="5"/>
      <c r="AE2763" s="5"/>
      <c r="AF2763" s="5"/>
      <c r="AG2763" s="5"/>
      <c r="AH2763" s="5"/>
      <c r="AI2763" s="5"/>
    </row>
    <row r="2764" spans="1:35" ht="27.75" customHeight="1" x14ac:dyDescent="0.4">
      <c r="A2764" s="9" t="s">
        <v>3503</v>
      </c>
      <c r="B2764" s="9" t="s">
        <v>5425</v>
      </c>
      <c r="C2764" s="9" t="s">
        <v>5426</v>
      </c>
      <c r="D2764" s="18">
        <v>1442940401</v>
      </c>
      <c r="E2764" s="11">
        <v>48457</v>
      </c>
      <c r="F2764" s="9" t="s">
        <v>93</v>
      </c>
      <c r="G2764" s="5">
        <v>2762</v>
      </c>
      <c r="H2764" s="12">
        <f t="shared" si="86"/>
        <v>20</v>
      </c>
      <c r="I2764" s="12">
        <f t="shared" si="87"/>
        <v>11</v>
      </c>
    </row>
    <row r="2765" spans="1:35" ht="27.75" customHeight="1" x14ac:dyDescent="0.4">
      <c r="A2765" s="9" t="s">
        <v>3503</v>
      </c>
      <c r="B2765" s="9" t="s">
        <v>5427</v>
      </c>
      <c r="C2765" s="9" t="s">
        <v>5428</v>
      </c>
      <c r="D2765" s="18">
        <v>1442900694</v>
      </c>
      <c r="E2765" s="11">
        <v>46477</v>
      </c>
      <c r="F2765" s="9" t="s">
        <v>93</v>
      </c>
      <c r="G2765" s="12">
        <v>2763</v>
      </c>
      <c r="H2765" s="12">
        <f t="shared" si="86"/>
        <v>21</v>
      </c>
      <c r="I2765" s="12">
        <f t="shared" si="87"/>
        <v>6</v>
      </c>
    </row>
    <row r="2766" spans="1:35" ht="27.75" customHeight="1" x14ac:dyDescent="0.4">
      <c r="A2766" s="9" t="s">
        <v>3503</v>
      </c>
      <c r="B2766" s="9" t="s">
        <v>5429</v>
      </c>
      <c r="C2766" s="9" t="s">
        <v>5430</v>
      </c>
      <c r="D2766" s="18">
        <v>1442942860</v>
      </c>
      <c r="E2766" s="11">
        <v>48273</v>
      </c>
      <c r="F2766" s="9" t="s">
        <v>93</v>
      </c>
      <c r="G2766" s="5">
        <v>2764</v>
      </c>
      <c r="H2766" s="12">
        <f t="shared" si="86"/>
        <v>11</v>
      </c>
      <c r="I2766" s="12">
        <f t="shared" si="87"/>
        <v>10</v>
      </c>
    </row>
    <row r="2767" spans="1:35" ht="27.75" customHeight="1" x14ac:dyDescent="0.4">
      <c r="A2767" s="9" t="s">
        <v>3503</v>
      </c>
      <c r="B2767" s="13" t="s">
        <v>5431</v>
      </c>
      <c r="C2767" s="13" t="s">
        <v>5432</v>
      </c>
      <c r="D2767" s="18">
        <v>1442900561</v>
      </c>
      <c r="E2767" s="11">
        <v>46387</v>
      </c>
      <c r="F2767" s="9" t="s">
        <v>93</v>
      </c>
      <c r="G2767" s="12">
        <v>2765</v>
      </c>
      <c r="H2767" s="12">
        <f t="shared" si="86"/>
        <v>11</v>
      </c>
      <c r="I2767" s="12">
        <f t="shared" si="87"/>
        <v>6</v>
      </c>
      <c r="J2767" s="5"/>
      <c r="K2767" s="5"/>
      <c r="L2767" s="5"/>
      <c r="M2767" s="5"/>
      <c r="N2767" s="5"/>
      <c r="O2767" s="5"/>
      <c r="P2767" s="5"/>
      <c r="Q2767" s="5"/>
      <c r="R2767" s="5"/>
      <c r="S2767" s="5"/>
      <c r="T2767" s="5"/>
      <c r="U2767" s="5"/>
      <c r="V2767" s="5"/>
      <c r="W2767" s="5"/>
      <c r="X2767" s="5"/>
      <c r="Y2767" s="5"/>
      <c r="Z2767" s="5"/>
      <c r="AA2767" s="5"/>
      <c r="AB2767" s="5"/>
      <c r="AC2767" s="5"/>
      <c r="AD2767" s="5"/>
      <c r="AE2767" s="5"/>
      <c r="AF2767" s="5"/>
      <c r="AG2767" s="5"/>
      <c r="AH2767" s="5"/>
      <c r="AI2767" s="5"/>
    </row>
    <row r="2768" spans="1:35" ht="27.75" customHeight="1" x14ac:dyDescent="0.4">
      <c r="A2768" s="9" t="s">
        <v>3503</v>
      </c>
      <c r="B2768" s="9" t="s">
        <v>5433</v>
      </c>
      <c r="C2768" s="9" t="s">
        <v>5434</v>
      </c>
      <c r="D2768" s="18">
        <v>1442942803</v>
      </c>
      <c r="E2768" s="11">
        <v>47938</v>
      </c>
      <c r="F2768" s="9" t="s">
        <v>93</v>
      </c>
      <c r="G2768" s="5">
        <v>2766</v>
      </c>
      <c r="H2768" s="12">
        <f t="shared" si="86"/>
        <v>26</v>
      </c>
      <c r="I2768" s="12">
        <f t="shared" si="87"/>
        <v>14</v>
      </c>
    </row>
    <row r="2769" spans="1:35" ht="27.75" customHeight="1" x14ac:dyDescent="0.4">
      <c r="A2769" s="9" t="s">
        <v>3503</v>
      </c>
      <c r="B2769" s="9" t="s">
        <v>5435</v>
      </c>
      <c r="C2769" s="9" t="s">
        <v>5436</v>
      </c>
      <c r="D2769" s="18">
        <v>1442942811</v>
      </c>
      <c r="E2769" s="11">
        <v>47938</v>
      </c>
      <c r="F2769" s="9" t="s">
        <v>93</v>
      </c>
      <c r="G2769" s="12">
        <v>2767</v>
      </c>
      <c r="H2769" s="12">
        <f t="shared" si="86"/>
        <v>20</v>
      </c>
      <c r="I2769" s="12">
        <f t="shared" si="87"/>
        <v>13</v>
      </c>
    </row>
    <row r="2770" spans="1:35" ht="27.75" customHeight="1" x14ac:dyDescent="0.4">
      <c r="A2770" s="9" t="s">
        <v>3503</v>
      </c>
      <c r="B2770" s="13" t="s">
        <v>5437</v>
      </c>
      <c r="C2770" s="9" t="s">
        <v>5438</v>
      </c>
      <c r="D2770" s="18">
        <v>1442942753</v>
      </c>
      <c r="E2770" s="11">
        <v>47634</v>
      </c>
      <c r="F2770" s="9" t="s">
        <v>93</v>
      </c>
      <c r="G2770" s="5">
        <v>2768</v>
      </c>
      <c r="H2770" s="12">
        <f t="shared" si="86"/>
        <v>22</v>
      </c>
      <c r="I2770" s="12">
        <f t="shared" si="87"/>
        <v>5</v>
      </c>
    </row>
    <row r="2771" spans="1:35" ht="27.75" customHeight="1" x14ac:dyDescent="0.4">
      <c r="A2771" s="9" t="s">
        <v>3503</v>
      </c>
      <c r="B2771" s="9" t="s">
        <v>5439</v>
      </c>
      <c r="C2771" s="9" t="s">
        <v>5440</v>
      </c>
      <c r="D2771" s="18">
        <v>1442942571</v>
      </c>
      <c r="E2771" s="11">
        <v>47848</v>
      </c>
      <c r="F2771" s="9" t="s">
        <v>93</v>
      </c>
      <c r="G2771" s="12">
        <v>2769</v>
      </c>
      <c r="H2771" s="12">
        <f t="shared" si="86"/>
        <v>13</v>
      </c>
      <c r="I2771" s="12">
        <f t="shared" si="87"/>
        <v>5</v>
      </c>
    </row>
    <row r="2772" spans="1:35" ht="27.75" customHeight="1" x14ac:dyDescent="0.4">
      <c r="A2772" s="9" t="s">
        <v>3503</v>
      </c>
      <c r="B2772" s="9" t="s">
        <v>5441</v>
      </c>
      <c r="C2772" s="9" t="s">
        <v>5442</v>
      </c>
      <c r="D2772" s="26">
        <v>1442942712</v>
      </c>
      <c r="E2772" s="11">
        <v>47542</v>
      </c>
      <c r="F2772" s="9" t="s">
        <v>93</v>
      </c>
      <c r="G2772" s="5">
        <v>2770</v>
      </c>
      <c r="H2772" s="12">
        <f t="shared" si="86"/>
        <v>10</v>
      </c>
      <c r="I2772" s="12">
        <f t="shared" si="87"/>
        <v>9</v>
      </c>
    </row>
    <row r="2773" spans="1:35" ht="27.75" customHeight="1" x14ac:dyDescent="0.4">
      <c r="A2773" s="9" t="s">
        <v>3503</v>
      </c>
      <c r="B2773" s="13" t="s">
        <v>5443</v>
      </c>
      <c r="C2773" s="13" t="s">
        <v>5444</v>
      </c>
      <c r="D2773" s="18">
        <v>1442981645</v>
      </c>
      <c r="E2773" s="11">
        <v>46387</v>
      </c>
      <c r="F2773" s="9" t="s">
        <v>93</v>
      </c>
      <c r="G2773" s="12">
        <v>2771</v>
      </c>
      <c r="H2773" s="12">
        <f t="shared" si="86"/>
        <v>10</v>
      </c>
      <c r="I2773" s="12">
        <f t="shared" si="87"/>
        <v>13</v>
      </c>
    </row>
    <row r="2774" spans="1:35" ht="27.75" customHeight="1" x14ac:dyDescent="0.4">
      <c r="A2774" s="9" t="s">
        <v>3503</v>
      </c>
      <c r="B2774" s="9" t="s">
        <v>5445</v>
      </c>
      <c r="C2774" s="9" t="s">
        <v>5446</v>
      </c>
      <c r="D2774" s="18">
        <v>1442942654</v>
      </c>
      <c r="E2774" s="11">
        <v>47238</v>
      </c>
      <c r="F2774" s="9" t="s">
        <v>93</v>
      </c>
      <c r="G2774" s="5">
        <v>2772</v>
      </c>
      <c r="H2774" s="12">
        <f t="shared" si="86"/>
        <v>12</v>
      </c>
      <c r="I2774" s="12">
        <f t="shared" si="87"/>
        <v>12</v>
      </c>
      <c r="J2774" s="5"/>
      <c r="K2774" s="5"/>
      <c r="L2774" s="5"/>
      <c r="M2774" s="5"/>
      <c r="N2774" s="5"/>
      <c r="O2774" s="5"/>
      <c r="P2774" s="5"/>
      <c r="Q2774" s="5"/>
      <c r="R2774" s="5"/>
      <c r="S2774" s="5"/>
      <c r="T2774" s="5"/>
      <c r="U2774" s="5"/>
      <c r="V2774" s="5"/>
      <c r="W2774" s="5"/>
      <c r="X2774" s="5"/>
      <c r="Y2774" s="5"/>
      <c r="Z2774" s="5"/>
      <c r="AA2774" s="5"/>
      <c r="AB2774" s="5"/>
      <c r="AC2774" s="5"/>
      <c r="AD2774" s="5"/>
      <c r="AE2774" s="5"/>
      <c r="AF2774" s="5"/>
      <c r="AG2774" s="5"/>
      <c r="AH2774" s="5"/>
      <c r="AI2774" s="5"/>
    </row>
    <row r="2775" spans="1:35" ht="27.75" customHeight="1" x14ac:dyDescent="0.4">
      <c r="A2775" s="13" t="s">
        <v>3503</v>
      </c>
      <c r="B2775" s="9" t="s">
        <v>5447</v>
      </c>
      <c r="C2775" s="9" t="s">
        <v>5448</v>
      </c>
      <c r="D2775" s="18">
        <v>1442900751</v>
      </c>
      <c r="E2775" s="11">
        <v>46387</v>
      </c>
      <c r="F2775" s="9" t="s">
        <v>93</v>
      </c>
      <c r="G2775" s="12">
        <v>2773</v>
      </c>
      <c r="H2775" s="12">
        <f t="shared" si="86"/>
        <v>12</v>
      </c>
      <c r="I2775" s="12">
        <f t="shared" si="87"/>
        <v>9</v>
      </c>
      <c r="J2775" s="5"/>
      <c r="K2775" s="5"/>
      <c r="L2775" s="5"/>
      <c r="M2775" s="5"/>
      <c r="N2775" s="5"/>
      <c r="O2775" s="5"/>
      <c r="P2775" s="5"/>
      <c r="Q2775" s="5"/>
      <c r="R2775" s="5"/>
      <c r="S2775" s="5"/>
      <c r="T2775" s="5"/>
      <c r="U2775" s="5"/>
      <c r="V2775" s="5"/>
      <c r="W2775" s="5"/>
      <c r="X2775" s="5"/>
      <c r="Y2775" s="5"/>
      <c r="Z2775" s="5"/>
      <c r="AA2775" s="5"/>
      <c r="AB2775" s="5"/>
      <c r="AC2775" s="5"/>
      <c r="AD2775" s="5"/>
      <c r="AE2775" s="5"/>
      <c r="AF2775" s="5"/>
      <c r="AG2775" s="5"/>
      <c r="AH2775" s="5"/>
      <c r="AI2775" s="5"/>
    </row>
    <row r="2776" spans="1:35" ht="27.75" customHeight="1" x14ac:dyDescent="0.4">
      <c r="A2776" s="9" t="s">
        <v>3503</v>
      </c>
      <c r="B2776" s="9" t="s">
        <v>5449</v>
      </c>
      <c r="C2776" s="9" t="s">
        <v>5450</v>
      </c>
      <c r="D2776" s="18">
        <v>1442981199</v>
      </c>
      <c r="E2776" s="11">
        <v>46387</v>
      </c>
      <c r="F2776" s="9" t="s">
        <v>93</v>
      </c>
      <c r="G2776" s="5">
        <v>2774</v>
      </c>
      <c r="H2776" s="12">
        <f t="shared" si="86"/>
        <v>12</v>
      </c>
      <c r="I2776" s="12">
        <f t="shared" si="87"/>
        <v>11</v>
      </c>
      <c r="J2776" s="5"/>
      <c r="K2776" s="5"/>
      <c r="L2776" s="5"/>
      <c r="M2776" s="5"/>
      <c r="N2776" s="5"/>
      <c r="O2776" s="5"/>
      <c r="P2776" s="5"/>
      <c r="Q2776" s="5"/>
      <c r="R2776" s="5"/>
      <c r="S2776" s="5"/>
      <c r="T2776" s="5"/>
      <c r="U2776" s="5"/>
      <c r="V2776" s="5"/>
      <c r="W2776" s="5"/>
      <c r="X2776" s="5"/>
      <c r="Y2776" s="5"/>
      <c r="Z2776" s="5"/>
      <c r="AA2776" s="5"/>
      <c r="AB2776" s="5"/>
      <c r="AC2776" s="5"/>
      <c r="AD2776" s="5"/>
      <c r="AE2776" s="5"/>
      <c r="AF2776" s="5"/>
      <c r="AG2776" s="5"/>
      <c r="AH2776" s="5"/>
      <c r="AI2776" s="5"/>
    </row>
    <row r="2777" spans="1:35" ht="27.75" customHeight="1" x14ac:dyDescent="0.4">
      <c r="A2777" s="9" t="s">
        <v>3503</v>
      </c>
      <c r="B2777" s="9" t="s">
        <v>5451</v>
      </c>
      <c r="C2777" s="9" t="s">
        <v>5452</v>
      </c>
      <c r="D2777" s="18">
        <v>1442940450</v>
      </c>
      <c r="E2777" s="11">
        <v>46418</v>
      </c>
      <c r="F2777" s="9" t="s">
        <v>93</v>
      </c>
      <c r="G2777" s="12">
        <v>2775</v>
      </c>
      <c r="H2777" s="12">
        <f t="shared" si="86"/>
        <v>11</v>
      </c>
      <c r="I2777" s="12">
        <f t="shared" si="87"/>
        <v>10</v>
      </c>
    </row>
    <row r="2778" spans="1:35" ht="27.75" customHeight="1" x14ac:dyDescent="0.4">
      <c r="A2778" s="9" t="s">
        <v>3503</v>
      </c>
      <c r="B2778" s="9" t="s">
        <v>5453</v>
      </c>
      <c r="C2778" s="9" t="s">
        <v>5454</v>
      </c>
      <c r="D2778" s="18">
        <v>1442942852</v>
      </c>
      <c r="E2778" s="11">
        <v>48304</v>
      </c>
      <c r="F2778" s="9" t="s">
        <v>93</v>
      </c>
      <c r="G2778" s="5">
        <v>2776</v>
      </c>
      <c r="H2778" s="12">
        <f t="shared" si="86"/>
        <v>13</v>
      </c>
      <c r="I2778" s="12">
        <f t="shared" si="87"/>
        <v>12</v>
      </c>
      <c r="J2778" s="5"/>
      <c r="K2778" s="5"/>
      <c r="L2778" s="5"/>
      <c r="M2778" s="5"/>
      <c r="N2778" s="5"/>
      <c r="O2778" s="5"/>
      <c r="P2778" s="5"/>
      <c r="Q2778" s="5"/>
      <c r="R2778" s="5"/>
      <c r="S2778" s="5"/>
      <c r="T2778" s="5"/>
      <c r="U2778" s="5"/>
      <c r="V2778" s="5"/>
      <c r="W2778" s="5"/>
      <c r="X2778" s="5"/>
      <c r="Y2778" s="5"/>
      <c r="Z2778" s="5"/>
      <c r="AA2778" s="5"/>
      <c r="AB2778" s="5"/>
      <c r="AC2778" s="5"/>
      <c r="AD2778" s="5"/>
      <c r="AE2778" s="5"/>
      <c r="AF2778" s="5"/>
      <c r="AG2778" s="5"/>
      <c r="AH2778" s="5"/>
      <c r="AI2778" s="5"/>
    </row>
    <row r="2779" spans="1:35" ht="27.75" customHeight="1" x14ac:dyDescent="0.4">
      <c r="A2779" s="16" t="s">
        <v>3503</v>
      </c>
      <c r="B2779" s="15" t="s">
        <v>5455</v>
      </c>
      <c r="C2779" s="16" t="s">
        <v>5456</v>
      </c>
      <c r="D2779" s="10">
        <v>1442942795</v>
      </c>
      <c r="E2779" s="11">
        <v>47938</v>
      </c>
      <c r="F2779" s="9" t="s">
        <v>93</v>
      </c>
      <c r="G2779" s="12">
        <v>2777</v>
      </c>
      <c r="H2779" s="12">
        <f t="shared" si="86"/>
        <v>26</v>
      </c>
      <c r="I2779" s="12">
        <f t="shared" si="87"/>
        <v>11</v>
      </c>
      <c r="J2779" s="5"/>
      <c r="K2779" s="5"/>
      <c r="L2779" s="5"/>
      <c r="M2779" s="5"/>
      <c r="N2779" s="5"/>
      <c r="O2779" s="5"/>
      <c r="P2779" s="5"/>
      <c r="Q2779" s="5"/>
      <c r="R2779" s="5"/>
      <c r="S2779" s="5"/>
      <c r="T2779" s="5"/>
      <c r="U2779" s="5"/>
      <c r="V2779" s="5"/>
      <c r="W2779" s="5"/>
      <c r="X2779" s="5"/>
      <c r="Y2779" s="5"/>
      <c r="Z2779" s="5"/>
      <c r="AA2779" s="5"/>
      <c r="AB2779" s="5"/>
      <c r="AC2779" s="5"/>
      <c r="AD2779" s="5"/>
      <c r="AE2779" s="5"/>
      <c r="AF2779" s="5"/>
      <c r="AG2779" s="5"/>
      <c r="AH2779" s="5"/>
      <c r="AI2779" s="5"/>
    </row>
    <row r="2780" spans="1:35" ht="27.75" customHeight="1" x14ac:dyDescent="0.4">
      <c r="A2780" s="9" t="s">
        <v>3503</v>
      </c>
      <c r="B2780" s="9" t="s">
        <v>5457</v>
      </c>
      <c r="C2780" s="9" t="s">
        <v>5458</v>
      </c>
      <c r="D2780" s="18">
        <v>1442942845</v>
      </c>
      <c r="E2780" s="11">
        <v>48182</v>
      </c>
      <c r="F2780" s="9" t="s">
        <v>93</v>
      </c>
      <c r="G2780" s="5">
        <v>2778</v>
      </c>
      <c r="H2780" s="12">
        <f t="shared" si="86"/>
        <v>12</v>
      </c>
      <c r="I2780" s="12">
        <f t="shared" si="87"/>
        <v>9</v>
      </c>
      <c r="J2780" s="5"/>
      <c r="K2780" s="5"/>
      <c r="L2780" s="5"/>
      <c r="M2780" s="5"/>
      <c r="N2780" s="5"/>
      <c r="O2780" s="5"/>
      <c r="P2780" s="5"/>
      <c r="Q2780" s="5"/>
      <c r="R2780" s="5"/>
      <c r="S2780" s="5"/>
      <c r="T2780" s="5"/>
      <c r="U2780" s="5"/>
      <c r="V2780" s="5"/>
      <c r="W2780" s="5"/>
      <c r="X2780" s="5"/>
      <c r="Y2780" s="5"/>
      <c r="Z2780" s="5"/>
      <c r="AA2780" s="5"/>
      <c r="AB2780" s="5"/>
      <c r="AC2780" s="5"/>
      <c r="AD2780" s="5"/>
      <c r="AE2780" s="5"/>
      <c r="AF2780" s="5"/>
      <c r="AG2780" s="5"/>
      <c r="AH2780" s="5"/>
      <c r="AI2780" s="5"/>
    </row>
    <row r="2781" spans="1:35" ht="27.75" customHeight="1" x14ac:dyDescent="0.4">
      <c r="A2781" s="9" t="s">
        <v>3503</v>
      </c>
      <c r="B2781" s="13" t="s">
        <v>5459</v>
      </c>
      <c r="C2781" s="9" t="s">
        <v>5460</v>
      </c>
      <c r="D2781" s="18">
        <v>1442940088</v>
      </c>
      <c r="E2781" s="11">
        <v>46630</v>
      </c>
      <c r="F2781" s="9" t="s">
        <v>93</v>
      </c>
      <c r="G2781" s="12">
        <v>2779</v>
      </c>
      <c r="H2781" s="12">
        <f t="shared" si="86"/>
        <v>14</v>
      </c>
      <c r="I2781" s="12">
        <f t="shared" si="87"/>
        <v>10</v>
      </c>
    </row>
    <row r="2782" spans="1:35" ht="27.75" customHeight="1" x14ac:dyDescent="0.4">
      <c r="A2782" s="9" t="s">
        <v>3503</v>
      </c>
      <c r="B2782" s="13" t="s">
        <v>5461</v>
      </c>
      <c r="C2782" s="9" t="s">
        <v>5462</v>
      </c>
      <c r="D2782" s="18">
        <v>1442981454</v>
      </c>
      <c r="E2782" s="11">
        <v>46387</v>
      </c>
      <c r="F2782" s="9" t="s">
        <v>93</v>
      </c>
      <c r="G2782" s="5">
        <v>2780</v>
      </c>
      <c r="H2782" s="12">
        <f t="shared" si="86"/>
        <v>11</v>
      </c>
      <c r="I2782" s="12">
        <f t="shared" si="87"/>
        <v>10</v>
      </c>
    </row>
    <row r="2783" spans="1:35" ht="27.75" customHeight="1" x14ac:dyDescent="0.4">
      <c r="A2783" s="9" t="s">
        <v>3503</v>
      </c>
      <c r="B2783" s="13" t="s">
        <v>5463</v>
      </c>
      <c r="C2783" s="9" t="s">
        <v>5464</v>
      </c>
      <c r="D2783" s="18">
        <v>1442940328</v>
      </c>
      <c r="E2783" s="11">
        <v>48395</v>
      </c>
      <c r="F2783" s="9" t="s">
        <v>93</v>
      </c>
      <c r="G2783" s="12">
        <v>2781</v>
      </c>
      <c r="H2783" s="12">
        <f t="shared" si="86"/>
        <v>11</v>
      </c>
      <c r="I2783" s="12">
        <f t="shared" si="87"/>
        <v>9</v>
      </c>
    </row>
    <row r="2784" spans="1:35" ht="27.75" customHeight="1" x14ac:dyDescent="0.4">
      <c r="A2784" s="9" t="s">
        <v>3503</v>
      </c>
      <c r="B2784" s="13" t="s">
        <v>5465</v>
      </c>
      <c r="C2784" s="9" t="s">
        <v>5466</v>
      </c>
      <c r="D2784" s="18">
        <v>1442981496</v>
      </c>
      <c r="E2784" s="11">
        <v>46387</v>
      </c>
      <c r="F2784" s="9" t="s">
        <v>93</v>
      </c>
      <c r="G2784" s="5">
        <v>2782</v>
      </c>
      <c r="H2784" s="12">
        <f t="shared" si="86"/>
        <v>10</v>
      </c>
      <c r="I2784" s="12">
        <f t="shared" si="87"/>
        <v>10</v>
      </c>
      <c r="J2784" s="5"/>
      <c r="K2784" s="5"/>
      <c r="L2784" s="5"/>
      <c r="M2784" s="5"/>
      <c r="N2784" s="5"/>
      <c r="O2784" s="5"/>
      <c r="P2784" s="5"/>
      <c r="Q2784" s="5"/>
      <c r="R2784" s="5"/>
      <c r="S2784" s="5"/>
      <c r="T2784" s="5"/>
      <c r="U2784" s="5"/>
      <c r="V2784" s="5"/>
      <c r="W2784" s="5"/>
      <c r="X2784" s="5"/>
      <c r="Y2784" s="5"/>
      <c r="Z2784" s="5"/>
      <c r="AA2784" s="5"/>
      <c r="AB2784" s="5"/>
      <c r="AC2784" s="5"/>
      <c r="AD2784" s="5"/>
      <c r="AE2784" s="5"/>
      <c r="AF2784" s="5"/>
      <c r="AG2784" s="5"/>
      <c r="AH2784" s="5"/>
      <c r="AI2784" s="5"/>
    </row>
    <row r="2785" spans="1:35" ht="27.75" customHeight="1" x14ac:dyDescent="0.4">
      <c r="A2785" s="9" t="s">
        <v>3503</v>
      </c>
      <c r="B2785" s="13" t="s">
        <v>5467</v>
      </c>
      <c r="C2785" s="9" t="s">
        <v>5468</v>
      </c>
      <c r="D2785" s="18">
        <v>1442981470</v>
      </c>
      <c r="E2785" s="11">
        <v>46387</v>
      </c>
      <c r="F2785" s="9" t="s">
        <v>93</v>
      </c>
      <c r="G2785" s="12">
        <v>2783</v>
      </c>
      <c r="H2785" s="12">
        <f t="shared" si="86"/>
        <v>23</v>
      </c>
      <c r="I2785" s="12">
        <f t="shared" si="87"/>
        <v>9</v>
      </c>
      <c r="J2785" s="5"/>
      <c r="K2785" s="5"/>
      <c r="L2785" s="5"/>
      <c r="M2785" s="5"/>
      <c r="N2785" s="5"/>
      <c r="O2785" s="5"/>
      <c r="P2785" s="5"/>
      <c r="Q2785" s="5"/>
      <c r="R2785" s="5"/>
      <c r="S2785" s="5"/>
      <c r="T2785" s="5"/>
      <c r="U2785" s="5"/>
      <c r="V2785" s="5"/>
      <c r="W2785" s="5"/>
      <c r="X2785" s="5"/>
      <c r="Y2785" s="5"/>
      <c r="Z2785" s="5"/>
      <c r="AA2785" s="5"/>
      <c r="AB2785" s="5"/>
      <c r="AC2785" s="5"/>
      <c r="AD2785" s="5"/>
      <c r="AE2785" s="5"/>
      <c r="AF2785" s="5"/>
      <c r="AG2785" s="5"/>
      <c r="AH2785" s="5"/>
      <c r="AI2785" s="5"/>
    </row>
    <row r="2786" spans="1:35" ht="27.75" customHeight="1" x14ac:dyDescent="0.4">
      <c r="A2786" s="9" t="s">
        <v>3503</v>
      </c>
      <c r="B2786" s="13" t="s">
        <v>5469</v>
      </c>
      <c r="C2786" s="9" t="s">
        <v>1928</v>
      </c>
      <c r="D2786" s="18">
        <v>1442940369</v>
      </c>
      <c r="E2786" s="11">
        <v>48365</v>
      </c>
      <c r="F2786" s="9" t="s">
        <v>93</v>
      </c>
      <c r="G2786" s="5">
        <v>2784</v>
      </c>
      <c r="H2786" s="12">
        <f t="shared" si="86"/>
        <v>13</v>
      </c>
      <c r="I2786" s="12">
        <f t="shared" si="87"/>
        <v>11</v>
      </c>
      <c r="J2786" s="5"/>
      <c r="K2786" s="5"/>
      <c r="L2786" s="5"/>
      <c r="M2786" s="5"/>
      <c r="N2786" s="5"/>
      <c r="O2786" s="5"/>
      <c r="P2786" s="5"/>
      <c r="Q2786" s="5"/>
      <c r="R2786" s="5"/>
      <c r="S2786" s="5"/>
      <c r="T2786" s="5"/>
      <c r="U2786" s="5"/>
      <c r="V2786" s="5"/>
      <c r="W2786" s="5"/>
      <c r="X2786" s="5"/>
      <c r="Y2786" s="5"/>
      <c r="Z2786" s="5"/>
      <c r="AA2786" s="5"/>
      <c r="AB2786" s="5"/>
      <c r="AC2786" s="5"/>
      <c r="AD2786" s="5"/>
      <c r="AE2786" s="5"/>
      <c r="AF2786" s="5"/>
      <c r="AG2786" s="5"/>
      <c r="AH2786" s="5"/>
      <c r="AI2786" s="5"/>
    </row>
    <row r="2787" spans="1:35" ht="27.75" customHeight="1" x14ac:dyDescent="0.4">
      <c r="A2787" s="9" t="s">
        <v>3503</v>
      </c>
      <c r="B2787" s="13" t="s">
        <v>5470</v>
      </c>
      <c r="C2787" s="9" t="s">
        <v>5471</v>
      </c>
      <c r="D2787" s="18">
        <v>1442981603</v>
      </c>
      <c r="E2787" s="11">
        <v>46387</v>
      </c>
      <c r="F2787" s="9" t="s">
        <v>93</v>
      </c>
      <c r="G2787" s="12">
        <v>2785</v>
      </c>
      <c r="H2787" s="12">
        <f t="shared" si="86"/>
        <v>13</v>
      </c>
      <c r="I2787" s="12">
        <f t="shared" si="87"/>
        <v>10</v>
      </c>
      <c r="J2787" s="5"/>
      <c r="K2787" s="5"/>
      <c r="L2787" s="5"/>
      <c r="M2787" s="5"/>
      <c r="N2787" s="5"/>
      <c r="O2787" s="5"/>
      <c r="P2787" s="5"/>
      <c r="Q2787" s="5"/>
      <c r="R2787" s="5"/>
      <c r="S2787" s="5"/>
      <c r="T2787" s="5"/>
      <c r="U2787" s="5"/>
      <c r="V2787" s="5"/>
      <c r="W2787" s="5"/>
      <c r="X2787" s="5"/>
      <c r="Y2787" s="5"/>
      <c r="Z2787" s="5"/>
      <c r="AA2787" s="5"/>
      <c r="AB2787" s="5"/>
      <c r="AC2787" s="5"/>
      <c r="AD2787" s="5"/>
      <c r="AE2787" s="5"/>
      <c r="AF2787" s="5"/>
      <c r="AG2787" s="5"/>
      <c r="AH2787" s="5"/>
      <c r="AI2787" s="5"/>
    </row>
    <row r="2788" spans="1:35" ht="27.75" customHeight="1" x14ac:dyDescent="0.4">
      <c r="A2788" s="9" t="s">
        <v>3503</v>
      </c>
      <c r="B2788" s="13" t="s">
        <v>5472</v>
      </c>
      <c r="C2788" s="9" t="s">
        <v>5473</v>
      </c>
      <c r="D2788" s="18">
        <v>1442940443</v>
      </c>
      <c r="E2788" s="11">
        <v>46326</v>
      </c>
      <c r="F2788" s="9" t="s">
        <v>93</v>
      </c>
      <c r="G2788" s="5">
        <v>2786</v>
      </c>
      <c r="H2788" s="12">
        <f t="shared" si="86"/>
        <v>10</v>
      </c>
      <c r="I2788" s="12">
        <f t="shared" si="87"/>
        <v>6</v>
      </c>
      <c r="J2788" s="5"/>
      <c r="K2788" s="5"/>
      <c r="L2788" s="5"/>
      <c r="M2788" s="5"/>
      <c r="N2788" s="5"/>
      <c r="O2788" s="5"/>
      <c r="P2788" s="5"/>
      <c r="Q2788" s="5"/>
      <c r="R2788" s="5"/>
      <c r="S2788" s="5"/>
      <c r="T2788" s="5"/>
      <c r="U2788" s="5"/>
      <c r="V2788" s="5"/>
      <c r="W2788" s="5"/>
      <c r="X2788" s="5"/>
      <c r="Y2788" s="5"/>
      <c r="Z2788" s="5"/>
      <c r="AA2788" s="5"/>
      <c r="AB2788" s="5"/>
      <c r="AC2788" s="5"/>
      <c r="AD2788" s="5"/>
      <c r="AE2788" s="5"/>
      <c r="AF2788" s="5"/>
      <c r="AG2788" s="5"/>
      <c r="AH2788" s="5"/>
      <c r="AI2788" s="5"/>
    </row>
    <row r="2789" spans="1:35" ht="27.75" customHeight="1" x14ac:dyDescent="0.4">
      <c r="A2789" s="9" t="s">
        <v>3503</v>
      </c>
      <c r="B2789" s="13" t="s">
        <v>5474</v>
      </c>
      <c r="C2789" s="9" t="s">
        <v>5475</v>
      </c>
      <c r="D2789" s="18">
        <v>1442981298</v>
      </c>
      <c r="E2789" s="11">
        <v>46387</v>
      </c>
      <c r="F2789" s="9" t="s">
        <v>93</v>
      </c>
      <c r="G2789" s="12">
        <v>2787</v>
      </c>
      <c r="H2789" s="12">
        <f t="shared" si="86"/>
        <v>12</v>
      </c>
      <c r="I2789" s="12">
        <f t="shared" si="87"/>
        <v>7</v>
      </c>
      <c r="J2789" s="5"/>
      <c r="K2789" s="5"/>
      <c r="L2789" s="5"/>
      <c r="M2789" s="5"/>
      <c r="N2789" s="5"/>
      <c r="O2789" s="5"/>
      <c r="P2789" s="5"/>
      <c r="Q2789" s="5"/>
      <c r="R2789" s="5"/>
      <c r="S2789" s="5"/>
      <c r="T2789" s="5"/>
      <c r="U2789" s="5"/>
      <c r="V2789" s="5"/>
      <c r="W2789" s="5"/>
      <c r="X2789" s="5"/>
      <c r="Y2789" s="5"/>
      <c r="Z2789" s="5"/>
      <c r="AA2789" s="5"/>
      <c r="AB2789" s="5"/>
      <c r="AC2789" s="5"/>
      <c r="AD2789" s="5"/>
      <c r="AE2789" s="5"/>
      <c r="AF2789" s="5"/>
      <c r="AG2789" s="5"/>
      <c r="AH2789" s="5"/>
      <c r="AI2789" s="5"/>
    </row>
    <row r="2790" spans="1:35" ht="27.75" customHeight="1" x14ac:dyDescent="0.4">
      <c r="A2790" s="9" t="s">
        <v>3503</v>
      </c>
      <c r="B2790" s="13" t="s">
        <v>5476</v>
      </c>
      <c r="C2790" s="9" t="s">
        <v>5477</v>
      </c>
      <c r="D2790" s="18">
        <v>1442940096</v>
      </c>
      <c r="E2790" s="11">
        <v>46630</v>
      </c>
      <c r="F2790" s="9" t="s">
        <v>93</v>
      </c>
      <c r="G2790" s="5">
        <v>2788</v>
      </c>
      <c r="H2790" s="12">
        <f t="shared" si="86"/>
        <v>12</v>
      </c>
      <c r="I2790" s="12">
        <f t="shared" si="87"/>
        <v>9</v>
      </c>
      <c r="J2790" s="28"/>
      <c r="K2790" s="28"/>
      <c r="L2790" s="28"/>
      <c r="M2790" s="28"/>
      <c r="N2790" s="28"/>
      <c r="O2790" s="28"/>
      <c r="P2790" s="28"/>
      <c r="Q2790" s="28"/>
      <c r="R2790" s="28"/>
      <c r="S2790" s="28"/>
      <c r="T2790" s="28"/>
      <c r="U2790" s="28"/>
      <c r="V2790" s="28"/>
      <c r="W2790" s="28"/>
      <c r="X2790" s="28"/>
      <c r="Y2790" s="28"/>
      <c r="Z2790" s="28"/>
      <c r="AA2790" s="28"/>
      <c r="AB2790" s="28"/>
      <c r="AC2790" s="28"/>
      <c r="AD2790" s="28"/>
      <c r="AE2790" s="28"/>
      <c r="AF2790" s="28"/>
      <c r="AG2790" s="28"/>
      <c r="AH2790" s="28"/>
      <c r="AI2790" s="28"/>
    </row>
    <row r="2791" spans="1:35" ht="27.75" customHeight="1" x14ac:dyDescent="0.4">
      <c r="A2791" s="9" t="s">
        <v>3503</v>
      </c>
      <c r="B2791" s="13" t="s">
        <v>5478</v>
      </c>
      <c r="C2791" s="9" t="s">
        <v>5479</v>
      </c>
      <c r="D2791" s="18">
        <v>1442942621</v>
      </c>
      <c r="E2791" s="11">
        <v>46996</v>
      </c>
      <c r="F2791" s="9" t="s">
        <v>93</v>
      </c>
      <c r="G2791" s="12">
        <v>2789</v>
      </c>
      <c r="H2791" s="12">
        <f t="shared" si="86"/>
        <v>11</v>
      </c>
      <c r="I2791" s="12">
        <f t="shared" si="87"/>
        <v>14</v>
      </c>
      <c r="J2791" s="5"/>
      <c r="K2791" s="5"/>
      <c r="L2791" s="5"/>
      <c r="M2791" s="5"/>
      <c r="N2791" s="5"/>
      <c r="O2791" s="5"/>
      <c r="P2791" s="5"/>
      <c r="Q2791" s="5"/>
      <c r="R2791" s="5"/>
      <c r="S2791" s="5"/>
      <c r="T2791" s="5"/>
      <c r="U2791" s="5"/>
      <c r="V2791" s="5"/>
      <c r="W2791" s="5"/>
      <c r="X2791" s="5"/>
      <c r="Y2791" s="5"/>
      <c r="Z2791" s="5"/>
      <c r="AA2791" s="5"/>
      <c r="AB2791" s="5"/>
      <c r="AC2791" s="5"/>
      <c r="AD2791" s="5"/>
      <c r="AE2791" s="5"/>
      <c r="AF2791" s="5"/>
      <c r="AG2791" s="5"/>
      <c r="AH2791" s="5"/>
      <c r="AI2791" s="5"/>
    </row>
    <row r="2792" spans="1:35" ht="27.75" customHeight="1" x14ac:dyDescent="0.4">
      <c r="A2792" s="9" t="s">
        <v>3503</v>
      </c>
      <c r="B2792" s="13" t="s">
        <v>5480</v>
      </c>
      <c r="C2792" s="9" t="s">
        <v>5481</v>
      </c>
      <c r="D2792" s="18">
        <v>1442942696</v>
      </c>
      <c r="E2792" s="11">
        <v>47422</v>
      </c>
      <c r="F2792" s="9" t="s">
        <v>93</v>
      </c>
      <c r="G2792" s="5">
        <v>2790</v>
      </c>
      <c r="H2792" s="12">
        <f t="shared" si="86"/>
        <v>11</v>
      </c>
      <c r="I2792" s="12">
        <f t="shared" si="87"/>
        <v>13</v>
      </c>
      <c r="J2792" s="5"/>
      <c r="K2792" s="5"/>
      <c r="L2792" s="5"/>
      <c r="M2792" s="5"/>
      <c r="N2792" s="5"/>
      <c r="O2792" s="5"/>
      <c r="P2792" s="5"/>
      <c r="Q2792" s="5"/>
      <c r="R2792" s="5"/>
      <c r="S2792" s="5"/>
      <c r="T2792" s="5"/>
      <c r="U2792" s="5"/>
      <c r="V2792" s="5"/>
      <c r="W2792" s="5"/>
      <c r="X2792" s="5"/>
      <c r="Y2792" s="5"/>
      <c r="Z2792" s="5"/>
      <c r="AA2792" s="5"/>
      <c r="AB2792" s="5"/>
      <c r="AC2792" s="5"/>
      <c r="AD2792" s="5"/>
      <c r="AE2792" s="5"/>
      <c r="AF2792" s="5"/>
      <c r="AG2792" s="5"/>
      <c r="AH2792" s="5"/>
      <c r="AI2792" s="5"/>
    </row>
    <row r="2793" spans="1:35" ht="27.75" customHeight="1" x14ac:dyDescent="0.4">
      <c r="A2793" s="9" t="s">
        <v>3503</v>
      </c>
      <c r="B2793" s="13" t="s">
        <v>5482</v>
      </c>
      <c r="C2793" s="9" t="s">
        <v>5483</v>
      </c>
      <c r="D2793" s="18">
        <v>1442942746</v>
      </c>
      <c r="E2793" s="11">
        <v>47634</v>
      </c>
      <c r="F2793" s="9" t="s">
        <v>93</v>
      </c>
      <c r="G2793" s="12">
        <v>2791</v>
      </c>
      <c r="H2793" s="12">
        <f t="shared" si="86"/>
        <v>12</v>
      </c>
      <c r="I2793" s="12">
        <f t="shared" si="87"/>
        <v>15</v>
      </c>
      <c r="J2793" s="5"/>
      <c r="K2793" s="5"/>
      <c r="L2793" s="5"/>
      <c r="M2793" s="5"/>
      <c r="N2793" s="5"/>
      <c r="O2793" s="5"/>
      <c r="P2793" s="5"/>
      <c r="Q2793" s="5"/>
      <c r="R2793" s="5"/>
      <c r="S2793" s="5"/>
      <c r="T2793" s="5"/>
      <c r="U2793" s="5"/>
      <c r="V2793" s="5"/>
      <c r="W2793" s="5"/>
      <c r="X2793" s="5"/>
      <c r="Y2793" s="5"/>
      <c r="Z2793" s="5"/>
      <c r="AA2793" s="5"/>
      <c r="AB2793" s="5"/>
      <c r="AC2793" s="5"/>
      <c r="AD2793" s="5"/>
      <c r="AE2793" s="5"/>
      <c r="AF2793" s="5"/>
      <c r="AG2793" s="5"/>
      <c r="AH2793" s="5"/>
      <c r="AI2793" s="5"/>
    </row>
    <row r="2794" spans="1:35" ht="27.75" customHeight="1" x14ac:dyDescent="0.4">
      <c r="A2794" s="9" t="s">
        <v>3503</v>
      </c>
      <c r="B2794" s="13" t="s">
        <v>5484</v>
      </c>
      <c r="C2794" s="9" t="s">
        <v>5485</v>
      </c>
      <c r="D2794" s="18">
        <v>1442940161</v>
      </c>
      <c r="E2794" s="11">
        <v>46873</v>
      </c>
      <c r="F2794" s="9" t="s">
        <v>93</v>
      </c>
      <c r="G2794" s="5">
        <v>2792</v>
      </c>
      <c r="H2794" s="12">
        <f t="shared" si="86"/>
        <v>10</v>
      </c>
      <c r="I2794" s="12">
        <f t="shared" si="87"/>
        <v>10</v>
      </c>
      <c r="J2794" s="5"/>
      <c r="K2794" s="5"/>
      <c r="L2794" s="5"/>
      <c r="M2794" s="5"/>
      <c r="N2794" s="5"/>
      <c r="O2794" s="5"/>
      <c r="P2794" s="5"/>
      <c r="Q2794" s="5"/>
      <c r="R2794" s="5"/>
      <c r="S2794" s="5"/>
      <c r="T2794" s="5"/>
      <c r="U2794" s="5"/>
      <c r="V2794" s="5"/>
      <c r="W2794" s="5"/>
      <c r="X2794" s="5"/>
      <c r="Y2794" s="5"/>
      <c r="Z2794" s="5"/>
      <c r="AA2794" s="5"/>
      <c r="AB2794" s="5"/>
      <c r="AC2794" s="5"/>
      <c r="AD2794" s="5"/>
      <c r="AE2794" s="5"/>
      <c r="AF2794" s="5"/>
      <c r="AG2794" s="5"/>
      <c r="AH2794" s="5"/>
      <c r="AI2794" s="5"/>
    </row>
    <row r="2795" spans="1:35" ht="27.75" customHeight="1" x14ac:dyDescent="0.4">
      <c r="A2795" s="9" t="s">
        <v>3503</v>
      </c>
      <c r="B2795" s="13" t="s">
        <v>5486</v>
      </c>
      <c r="C2795" s="9" t="s">
        <v>1942</v>
      </c>
      <c r="D2795" s="18">
        <v>1442900868</v>
      </c>
      <c r="E2795" s="11">
        <v>46387</v>
      </c>
      <c r="F2795" s="9" t="s">
        <v>93</v>
      </c>
      <c r="G2795" s="12">
        <v>2793</v>
      </c>
      <c r="H2795" s="12">
        <f t="shared" si="86"/>
        <v>11</v>
      </c>
      <c r="I2795" s="12">
        <f t="shared" si="87"/>
        <v>7</v>
      </c>
      <c r="J2795" s="28"/>
      <c r="K2795" s="28"/>
      <c r="L2795" s="28"/>
      <c r="M2795" s="28"/>
      <c r="N2795" s="28"/>
      <c r="O2795" s="28"/>
      <c r="P2795" s="28"/>
      <c r="Q2795" s="28"/>
      <c r="R2795" s="28"/>
      <c r="S2795" s="28"/>
      <c r="T2795" s="28"/>
      <c r="U2795" s="28"/>
      <c r="V2795" s="28"/>
      <c r="W2795" s="28"/>
      <c r="X2795" s="28"/>
      <c r="Y2795" s="28"/>
      <c r="Z2795" s="28"/>
      <c r="AA2795" s="28"/>
      <c r="AB2795" s="28"/>
      <c r="AC2795" s="28"/>
      <c r="AD2795" s="28"/>
      <c r="AE2795" s="28"/>
      <c r="AF2795" s="28"/>
      <c r="AG2795" s="28"/>
      <c r="AH2795" s="28"/>
      <c r="AI2795" s="28"/>
    </row>
    <row r="2796" spans="1:35" ht="27.75" customHeight="1" x14ac:dyDescent="0.4">
      <c r="A2796" s="9" t="s">
        <v>3503</v>
      </c>
      <c r="B2796" s="13" t="s">
        <v>5487</v>
      </c>
      <c r="C2796" s="9" t="s">
        <v>5488</v>
      </c>
      <c r="D2796" s="18">
        <v>1442942597</v>
      </c>
      <c r="E2796" s="11">
        <v>48182</v>
      </c>
      <c r="F2796" s="9" t="s">
        <v>93</v>
      </c>
      <c r="G2796" s="5">
        <v>2794</v>
      </c>
      <c r="H2796" s="12">
        <f t="shared" si="86"/>
        <v>20</v>
      </c>
      <c r="I2796" s="12">
        <f t="shared" si="87"/>
        <v>15</v>
      </c>
      <c r="J2796" s="5"/>
      <c r="K2796" s="5"/>
      <c r="L2796" s="5"/>
      <c r="M2796" s="5"/>
      <c r="N2796" s="5"/>
      <c r="O2796" s="5"/>
      <c r="P2796" s="5"/>
      <c r="Q2796" s="5"/>
      <c r="R2796" s="5"/>
      <c r="S2796" s="5"/>
      <c r="T2796" s="5"/>
      <c r="U2796" s="5"/>
      <c r="V2796" s="5"/>
      <c r="W2796" s="5"/>
      <c r="X2796" s="5"/>
      <c r="Y2796" s="5"/>
      <c r="Z2796" s="5"/>
      <c r="AA2796" s="5"/>
      <c r="AB2796" s="5"/>
      <c r="AC2796" s="5"/>
      <c r="AD2796" s="5"/>
      <c r="AE2796" s="5"/>
      <c r="AF2796" s="5"/>
      <c r="AG2796" s="5"/>
      <c r="AH2796" s="5"/>
      <c r="AI2796" s="5"/>
    </row>
    <row r="2797" spans="1:35" ht="27.75" customHeight="1" x14ac:dyDescent="0.4">
      <c r="A2797" s="9" t="s">
        <v>3503</v>
      </c>
      <c r="B2797" s="13" t="s">
        <v>5489</v>
      </c>
      <c r="C2797" s="9" t="s">
        <v>5490</v>
      </c>
      <c r="D2797" s="18">
        <v>1442981017</v>
      </c>
      <c r="E2797" s="11">
        <v>46387</v>
      </c>
      <c r="F2797" s="9" t="s">
        <v>93</v>
      </c>
      <c r="G2797" s="12">
        <v>2795</v>
      </c>
      <c r="H2797" s="12">
        <f t="shared" si="86"/>
        <v>12</v>
      </c>
      <c r="I2797" s="12">
        <f t="shared" si="87"/>
        <v>6</v>
      </c>
      <c r="J2797" s="5"/>
      <c r="K2797" s="5"/>
      <c r="L2797" s="5"/>
      <c r="M2797" s="5"/>
      <c r="N2797" s="5"/>
      <c r="O2797" s="5"/>
      <c r="P2797" s="5"/>
      <c r="Q2797" s="5"/>
      <c r="R2797" s="5"/>
      <c r="S2797" s="5"/>
      <c r="T2797" s="5"/>
      <c r="U2797" s="5"/>
      <c r="V2797" s="5"/>
      <c r="W2797" s="5"/>
      <c r="X2797" s="5"/>
      <c r="Y2797" s="5"/>
      <c r="Z2797" s="5"/>
      <c r="AA2797" s="5"/>
      <c r="AB2797" s="5"/>
      <c r="AC2797" s="5"/>
      <c r="AD2797" s="5"/>
      <c r="AE2797" s="5"/>
      <c r="AF2797" s="5"/>
      <c r="AG2797" s="5"/>
      <c r="AH2797" s="5"/>
      <c r="AI2797" s="5"/>
    </row>
    <row r="2798" spans="1:35" ht="27.75" customHeight="1" x14ac:dyDescent="0.4">
      <c r="A2798" s="9" t="s">
        <v>3503</v>
      </c>
      <c r="B2798" s="13" t="s">
        <v>5491</v>
      </c>
      <c r="C2798" s="9" t="s">
        <v>5492</v>
      </c>
      <c r="D2798" s="18">
        <v>1442981462</v>
      </c>
      <c r="E2798" s="11">
        <v>46387</v>
      </c>
      <c r="F2798" s="9" t="s">
        <v>93</v>
      </c>
      <c r="G2798" s="5">
        <v>2796</v>
      </c>
      <c r="H2798" s="12">
        <f t="shared" si="86"/>
        <v>13</v>
      </c>
      <c r="I2798" s="12">
        <f t="shared" si="87"/>
        <v>7</v>
      </c>
      <c r="J2798" s="5"/>
      <c r="K2798" s="5"/>
      <c r="L2798" s="5"/>
      <c r="M2798" s="5"/>
      <c r="N2798" s="5"/>
      <c r="O2798" s="5"/>
      <c r="P2798" s="5"/>
      <c r="Q2798" s="5"/>
      <c r="R2798" s="5"/>
      <c r="S2798" s="5"/>
      <c r="T2798" s="5"/>
      <c r="U2798" s="5"/>
      <c r="V2798" s="5"/>
      <c r="W2798" s="5"/>
      <c r="X2798" s="5"/>
      <c r="Y2798" s="5"/>
      <c r="Z2798" s="5"/>
      <c r="AA2798" s="5"/>
      <c r="AB2798" s="5"/>
      <c r="AC2798" s="5"/>
      <c r="AD2798" s="5"/>
      <c r="AE2798" s="5"/>
      <c r="AF2798" s="5"/>
      <c r="AG2798" s="5"/>
      <c r="AH2798" s="5"/>
      <c r="AI2798" s="5"/>
    </row>
    <row r="2799" spans="1:35" ht="27.75" customHeight="1" x14ac:dyDescent="0.4">
      <c r="A2799" s="9" t="s">
        <v>3503</v>
      </c>
      <c r="B2799" s="13" t="s">
        <v>5493</v>
      </c>
      <c r="C2799" s="9" t="s">
        <v>5494</v>
      </c>
      <c r="D2799" s="18">
        <v>1442981157</v>
      </c>
      <c r="E2799" s="11">
        <v>46387</v>
      </c>
      <c r="F2799" s="9" t="s">
        <v>93</v>
      </c>
      <c r="G2799" s="12">
        <v>2797</v>
      </c>
      <c r="H2799" s="12">
        <f t="shared" si="86"/>
        <v>13</v>
      </c>
      <c r="I2799" s="12">
        <f t="shared" si="87"/>
        <v>5</v>
      </c>
      <c r="J2799" s="28"/>
      <c r="K2799" s="28"/>
      <c r="L2799" s="28"/>
      <c r="M2799" s="28"/>
      <c r="N2799" s="28"/>
      <c r="O2799" s="28"/>
      <c r="P2799" s="28"/>
      <c r="Q2799" s="28"/>
      <c r="R2799" s="28"/>
      <c r="S2799" s="28"/>
      <c r="T2799" s="28"/>
      <c r="U2799" s="28"/>
      <c r="V2799" s="28"/>
      <c r="W2799" s="28"/>
      <c r="X2799" s="28"/>
      <c r="Y2799" s="28"/>
      <c r="Z2799" s="28"/>
      <c r="AA2799" s="28"/>
      <c r="AB2799" s="28"/>
      <c r="AC2799" s="28"/>
      <c r="AD2799" s="28"/>
      <c r="AE2799" s="28"/>
      <c r="AF2799" s="28"/>
      <c r="AG2799" s="28"/>
      <c r="AH2799" s="28"/>
      <c r="AI2799" s="28"/>
    </row>
    <row r="2800" spans="1:35" ht="27.75" customHeight="1" x14ac:dyDescent="0.4">
      <c r="A2800" s="9" t="s">
        <v>3503</v>
      </c>
      <c r="B2800" s="13" t="s">
        <v>5495</v>
      </c>
      <c r="C2800" s="9" t="s">
        <v>5496</v>
      </c>
      <c r="D2800" s="18">
        <v>1442981421</v>
      </c>
      <c r="E2800" s="11">
        <v>46387</v>
      </c>
      <c r="F2800" s="9" t="s">
        <v>93</v>
      </c>
      <c r="G2800" s="5">
        <v>2798</v>
      </c>
      <c r="H2800" s="12">
        <f t="shared" si="86"/>
        <v>19</v>
      </c>
      <c r="I2800" s="12">
        <f t="shared" si="87"/>
        <v>10</v>
      </c>
      <c r="J2800" s="5"/>
      <c r="K2800" s="5"/>
      <c r="L2800" s="5"/>
      <c r="M2800" s="5"/>
      <c r="N2800" s="5"/>
      <c r="O2800" s="5"/>
      <c r="P2800" s="5"/>
      <c r="Q2800" s="5"/>
      <c r="R2800" s="5"/>
      <c r="S2800" s="5"/>
      <c r="T2800" s="5"/>
      <c r="U2800" s="5"/>
      <c r="V2800" s="5"/>
      <c r="W2800" s="5"/>
      <c r="X2800" s="5"/>
      <c r="Y2800" s="5"/>
      <c r="Z2800" s="5"/>
      <c r="AA2800" s="5"/>
      <c r="AB2800" s="5"/>
      <c r="AC2800" s="5"/>
      <c r="AD2800" s="5"/>
      <c r="AE2800" s="5"/>
      <c r="AF2800" s="5"/>
      <c r="AG2800" s="5"/>
      <c r="AH2800" s="5"/>
      <c r="AI2800" s="5"/>
    </row>
    <row r="2801" spans="1:35" ht="27.75" customHeight="1" x14ac:dyDescent="0.4">
      <c r="A2801" s="9" t="s">
        <v>3503</v>
      </c>
      <c r="B2801" s="13" t="s">
        <v>5497</v>
      </c>
      <c r="C2801" s="9" t="s">
        <v>5498</v>
      </c>
      <c r="D2801" s="18">
        <v>1442942787</v>
      </c>
      <c r="E2801" s="11">
        <v>47907</v>
      </c>
      <c r="F2801" s="9" t="s">
        <v>93</v>
      </c>
      <c r="G2801" s="12">
        <v>2799</v>
      </c>
      <c r="H2801" s="12">
        <f t="shared" si="86"/>
        <v>12</v>
      </c>
      <c r="I2801" s="12">
        <f t="shared" si="87"/>
        <v>13</v>
      </c>
      <c r="J2801" s="5"/>
      <c r="K2801" s="5"/>
      <c r="L2801" s="5"/>
      <c r="M2801" s="5"/>
      <c r="N2801" s="5"/>
      <c r="O2801" s="5"/>
      <c r="P2801" s="5"/>
      <c r="Q2801" s="5"/>
      <c r="R2801" s="5"/>
      <c r="S2801" s="5"/>
      <c r="T2801" s="5"/>
      <c r="U2801" s="5"/>
      <c r="V2801" s="5"/>
      <c r="W2801" s="5"/>
      <c r="X2801" s="5"/>
      <c r="Y2801" s="5"/>
      <c r="Z2801" s="5"/>
      <c r="AA2801" s="5"/>
      <c r="AB2801" s="5"/>
      <c r="AC2801" s="5"/>
      <c r="AD2801" s="5"/>
      <c r="AE2801" s="5"/>
      <c r="AF2801" s="5"/>
      <c r="AG2801" s="5"/>
      <c r="AH2801" s="5"/>
      <c r="AI2801" s="5"/>
    </row>
    <row r="2802" spans="1:35" ht="27.75" customHeight="1" x14ac:dyDescent="0.4">
      <c r="A2802" s="9" t="s">
        <v>3503</v>
      </c>
      <c r="B2802" s="13" t="s">
        <v>5499</v>
      </c>
      <c r="C2802" s="9" t="s">
        <v>5500</v>
      </c>
      <c r="D2802" s="18">
        <v>1442940278</v>
      </c>
      <c r="E2802" s="11">
        <v>47452</v>
      </c>
      <c r="F2802" s="9" t="s">
        <v>93</v>
      </c>
      <c r="G2802" s="5">
        <v>2800</v>
      </c>
      <c r="H2802" s="12">
        <f t="shared" si="86"/>
        <v>12</v>
      </c>
      <c r="I2802" s="12">
        <f t="shared" si="87"/>
        <v>11</v>
      </c>
      <c r="J2802" s="5"/>
      <c r="K2802" s="5"/>
      <c r="L2802" s="5"/>
      <c r="M2802" s="5"/>
      <c r="N2802" s="5"/>
      <c r="O2802" s="5"/>
      <c r="P2802" s="5"/>
      <c r="Q2802" s="5"/>
      <c r="R2802" s="5"/>
      <c r="S2802" s="5"/>
      <c r="T2802" s="5"/>
      <c r="U2802" s="5"/>
      <c r="V2802" s="5"/>
      <c r="W2802" s="5"/>
      <c r="X2802" s="5"/>
      <c r="Y2802" s="5"/>
      <c r="Z2802" s="5"/>
      <c r="AA2802" s="5"/>
      <c r="AB2802" s="5"/>
      <c r="AC2802" s="5"/>
      <c r="AD2802" s="5"/>
      <c r="AE2802" s="5"/>
      <c r="AF2802" s="5"/>
      <c r="AG2802" s="5"/>
      <c r="AH2802" s="5"/>
      <c r="AI2802" s="5"/>
    </row>
    <row r="2803" spans="1:35" ht="27.75" customHeight="1" x14ac:dyDescent="0.4">
      <c r="A2803" s="9" t="s">
        <v>3503</v>
      </c>
      <c r="B2803" s="13" t="s">
        <v>5501</v>
      </c>
      <c r="C2803" s="9" t="s">
        <v>5502</v>
      </c>
      <c r="D2803" s="18">
        <v>1442940005</v>
      </c>
      <c r="E2803" s="11">
        <v>46387</v>
      </c>
      <c r="F2803" s="9" t="s">
        <v>93</v>
      </c>
      <c r="G2803" s="12">
        <v>2801</v>
      </c>
      <c r="H2803" s="12">
        <f t="shared" si="86"/>
        <v>13</v>
      </c>
      <c r="I2803" s="12">
        <f t="shared" si="87"/>
        <v>12</v>
      </c>
      <c r="J2803" s="5"/>
      <c r="K2803" s="5"/>
      <c r="L2803" s="5"/>
      <c r="M2803" s="5"/>
      <c r="N2803" s="5"/>
      <c r="O2803" s="5"/>
      <c r="P2803" s="5"/>
      <c r="Q2803" s="5"/>
      <c r="R2803" s="5"/>
      <c r="S2803" s="5"/>
      <c r="T2803" s="5"/>
      <c r="U2803" s="5"/>
      <c r="V2803" s="5"/>
      <c r="W2803" s="5"/>
      <c r="X2803" s="5"/>
      <c r="Y2803" s="5"/>
      <c r="Z2803" s="5"/>
      <c r="AA2803" s="5"/>
      <c r="AB2803" s="5"/>
      <c r="AC2803" s="5"/>
      <c r="AD2803" s="5"/>
      <c r="AE2803" s="5"/>
      <c r="AF2803" s="5"/>
      <c r="AG2803" s="5"/>
      <c r="AH2803" s="5"/>
      <c r="AI2803" s="5"/>
    </row>
    <row r="2804" spans="1:35" ht="27.75" customHeight="1" x14ac:dyDescent="0.4">
      <c r="A2804" s="9" t="s">
        <v>3503</v>
      </c>
      <c r="B2804" s="13" t="s">
        <v>5503</v>
      </c>
      <c r="C2804" s="9" t="s">
        <v>5504</v>
      </c>
      <c r="D2804" s="18">
        <v>1442981637</v>
      </c>
      <c r="E2804" s="11">
        <v>46387</v>
      </c>
      <c r="F2804" s="9" t="s">
        <v>93</v>
      </c>
      <c r="G2804" s="5">
        <v>2802</v>
      </c>
      <c r="H2804" s="12">
        <f t="shared" si="86"/>
        <v>12</v>
      </c>
      <c r="I2804" s="12">
        <f t="shared" si="87"/>
        <v>5</v>
      </c>
      <c r="J2804" s="5"/>
      <c r="K2804" s="5"/>
      <c r="L2804" s="5"/>
      <c r="M2804" s="5"/>
      <c r="N2804" s="5"/>
      <c r="O2804" s="5"/>
      <c r="P2804" s="5"/>
      <c r="Q2804" s="5"/>
      <c r="R2804" s="5"/>
      <c r="S2804" s="5"/>
      <c r="T2804" s="5"/>
      <c r="U2804" s="5"/>
      <c r="V2804" s="5"/>
      <c r="W2804" s="5"/>
      <c r="X2804" s="5"/>
      <c r="Y2804" s="5"/>
      <c r="Z2804" s="5"/>
      <c r="AA2804" s="5"/>
      <c r="AB2804" s="5"/>
      <c r="AC2804" s="5"/>
      <c r="AD2804" s="5"/>
      <c r="AE2804" s="5"/>
      <c r="AF2804" s="5"/>
      <c r="AG2804" s="5"/>
      <c r="AH2804" s="5"/>
      <c r="AI2804" s="5"/>
    </row>
    <row r="2805" spans="1:35" ht="27.75" customHeight="1" x14ac:dyDescent="0.4">
      <c r="A2805" s="9" t="s">
        <v>3503</v>
      </c>
      <c r="B2805" s="13" t="s">
        <v>5505</v>
      </c>
      <c r="C2805" s="9" t="s">
        <v>5506</v>
      </c>
      <c r="D2805" s="18">
        <v>1442981413</v>
      </c>
      <c r="E2805" s="11">
        <v>46387</v>
      </c>
      <c r="F2805" s="9" t="s">
        <v>93</v>
      </c>
      <c r="G2805" s="12">
        <v>2803</v>
      </c>
      <c r="H2805" s="12">
        <f t="shared" si="86"/>
        <v>13</v>
      </c>
      <c r="I2805" s="12">
        <f t="shared" si="87"/>
        <v>6</v>
      </c>
    </row>
    <row r="2806" spans="1:35" ht="27.75" customHeight="1" x14ac:dyDescent="0.4">
      <c r="A2806" s="9" t="s">
        <v>3503</v>
      </c>
      <c r="B2806" s="13" t="s">
        <v>5507</v>
      </c>
      <c r="C2806" s="9" t="s">
        <v>5508</v>
      </c>
      <c r="D2806" s="18">
        <v>1442940419</v>
      </c>
      <c r="E2806" s="11">
        <v>46295</v>
      </c>
      <c r="F2806" s="9" t="s">
        <v>93</v>
      </c>
      <c r="G2806" s="5">
        <v>2804</v>
      </c>
      <c r="H2806" s="12">
        <f t="shared" si="86"/>
        <v>8</v>
      </c>
      <c r="I2806" s="12">
        <f t="shared" si="87"/>
        <v>11</v>
      </c>
      <c r="J2806" s="5"/>
      <c r="K2806" s="5"/>
      <c r="L2806" s="5"/>
      <c r="M2806" s="5"/>
      <c r="N2806" s="5"/>
      <c r="O2806" s="5"/>
      <c r="P2806" s="5"/>
      <c r="Q2806" s="5"/>
      <c r="R2806" s="5"/>
      <c r="S2806" s="5"/>
      <c r="T2806" s="5"/>
      <c r="U2806" s="5"/>
      <c r="V2806" s="5"/>
      <c r="W2806" s="5"/>
      <c r="X2806" s="5"/>
      <c r="Y2806" s="5"/>
      <c r="Z2806" s="5"/>
      <c r="AA2806" s="5"/>
      <c r="AB2806" s="5"/>
      <c r="AC2806" s="5"/>
      <c r="AD2806" s="5"/>
      <c r="AE2806" s="5"/>
      <c r="AF2806" s="5"/>
      <c r="AG2806" s="5"/>
      <c r="AH2806" s="5"/>
      <c r="AI2806" s="5"/>
    </row>
    <row r="2807" spans="1:35" ht="27.75" customHeight="1" x14ac:dyDescent="0.4">
      <c r="A2807" s="9" t="s">
        <v>3503</v>
      </c>
      <c r="B2807" s="13" t="s">
        <v>5509</v>
      </c>
      <c r="C2807" s="9" t="s">
        <v>5508</v>
      </c>
      <c r="D2807" s="18">
        <v>1442942878</v>
      </c>
      <c r="E2807" s="11">
        <v>48334</v>
      </c>
      <c r="F2807" s="9" t="s">
        <v>93</v>
      </c>
      <c r="G2807" s="12">
        <v>2805</v>
      </c>
      <c r="H2807" s="12">
        <f t="shared" si="86"/>
        <v>8</v>
      </c>
      <c r="I2807" s="12">
        <f t="shared" si="87"/>
        <v>10</v>
      </c>
      <c r="J2807" s="5"/>
      <c r="K2807" s="5"/>
      <c r="L2807" s="5"/>
      <c r="M2807" s="5"/>
      <c r="N2807" s="5"/>
      <c r="O2807" s="5"/>
      <c r="P2807" s="5"/>
      <c r="Q2807" s="5"/>
      <c r="R2807" s="5"/>
      <c r="S2807" s="5"/>
      <c r="T2807" s="5"/>
      <c r="U2807" s="5"/>
      <c r="V2807" s="5"/>
      <c r="W2807" s="5"/>
      <c r="X2807" s="5"/>
      <c r="Y2807" s="5"/>
      <c r="Z2807" s="5"/>
      <c r="AA2807" s="5"/>
      <c r="AB2807" s="5"/>
      <c r="AC2807" s="5"/>
      <c r="AD2807" s="5"/>
      <c r="AE2807" s="5"/>
      <c r="AF2807" s="5"/>
      <c r="AG2807" s="5"/>
      <c r="AH2807" s="5"/>
      <c r="AI2807" s="5"/>
    </row>
    <row r="2808" spans="1:35" ht="27.75" customHeight="1" x14ac:dyDescent="0.4">
      <c r="A2808" s="9" t="s">
        <v>3503</v>
      </c>
      <c r="B2808" s="13" t="s">
        <v>5510</v>
      </c>
      <c r="C2808" s="9" t="s">
        <v>5511</v>
      </c>
      <c r="D2808" s="18">
        <v>1442981512</v>
      </c>
      <c r="E2808" s="11">
        <v>46387</v>
      </c>
      <c r="F2808" s="9" t="s">
        <v>93</v>
      </c>
      <c r="G2808" s="5">
        <v>2806</v>
      </c>
      <c r="H2808" s="12">
        <f t="shared" si="86"/>
        <v>11</v>
      </c>
      <c r="I2808" s="12">
        <f t="shared" si="87"/>
        <v>10</v>
      </c>
      <c r="J2808" s="5"/>
      <c r="K2808" s="5"/>
      <c r="L2808" s="5"/>
      <c r="M2808" s="5"/>
      <c r="N2808" s="5"/>
      <c r="O2808" s="5"/>
      <c r="P2808" s="5"/>
      <c r="Q2808" s="5"/>
      <c r="R2808" s="5"/>
      <c r="S2808" s="5"/>
      <c r="T2808" s="5"/>
      <c r="U2808" s="5"/>
      <c r="V2808" s="5"/>
      <c r="W2808" s="5"/>
      <c r="X2808" s="5"/>
      <c r="Y2808" s="5"/>
      <c r="Z2808" s="5"/>
      <c r="AA2808" s="5"/>
      <c r="AB2808" s="5"/>
      <c r="AC2808" s="5"/>
      <c r="AD2808" s="5"/>
      <c r="AE2808" s="5"/>
      <c r="AF2808" s="5"/>
      <c r="AG2808" s="5"/>
      <c r="AH2808" s="5"/>
      <c r="AI2808" s="5"/>
    </row>
    <row r="2809" spans="1:35" ht="27.75" customHeight="1" x14ac:dyDescent="0.4">
      <c r="A2809" s="9" t="s">
        <v>3503</v>
      </c>
      <c r="B2809" s="13" t="s">
        <v>5512</v>
      </c>
      <c r="C2809" s="9" t="s">
        <v>5513</v>
      </c>
      <c r="D2809" s="18">
        <v>1442940294</v>
      </c>
      <c r="E2809" s="11">
        <v>47391</v>
      </c>
      <c r="F2809" s="9" t="s">
        <v>93</v>
      </c>
      <c r="G2809" s="12">
        <v>2807</v>
      </c>
      <c r="H2809" s="12">
        <f t="shared" si="86"/>
        <v>10</v>
      </c>
      <c r="I2809" s="12">
        <f t="shared" si="87"/>
        <v>7</v>
      </c>
      <c r="J2809" s="5"/>
      <c r="K2809" s="5"/>
      <c r="L2809" s="5"/>
      <c r="M2809" s="5"/>
      <c r="N2809" s="5"/>
      <c r="O2809" s="5"/>
      <c r="P2809" s="5"/>
      <c r="Q2809" s="5"/>
      <c r="R2809" s="5"/>
      <c r="S2809" s="5"/>
      <c r="T2809" s="5"/>
      <c r="U2809" s="5"/>
      <c r="V2809" s="5"/>
      <c r="W2809" s="5"/>
      <c r="X2809" s="5"/>
      <c r="Y2809" s="5"/>
      <c r="Z2809" s="5"/>
      <c r="AA2809" s="5"/>
      <c r="AB2809" s="5"/>
      <c r="AC2809" s="5"/>
      <c r="AD2809" s="5"/>
      <c r="AE2809" s="5"/>
      <c r="AF2809" s="5"/>
      <c r="AG2809" s="5"/>
      <c r="AH2809" s="5"/>
      <c r="AI2809" s="5"/>
    </row>
    <row r="2810" spans="1:35" ht="27.75" customHeight="1" x14ac:dyDescent="0.4">
      <c r="A2810" s="9" t="s">
        <v>3503</v>
      </c>
      <c r="B2810" s="13" t="s">
        <v>5514</v>
      </c>
      <c r="C2810" s="9" t="s">
        <v>5515</v>
      </c>
      <c r="D2810" s="18">
        <v>1442942837</v>
      </c>
      <c r="E2810" s="11">
        <v>48182</v>
      </c>
      <c r="F2810" s="9" t="s">
        <v>93</v>
      </c>
      <c r="G2810" s="5">
        <v>2808</v>
      </c>
      <c r="H2810" s="12">
        <f t="shared" si="86"/>
        <v>12</v>
      </c>
      <c r="I2810" s="12">
        <f t="shared" si="87"/>
        <v>13</v>
      </c>
      <c r="J2810" s="5"/>
      <c r="K2810" s="5"/>
      <c r="L2810" s="5"/>
      <c r="M2810" s="5"/>
      <c r="N2810" s="5"/>
      <c r="O2810" s="5"/>
      <c r="P2810" s="5"/>
      <c r="Q2810" s="5"/>
      <c r="R2810" s="5"/>
      <c r="S2810" s="5"/>
      <c r="T2810" s="5"/>
      <c r="U2810" s="5"/>
      <c r="V2810" s="5"/>
      <c r="W2810" s="5"/>
      <c r="X2810" s="5"/>
      <c r="Y2810" s="5"/>
      <c r="Z2810" s="5"/>
      <c r="AA2810" s="5"/>
      <c r="AB2810" s="5"/>
      <c r="AC2810" s="5"/>
      <c r="AD2810" s="5"/>
      <c r="AE2810" s="5"/>
      <c r="AF2810" s="5"/>
      <c r="AG2810" s="5"/>
      <c r="AH2810" s="5"/>
      <c r="AI2810" s="5"/>
    </row>
    <row r="2811" spans="1:35" ht="27.75" customHeight="1" x14ac:dyDescent="0.4">
      <c r="A2811" s="9" t="s">
        <v>3503</v>
      </c>
      <c r="B2811" s="13" t="s">
        <v>5516</v>
      </c>
      <c r="C2811" s="9" t="s">
        <v>1964</v>
      </c>
      <c r="D2811" s="18">
        <v>1442981348</v>
      </c>
      <c r="E2811" s="11">
        <v>46387</v>
      </c>
      <c r="F2811" s="9" t="s">
        <v>93</v>
      </c>
      <c r="G2811" s="12">
        <v>2809</v>
      </c>
      <c r="H2811" s="12">
        <f t="shared" si="86"/>
        <v>10</v>
      </c>
      <c r="I2811" s="12">
        <f t="shared" si="87"/>
        <v>7</v>
      </c>
      <c r="J2811" s="5"/>
      <c r="K2811" s="5"/>
      <c r="L2811" s="5"/>
      <c r="M2811" s="5"/>
      <c r="N2811" s="5"/>
      <c r="O2811" s="5"/>
      <c r="P2811" s="5"/>
      <c r="Q2811" s="5"/>
      <c r="R2811" s="5"/>
      <c r="S2811" s="5"/>
      <c r="T2811" s="5"/>
      <c r="U2811" s="5"/>
      <c r="V2811" s="5"/>
      <c r="W2811" s="5"/>
      <c r="X2811" s="5"/>
      <c r="Y2811" s="5"/>
      <c r="Z2811" s="5"/>
      <c r="AA2811" s="5"/>
      <c r="AB2811" s="5"/>
      <c r="AC2811" s="5"/>
      <c r="AD2811" s="5"/>
      <c r="AE2811" s="5"/>
      <c r="AF2811" s="5"/>
      <c r="AG2811" s="5"/>
      <c r="AH2811" s="5"/>
      <c r="AI2811" s="5"/>
    </row>
    <row r="2812" spans="1:35" ht="27.75" customHeight="1" x14ac:dyDescent="0.4">
      <c r="A2812" s="9" t="s">
        <v>3503</v>
      </c>
      <c r="B2812" s="13" t="s">
        <v>5517</v>
      </c>
      <c r="C2812" s="9" t="s">
        <v>5518</v>
      </c>
      <c r="D2812" s="18">
        <v>1442980936</v>
      </c>
      <c r="E2812" s="11">
        <v>46387</v>
      </c>
      <c r="F2812" s="9" t="s">
        <v>93</v>
      </c>
      <c r="G2812" s="5">
        <v>2810</v>
      </c>
      <c r="H2812" s="12">
        <f t="shared" si="86"/>
        <v>12</v>
      </c>
      <c r="I2812" s="12">
        <f t="shared" si="87"/>
        <v>7</v>
      </c>
      <c r="J2812" s="5"/>
      <c r="K2812" s="5"/>
      <c r="L2812" s="5"/>
      <c r="M2812" s="5"/>
      <c r="N2812" s="5"/>
      <c r="O2812" s="5"/>
      <c r="P2812" s="5"/>
      <c r="Q2812" s="5"/>
      <c r="R2812" s="5"/>
      <c r="S2812" s="5"/>
      <c r="T2812" s="5"/>
      <c r="U2812" s="5"/>
      <c r="V2812" s="5"/>
      <c r="W2812" s="5"/>
      <c r="X2812" s="5"/>
      <c r="Y2812" s="5"/>
      <c r="Z2812" s="5"/>
      <c r="AA2812" s="5"/>
      <c r="AB2812" s="5"/>
      <c r="AC2812" s="5"/>
      <c r="AD2812" s="5"/>
      <c r="AE2812" s="5"/>
      <c r="AF2812" s="5"/>
      <c r="AG2812" s="5"/>
      <c r="AH2812" s="5"/>
      <c r="AI2812" s="5"/>
    </row>
    <row r="2813" spans="1:35" ht="27.75" customHeight="1" x14ac:dyDescent="0.4">
      <c r="A2813" s="9" t="s">
        <v>3503</v>
      </c>
      <c r="B2813" s="13" t="s">
        <v>5519</v>
      </c>
      <c r="C2813" s="9" t="s">
        <v>5520</v>
      </c>
      <c r="D2813" s="18">
        <v>1442900843</v>
      </c>
      <c r="E2813" s="11">
        <v>46387</v>
      </c>
      <c r="F2813" s="9" t="s">
        <v>93</v>
      </c>
      <c r="G2813" s="12">
        <v>2811</v>
      </c>
      <c r="H2813" s="12">
        <f t="shared" si="86"/>
        <v>10</v>
      </c>
      <c r="I2813" s="12">
        <f t="shared" si="87"/>
        <v>11</v>
      </c>
      <c r="J2813" s="5"/>
      <c r="K2813" s="5"/>
      <c r="L2813" s="5"/>
      <c r="M2813" s="5"/>
      <c r="N2813" s="5"/>
      <c r="O2813" s="5"/>
      <c r="P2813" s="5"/>
      <c r="Q2813" s="5"/>
      <c r="R2813" s="5"/>
      <c r="S2813" s="5"/>
      <c r="T2813" s="5"/>
      <c r="U2813" s="5"/>
      <c r="V2813" s="5"/>
      <c r="W2813" s="5"/>
      <c r="X2813" s="5"/>
      <c r="Y2813" s="5"/>
      <c r="Z2813" s="5"/>
      <c r="AA2813" s="5"/>
      <c r="AB2813" s="5"/>
      <c r="AC2813" s="5"/>
      <c r="AD2813" s="5"/>
      <c r="AE2813" s="5"/>
      <c r="AF2813" s="5"/>
      <c r="AG2813" s="5"/>
      <c r="AH2813" s="5"/>
      <c r="AI2813" s="5"/>
    </row>
    <row r="2814" spans="1:35" ht="27.75" customHeight="1" x14ac:dyDescent="0.4">
      <c r="A2814" s="9" t="s">
        <v>3503</v>
      </c>
      <c r="B2814" s="13" t="s">
        <v>5521</v>
      </c>
      <c r="C2814" s="9" t="s">
        <v>5522</v>
      </c>
      <c r="D2814" s="18">
        <v>1442942613</v>
      </c>
      <c r="E2814" s="11">
        <v>46934</v>
      </c>
      <c r="F2814" s="9" t="s">
        <v>93</v>
      </c>
      <c r="G2814" s="5">
        <v>2812</v>
      </c>
      <c r="H2814" s="12">
        <f t="shared" si="86"/>
        <v>11</v>
      </c>
      <c r="I2814" s="12">
        <f t="shared" si="87"/>
        <v>7</v>
      </c>
      <c r="J2814" s="5"/>
      <c r="K2814" s="5"/>
      <c r="L2814" s="5"/>
      <c r="M2814" s="5"/>
      <c r="N2814" s="5"/>
      <c r="O2814" s="5"/>
      <c r="P2814" s="5"/>
      <c r="Q2814" s="5"/>
      <c r="R2814" s="5"/>
      <c r="S2814" s="5"/>
      <c r="T2814" s="5"/>
      <c r="U2814" s="5"/>
      <c r="V2814" s="5"/>
      <c r="W2814" s="5"/>
      <c r="X2814" s="5"/>
      <c r="Y2814" s="5"/>
      <c r="Z2814" s="5"/>
      <c r="AA2814" s="5"/>
      <c r="AB2814" s="5"/>
      <c r="AC2814" s="5"/>
      <c r="AD2814" s="5"/>
      <c r="AE2814" s="5"/>
      <c r="AF2814" s="5"/>
      <c r="AG2814" s="5"/>
      <c r="AH2814" s="5"/>
      <c r="AI2814" s="5"/>
    </row>
    <row r="2815" spans="1:35" ht="27.75" customHeight="1" x14ac:dyDescent="0.4">
      <c r="A2815" s="9" t="s">
        <v>3503</v>
      </c>
      <c r="B2815" s="13" t="s">
        <v>5523</v>
      </c>
      <c r="C2815" s="49" t="s">
        <v>5524</v>
      </c>
      <c r="D2815" s="18">
        <v>1442900835</v>
      </c>
      <c r="E2815" s="11">
        <v>46387</v>
      </c>
      <c r="F2815" s="9" t="s">
        <v>93</v>
      </c>
      <c r="G2815" s="12">
        <v>2813</v>
      </c>
      <c r="H2815" s="12">
        <f t="shared" si="86"/>
        <v>31</v>
      </c>
      <c r="I2815" s="12">
        <f t="shared" si="87"/>
        <v>8</v>
      </c>
      <c r="J2815" s="5"/>
      <c r="K2815" s="5"/>
      <c r="L2815" s="5"/>
      <c r="M2815" s="5"/>
      <c r="N2815" s="5"/>
      <c r="O2815" s="5"/>
      <c r="P2815" s="5"/>
      <c r="Q2815" s="5"/>
      <c r="R2815" s="5"/>
      <c r="S2815" s="5"/>
      <c r="T2815" s="5"/>
      <c r="U2815" s="5"/>
      <c r="V2815" s="5"/>
      <c r="W2815" s="5"/>
      <c r="X2815" s="5"/>
      <c r="Y2815" s="5"/>
      <c r="Z2815" s="5"/>
      <c r="AA2815" s="5"/>
      <c r="AB2815" s="5"/>
      <c r="AC2815" s="5"/>
      <c r="AD2815" s="5"/>
      <c r="AE2815" s="5"/>
      <c r="AF2815" s="5"/>
      <c r="AG2815" s="5"/>
      <c r="AH2815" s="5"/>
      <c r="AI2815" s="5"/>
    </row>
    <row r="2816" spans="1:35" ht="27.75" customHeight="1" x14ac:dyDescent="0.4">
      <c r="A2816" s="9" t="s">
        <v>3503</v>
      </c>
      <c r="B2816" s="13" t="s">
        <v>5525</v>
      </c>
      <c r="C2816" s="9" t="s">
        <v>1974</v>
      </c>
      <c r="D2816" s="18">
        <v>1442940351</v>
      </c>
      <c r="E2816" s="11">
        <v>47787</v>
      </c>
      <c r="F2816" s="9" t="s">
        <v>93</v>
      </c>
      <c r="G2816" s="5">
        <v>2814</v>
      </c>
      <c r="H2816" s="12">
        <f t="shared" si="86"/>
        <v>11</v>
      </c>
      <c r="I2816" s="12">
        <f t="shared" si="87"/>
        <v>11</v>
      </c>
      <c r="J2816" s="5"/>
      <c r="K2816" s="5"/>
      <c r="L2816" s="5"/>
      <c r="M2816" s="5"/>
      <c r="N2816" s="5"/>
      <c r="O2816" s="5"/>
      <c r="P2816" s="5"/>
      <c r="Q2816" s="5"/>
      <c r="R2816" s="5"/>
      <c r="S2816" s="5"/>
      <c r="T2816" s="5"/>
      <c r="U2816" s="5"/>
      <c r="V2816" s="5"/>
      <c r="W2816" s="5"/>
      <c r="X2816" s="5"/>
      <c r="Y2816" s="5"/>
      <c r="Z2816" s="5"/>
      <c r="AA2816" s="5"/>
      <c r="AB2816" s="5"/>
      <c r="AC2816" s="5"/>
      <c r="AD2816" s="5"/>
      <c r="AE2816" s="5"/>
      <c r="AF2816" s="5"/>
      <c r="AG2816" s="5"/>
      <c r="AH2816" s="5"/>
      <c r="AI2816" s="5"/>
    </row>
    <row r="2817" spans="1:9" ht="27.75" customHeight="1" x14ac:dyDescent="0.4">
      <c r="A2817" s="9" t="s">
        <v>3503</v>
      </c>
      <c r="B2817" s="13" t="s">
        <v>5526</v>
      </c>
      <c r="C2817" s="9" t="s">
        <v>5527</v>
      </c>
      <c r="D2817" s="18">
        <v>1442940229</v>
      </c>
      <c r="E2817" s="11">
        <v>47177</v>
      </c>
      <c r="F2817" s="9" t="s">
        <v>93</v>
      </c>
      <c r="G2817" s="12">
        <v>2815</v>
      </c>
      <c r="H2817" s="12">
        <f t="shared" si="86"/>
        <v>12</v>
      </c>
      <c r="I2817" s="12">
        <f t="shared" si="87"/>
        <v>9</v>
      </c>
    </row>
    <row r="2818" spans="1:9" ht="27.75" customHeight="1" x14ac:dyDescent="0.4">
      <c r="A2818" s="9" t="s">
        <v>3503</v>
      </c>
      <c r="B2818" s="13" t="s">
        <v>5528</v>
      </c>
      <c r="C2818" s="9" t="s">
        <v>5529</v>
      </c>
      <c r="D2818" s="18">
        <v>1442981140</v>
      </c>
      <c r="E2818" s="11">
        <v>46387</v>
      </c>
      <c r="F2818" s="9" t="s">
        <v>93</v>
      </c>
      <c r="G2818" s="5">
        <v>2816</v>
      </c>
      <c r="H2818" s="12">
        <f t="shared" si="86"/>
        <v>11</v>
      </c>
      <c r="I2818" s="12">
        <f t="shared" si="87"/>
        <v>8</v>
      </c>
    </row>
    <row r="2819" spans="1:9" ht="27.75" customHeight="1" x14ac:dyDescent="0.4">
      <c r="A2819" s="9" t="s">
        <v>3503</v>
      </c>
      <c r="B2819" s="13" t="s">
        <v>5530</v>
      </c>
      <c r="C2819" s="9" t="s">
        <v>5531</v>
      </c>
      <c r="D2819" s="18">
        <v>1442940120</v>
      </c>
      <c r="E2819" s="11">
        <v>46387</v>
      </c>
      <c r="F2819" s="9" t="s">
        <v>93</v>
      </c>
      <c r="G2819" s="12">
        <v>2817</v>
      </c>
      <c r="H2819" s="12">
        <f t="shared" si="86"/>
        <v>11</v>
      </c>
      <c r="I2819" s="12">
        <f t="shared" si="87"/>
        <v>10</v>
      </c>
    </row>
    <row r="2820" spans="1:9" ht="27.75" customHeight="1" x14ac:dyDescent="0.4">
      <c r="A2820" s="9" t="s">
        <v>3503</v>
      </c>
      <c r="B2820" s="13" t="s">
        <v>5532</v>
      </c>
      <c r="C2820" s="9" t="s">
        <v>5533</v>
      </c>
      <c r="D2820" s="18">
        <v>1442981165</v>
      </c>
      <c r="E2820" s="11">
        <v>46387</v>
      </c>
      <c r="F2820" s="9" t="s">
        <v>93</v>
      </c>
      <c r="G2820" s="5">
        <v>2818</v>
      </c>
      <c r="H2820" s="12">
        <f t="shared" ref="H2820:H2883" si="88">LEN(C2820)</f>
        <v>13</v>
      </c>
      <c r="I2820" s="12">
        <f t="shared" ref="I2820:I2883" si="89">LEN(B2820)</f>
        <v>9</v>
      </c>
    </row>
    <row r="2821" spans="1:9" ht="27.75" customHeight="1" x14ac:dyDescent="0.4">
      <c r="A2821" s="9" t="s">
        <v>3503</v>
      </c>
      <c r="B2821" s="13" t="s">
        <v>5534</v>
      </c>
      <c r="C2821" s="9" t="s">
        <v>5535</v>
      </c>
      <c r="D2821" s="18">
        <v>1442981587</v>
      </c>
      <c r="E2821" s="11">
        <v>46691</v>
      </c>
      <c r="F2821" s="9" t="s">
        <v>93</v>
      </c>
      <c r="G2821" s="12">
        <v>2819</v>
      </c>
      <c r="H2821" s="12">
        <f t="shared" si="88"/>
        <v>11</v>
      </c>
      <c r="I2821" s="12">
        <f t="shared" si="89"/>
        <v>6</v>
      </c>
    </row>
    <row r="2822" spans="1:9" ht="27.75" customHeight="1" x14ac:dyDescent="0.4">
      <c r="A2822" s="9" t="s">
        <v>3503</v>
      </c>
      <c r="B2822" s="13" t="s">
        <v>5536</v>
      </c>
      <c r="C2822" s="9" t="s">
        <v>5537</v>
      </c>
      <c r="D2822" s="18">
        <v>1442942779</v>
      </c>
      <c r="E2822" s="11">
        <v>47756</v>
      </c>
      <c r="F2822" s="9" t="s">
        <v>93</v>
      </c>
      <c r="G2822" s="5">
        <v>2820</v>
      </c>
      <c r="H2822" s="12">
        <f t="shared" si="88"/>
        <v>13</v>
      </c>
      <c r="I2822" s="12">
        <f t="shared" si="89"/>
        <v>5</v>
      </c>
    </row>
    <row r="2823" spans="1:9" ht="27.75" customHeight="1" x14ac:dyDescent="0.4">
      <c r="A2823" s="9" t="s">
        <v>3503</v>
      </c>
      <c r="B2823" s="13" t="s">
        <v>5538</v>
      </c>
      <c r="C2823" s="9" t="s">
        <v>5539</v>
      </c>
      <c r="D2823" s="18">
        <v>1442940252</v>
      </c>
      <c r="E2823" s="11">
        <v>47361</v>
      </c>
      <c r="F2823" s="9" t="s">
        <v>93</v>
      </c>
      <c r="G2823" s="12">
        <v>2821</v>
      </c>
      <c r="H2823" s="12">
        <f t="shared" si="88"/>
        <v>25</v>
      </c>
      <c r="I2823" s="12">
        <f t="shared" si="89"/>
        <v>17</v>
      </c>
    </row>
    <row r="2824" spans="1:9" ht="27.75" customHeight="1" x14ac:dyDescent="0.4">
      <c r="A2824" s="9" t="s">
        <v>3503</v>
      </c>
      <c r="B2824" s="13" t="s">
        <v>5540</v>
      </c>
      <c r="C2824" s="9" t="s">
        <v>5541</v>
      </c>
      <c r="D2824" s="18">
        <v>1442900710</v>
      </c>
      <c r="E2824" s="11">
        <v>46387</v>
      </c>
      <c r="F2824" s="9" t="s">
        <v>93</v>
      </c>
      <c r="G2824" s="5">
        <v>2822</v>
      </c>
      <c r="H2824" s="12">
        <f t="shared" si="88"/>
        <v>9</v>
      </c>
      <c r="I2824" s="12">
        <f t="shared" si="89"/>
        <v>9</v>
      </c>
    </row>
    <row r="2825" spans="1:9" ht="27.75" customHeight="1" x14ac:dyDescent="0.4">
      <c r="A2825" s="9" t="s">
        <v>3503</v>
      </c>
      <c r="B2825" s="13" t="s">
        <v>5542</v>
      </c>
      <c r="C2825" s="9" t="s">
        <v>5543</v>
      </c>
      <c r="D2825" s="18">
        <v>1442900850</v>
      </c>
      <c r="E2825" s="11">
        <v>46387</v>
      </c>
      <c r="F2825" s="9" t="s">
        <v>93</v>
      </c>
      <c r="G2825" s="12">
        <v>2823</v>
      </c>
      <c r="H2825" s="12">
        <f t="shared" si="88"/>
        <v>9</v>
      </c>
      <c r="I2825" s="12">
        <f t="shared" si="89"/>
        <v>15</v>
      </c>
    </row>
    <row r="2826" spans="1:9" ht="27.75" customHeight="1" x14ac:dyDescent="0.4">
      <c r="A2826" s="9" t="s">
        <v>3503</v>
      </c>
      <c r="B2826" s="13" t="s">
        <v>5544</v>
      </c>
      <c r="C2826" s="9" t="s">
        <v>5545</v>
      </c>
      <c r="D2826" s="18">
        <v>1442981066</v>
      </c>
      <c r="E2826" s="11">
        <v>46387</v>
      </c>
      <c r="F2826" s="9" t="s">
        <v>93</v>
      </c>
      <c r="G2826" s="5">
        <v>2824</v>
      </c>
      <c r="H2826" s="12">
        <f t="shared" si="88"/>
        <v>8</v>
      </c>
      <c r="I2826" s="12">
        <f t="shared" si="89"/>
        <v>9</v>
      </c>
    </row>
    <row r="2827" spans="1:9" ht="27.75" customHeight="1" x14ac:dyDescent="0.4">
      <c r="A2827" s="9" t="s">
        <v>3503</v>
      </c>
      <c r="B2827" s="13" t="s">
        <v>5546</v>
      </c>
      <c r="C2827" s="9" t="s">
        <v>5547</v>
      </c>
      <c r="D2827" s="18">
        <v>1442981074</v>
      </c>
      <c r="E2827" s="11">
        <v>46387</v>
      </c>
      <c r="F2827" s="9" t="s">
        <v>93</v>
      </c>
      <c r="G2827" s="12">
        <v>2825</v>
      </c>
      <c r="H2827" s="12">
        <f t="shared" si="88"/>
        <v>10</v>
      </c>
      <c r="I2827" s="12">
        <f t="shared" si="89"/>
        <v>6</v>
      </c>
    </row>
    <row r="2828" spans="1:9" ht="27.75" customHeight="1" x14ac:dyDescent="0.4">
      <c r="A2828" s="9" t="s">
        <v>3503</v>
      </c>
      <c r="B2828" s="13" t="s">
        <v>5548</v>
      </c>
      <c r="C2828" s="9" t="s">
        <v>5549</v>
      </c>
      <c r="D2828" s="18">
        <v>1442940245</v>
      </c>
      <c r="E2828" s="11">
        <v>47299</v>
      </c>
      <c r="F2828" s="9" t="s">
        <v>93</v>
      </c>
      <c r="G2828" s="5">
        <v>2826</v>
      </c>
      <c r="H2828" s="12">
        <f t="shared" si="88"/>
        <v>21</v>
      </c>
      <c r="I2828" s="12">
        <f t="shared" si="89"/>
        <v>12</v>
      </c>
    </row>
    <row r="2829" spans="1:9" ht="27.75" customHeight="1" x14ac:dyDescent="0.4">
      <c r="A2829" s="9" t="s">
        <v>3503</v>
      </c>
      <c r="B2829" s="13" t="s">
        <v>5550</v>
      </c>
      <c r="C2829" s="9" t="s">
        <v>5551</v>
      </c>
      <c r="D2829" s="18">
        <v>1442900207</v>
      </c>
      <c r="E2829" s="11">
        <v>46387</v>
      </c>
      <c r="F2829" s="9" t="s">
        <v>93</v>
      </c>
      <c r="G2829" s="12">
        <v>2827</v>
      </c>
      <c r="H2829" s="12">
        <f t="shared" si="88"/>
        <v>11</v>
      </c>
      <c r="I2829" s="12">
        <f t="shared" si="89"/>
        <v>12</v>
      </c>
    </row>
    <row r="2830" spans="1:9" ht="27.75" customHeight="1" x14ac:dyDescent="0.4">
      <c r="A2830" s="9" t="s">
        <v>3503</v>
      </c>
      <c r="B2830" s="13" t="s">
        <v>5552</v>
      </c>
      <c r="C2830" s="9" t="s">
        <v>5553</v>
      </c>
      <c r="D2830" s="18">
        <v>1442940260</v>
      </c>
      <c r="E2830" s="11">
        <v>47391</v>
      </c>
      <c r="F2830" s="9" t="s">
        <v>93</v>
      </c>
      <c r="G2830" s="5">
        <v>2828</v>
      </c>
      <c r="H2830" s="12">
        <f t="shared" si="88"/>
        <v>10</v>
      </c>
      <c r="I2830" s="12">
        <f t="shared" si="89"/>
        <v>9</v>
      </c>
    </row>
    <row r="2831" spans="1:9" ht="27.75" customHeight="1" x14ac:dyDescent="0.4">
      <c r="A2831" s="9" t="s">
        <v>3503</v>
      </c>
      <c r="B2831" s="13" t="s">
        <v>5554</v>
      </c>
      <c r="C2831" s="9" t="s">
        <v>5555</v>
      </c>
      <c r="D2831" s="18">
        <v>1442981371</v>
      </c>
      <c r="E2831" s="11">
        <v>46387</v>
      </c>
      <c r="F2831" s="9" t="s">
        <v>93</v>
      </c>
      <c r="G2831" s="12">
        <v>2829</v>
      </c>
      <c r="H2831" s="12">
        <f t="shared" si="88"/>
        <v>11</v>
      </c>
      <c r="I2831" s="12">
        <f t="shared" si="89"/>
        <v>6</v>
      </c>
    </row>
    <row r="2832" spans="1:9" ht="27.75" customHeight="1" x14ac:dyDescent="0.4">
      <c r="A2832" s="9" t="s">
        <v>3503</v>
      </c>
      <c r="B2832" s="13" t="s">
        <v>5556</v>
      </c>
      <c r="C2832" s="9" t="s">
        <v>5557</v>
      </c>
      <c r="D2832" s="18">
        <v>1442942761</v>
      </c>
      <c r="E2832" s="11">
        <v>47787</v>
      </c>
      <c r="F2832" s="9" t="s">
        <v>93</v>
      </c>
      <c r="G2832" s="5">
        <v>2830</v>
      </c>
      <c r="H2832" s="12">
        <f t="shared" si="88"/>
        <v>26</v>
      </c>
      <c r="I2832" s="12">
        <f t="shared" si="89"/>
        <v>7</v>
      </c>
    </row>
    <row r="2833" spans="1:9" ht="27.75" customHeight="1" x14ac:dyDescent="0.4">
      <c r="A2833" s="9" t="s">
        <v>3503</v>
      </c>
      <c r="B2833" s="13" t="s">
        <v>5558</v>
      </c>
      <c r="C2833" s="9" t="s">
        <v>5559</v>
      </c>
      <c r="D2833" s="18">
        <v>1442940435</v>
      </c>
      <c r="E2833" s="11">
        <v>46295</v>
      </c>
      <c r="F2833" s="9" t="s">
        <v>93</v>
      </c>
      <c r="G2833" s="12">
        <v>2831</v>
      </c>
      <c r="H2833" s="12">
        <f t="shared" si="88"/>
        <v>10</v>
      </c>
      <c r="I2833" s="12">
        <f t="shared" si="89"/>
        <v>10</v>
      </c>
    </row>
    <row r="2834" spans="1:9" ht="27.75" customHeight="1" x14ac:dyDescent="0.4">
      <c r="A2834" s="9" t="s">
        <v>3503</v>
      </c>
      <c r="B2834" s="13" t="s">
        <v>5560</v>
      </c>
      <c r="C2834" s="9" t="s">
        <v>5561</v>
      </c>
      <c r="D2834" s="18">
        <v>1442940302</v>
      </c>
      <c r="E2834" s="11">
        <v>47542</v>
      </c>
      <c r="F2834" s="9" t="s">
        <v>93</v>
      </c>
      <c r="G2834" s="5">
        <v>2832</v>
      </c>
      <c r="H2834" s="12">
        <f t="shared" si="88"/>
        <v>19</v>
      </c>
      <c r="I2834" s="12">
        <f t="shared" si="89"/>
        <v>12</v>
      </c>
    </row>
    <row r="2835" spans="1:9" ht="27.75" customHeight="1" x14ac:dyDescent="0.4">
      <c r="A2835" s="9" t="s">
        <v>3503</v>
      </c>
      <c r="B2835" s="13" t="s">
        <v>5562</v>
      </c>
      <c r="C2835" s="9" t="s">
        <v>2000</v>
      </c>
      <c r="D2835" s="18">
        <v>1442940021</v>
      </c>
      <c r="E2835" s="11">
        <v>46387</v>
      </c>
      <c r="F2835" s="9" t="s">
        <v>93</v>
      </c>
      <c r="G2835" s="12">
        <v>2833</v>
      </c>
      <c r="H2835" s="12">
        <f t="shared" si="88"/>
        <v>22</v>
      </c>
      <c r="I2835" s="12">
        <f t="shared" si="89"/>
        <v>6</v>
      </c>
    </row>
    <row r="2836" spans="1:9" ht="27.75" customHeight="1" x14ac:dyDescent="0.4">
      <c r="A2836" s="9" t="s">
        <v>3503</v>
      </c>
      <c r="B2836" s="13" t="s">
        <v>5563</v>
      </c>
      <c r="C2836" s="9" t="s">
        <v>5564</v>
      </c>
      <c r="D2836" s="18">
        <v>1442942738</v>
      </c>
      <c r="E2836" s="11">
        <v>47542</v>
      </c>
      <c r="F2836" s="9" t="s">
        <v>93</v>
      </c>
      <c r="G2836" s="5">
        <v>2834</v>
      </c>
      <c r="H2836" s="12">
        <f t="shared" si="88"/>
        <v>21</v>
      </c>
      <c r="I2836" s="12">
        <f t="shared" si="89"/>
        <v>11</v>
      </c>
    </row>
    <row r="2837" spans="1:9" ht="27.75" customHeight="1" x14ac:dyDescent="0.4">
      <c r="A2837" s="9" t="s">
        <v>3503</v>
      </c>
      <c r="B2837" s="13" t="s">
        <v>5565</v>
      </c>
      <c r="C2837" s="9" t="s">
        <v>5566</v>
      </c>
      <c r="D2837" s="18">
        <v>1442940385</v>
      </c>
      <c r="E2837" s="11">
        <v>48304</v>
      </c>
      <c r="F2837" s="9" t="s">
        <v>93</v>
      </c>
      <c r="G2837" s="12">
        <v>2835</v>
      </c>
      <c r="H2837" s="12">
        <f t="shared" si="88"/>
        <v>11</v>
      </c>
      <c r="I2837" s="12">
        <f t="shared" si="89"/>
        <v>6</v>
      </c>
    </row>
    <row r="2838" spans="1:9" ht="27.75" customHeight="1" x14ac:dyDescent="0.4">
      <c r="A2838" s="9" t="s">
        <v>3503</v>
      </c>
      <c r="B2838" s="13" t="s">
        <v>5567</v>
      </c>
      <c r="C2838" s="9" t="s">
        <v>5568</v>
      </c>
      <c r="D2838" s="18">
        <v>1442940195</v>
      </c>
      <c r="E2838" s="11">
        <v>47118</v>
      </c>
      <c r="F2838" s="9" t="s">
        <v>93</v>
      </c>
      <c r="G2838" s="5">
        <v>2836</v>
      </c>
      <c r="H2838" s="12">
        <f t="shared" si="88"/>
        <v>15</v>
      </c>
      <c r="I2838" s="12">
        <f t="shared" si="89"/>
        <v>11</v>
      </c>
    </row>
    <row r="2839" spans="1:9" ht="27.75" customHeight="1" x14ac:dyDescent="0.4">
      <c r="A2839" s="9" t="s">
        <v>3503</v>
      </c>
      <c r="B2839" s="13" t="s">
        <v>5569</v>
      </c>
      <c r="C2839" s="9" t="s">
        <v>5570</v>
      </c>
      <c r="D2839" s="18">
        <v>1442940039</v>
      </c>
      <c r="E2839" s="11">
        <v>46387</v>
      </c>
      <c r="F2839" s="9" t="s">
        <v>93</v>
      </c>
      <c r="G2839" s="12">
        <v>2837</v>
      </c>
      <c r="H2839" s="12">
        <f t="shared" si="88"/>
        <v>19</v>
      </c>
      <c r="I2839" s="12">
        <f t="shared" si="89"/>
        <v>9</v>
      </c>
    </row>
    <row r="2840" spans="1:9" ht="27.75" customHeight="1" x14ac:dyDescent="0.4">
      <c r="A2840" s="9" t="s">
        <v>3503</v>
      </c>
      <c r="B2840" s="13" t="s">
        <v>5571</v>
      </c>
      <c r="C2840" s="9" t="s">
        <v>5572</v>
      </c>
      <c r="D2840" s="18">
        <v>1442940468</v>
      </c>
      <c r="E2840" s="11">
        <v>46507</v>
      </c>
      <c r="F2840" s="9" t="s">
        <v>93</v>
      </c>
      <c r="G2840" s="5">
        <v>2838</v>
      </c>
      <c r="H2840" s="12">
        <f t="shared" si="88"/>
        <v>22</v>
      </c>
      <c r="I2840" s="12">
        <f t="shared" si="89"/>
        <v>9</v>
      </c>
    </row>
    <row r="2841" spans="1:9" ht="27.75" customHeight="1" x14ac:dyDescent="0.4">
      <c r="A2841" s="9" t="s">
        <v>3503</v>
      </c>
      <c r="B2841" s="13" t="s">
        <v>5573</v>
      </c>
      <c r="C2841" s="9" t="s">
        <v>5574</v>
      </c>
      <c r="D2841" s="18">
        <v>1442942720</v>
      </c>
      <c r="E2841" s="11">
        <v>47514</v>
      </c>
      <c r="F2841" s="9" t="s">
        <v>93</v>
      </c>
      <c r="G2841" s="12">
        <v>2839</v>
      </c>
      <c r="H2841" s="12">
        <f t="shared" si="88"/>
        <v>22</v>
      </c>
      <c r="I2841" s="12">
        <f t="shared" si="89"/>
        <v>10</v>
      </c>
    </row>
    <row r="2842" spans="1:9" ht="27.75" customHeight="1" x14ac:dyDescent="0.4">
      <c r="A2842" s="9" t="s">
        <v>3503</v>
      </c>
      <c r="B2842" s="13" t="s">
        <v>5575</v>
      </c>
      <c r="C2842" s="9" t="s">
        <v>5576</v>
      </c>
      <c r="D2842" s="18">
        <v>1442940187</v>
      </c>
      <c r="E2842" s="11">
        <v>47879</v>
      </c>
      <c r="F2842" s="9" t="s">
        <v>93</v>
      </c>
      <c r="G2842" s="5">
        <v>2840</v>
      </c>
      <c r="H2842" s="12">
        <f t="shared" si="88"/>
        <v>11</v>
      </c>
      <c r="I2842" s="12">
        <f t="shared" si="89"/>
        <v>12</v>
      </c>
    </row>
    <row r="2843" spans="1:9" ht="27.75" customHeight="1" x14ac:dyDescent="0.4">
      <c r="A2843" s="9" t="s">
        <v>3503</v>
      </c>
      <c r="B2843" s="13" t="s">
        <v>5577</v>
      </c>
      <c r="C2843" s="9" t="s">
        <v>5578</v>
      </c>
      <c r="D2843" s="18">
        <v>1442981132</v>
      </c>
      <c r="E2843" s="11">
        <v>46387</v>
      </c>
      <c r="F2843" s="9" t="s">
        <v>93</v>
      </c>
      <c r="G2843" s="12">
        <v>2841</v>
      </c>
      <c r="H2843" s="12">
        <f t="shared" si="88"/>
        <v>20</v>
      </c>
      <c r="I2843" s="12">
        <f t="shared" si="89"/>
        <v>6</v>
      </c>
    </row>
    <row r="2844" spans="1:9" ht="27.75" customHeight="1" x14ac:dyDescent="0.4">
      <c r="A2844" s="9" t="s">
        <v>3503</v>
      </c>
      <c r="B2844" s="13" t="s">
        <v>5579</v>
      </c>
      <c r="C2844" s="9" t="s">
        <v>5580</v>
      </c>
      <c r="D2844" s="18">
        <v>1442940062</v>
      </c>
      <c r="E2844" s="11">
        <v>46507</v>
      </c>
      <c r="F2844" s="9" t="s">
        <v>93</v>
      </c>
      <c r="G2844" s="5">
        <v>2842</v>
      </c>
      <c r="H2844" s="12">
        <f t="shared" si="88"/>
        <v>11</v>
      </c>
      <c r="I2844" s="12">
        <f t="shared" si="89"/>
        <v>6</v>
      </c>
    </row>
    <row r="2845" spans="1:9" ht="27.75" customHeight="1" x14ac:dyDescent="0.4">
      <c r="A2845" s="9" t="s">
        <v>3503</v>
      </c>
      <c r="B2845" s="13" t="s">
        <v>5581</v>
      </c>
      <c r="C2845" s="9" t="s">
        <v>5582</v>
      </c>
      <c r="D2845" s="18">
        <v>1442981231</v>
      </c>
      <c r="E2845" s="11">
        <v>46387</v>
      </c>
      <c r="F2845" s="9" t="s">
        <v>93</v>
      </c>
      <c r="G2845" s="12">
        <v>2843</v>
      </c>
      <c r="H2845" s="12">
        <f t="shared" si="88"/>
        <v>11</v>
      </c>
      <c r="I2845" s="12">
        <f t="shared" si="89"/>
        <v>12</v>
      </c>
    </row>
    <row r="2846" spans="1:9" ht="27.75" customHeight="1" x14ac:dyDescent="0.4">
      <c r="A2846" s="9" t="s">
        <v>3503</v>
      </c>
      <c r="B2846" s="13" t="s">
        <v>5583</v>
      </c>
      <c r="C2846" s="9" t="s">
        <v>5584</v>
      </c>
      <c r="D2846" s="18">
        <v>1442942670</v>
      </c>
      <c r="E2846" s="11">
        <v>47361</v>
      </c>
      <c r="F2846" s="9" t="s">
        <v>93</v>
      </c>
      <c r="G2846" s="5">
        <v>2844</v>
      </c>
      <c r="H2846" s="12">
        <f t="shared" si="88"/>
        <v>11</v>
      </c>
      <c r="I2846" s="12">
        <f t="shared" si="89"/>
        <v>13</v>
      </c>
    </row>
    <row r="2847" spans="1:9" ht="27.75" customHeight="1" x14ac:dyDescent="0.4">
      <c r="A2847" s="9" t="s">
        <v>3503</v>
      </c>
      <c r="B2847" s="13" t="s">
        <v>5585</v>
      </c>
      <c r="C2847" s="9" t="s">
        <v>5586</v>
      </c>
      <c r="D2847" s="18">
        <v>1442940476</v>
      </c>
      <c r="E2847" s="11">
        <v>46477</v>
      </c>
      <c r="F2847" s="9" t="s">
        <v>93</v>
      </c>
      <c r="G2847" s="12">
        <v>2845</v>
      </c>
      <c r="H2847" s="12">
        <f t="shared" si="88"/>
        <v>9</v>
      </c>
      <c r="I2847" s="12">
        <f t="shared" si="89"/>
        <v>6</v>
      </c>
    </row>
    <row r="2848" spans="1:9" ht="27.75" customHeight="1" x14ac:dyDescent="0.4">
      <c r="A2848" s="9" t="s">
        <v>3503</v>
      </c>
      <c r="B2848" s="13" t="s">
        <v>5587</v>
      </c>
      <c r="C2848" s="9" t="s">
        <v>5588</v>
      </c>
      <c r="D2848" s="18">
        <v>1442981322</v>
      </c>
      <c r="E2848" s="11">
        <v>46387</v>
      </c>
      <c r="F2848" s="9" t="s">
        <v>93</v>
      </c>
      <c r="G2848" s="5">
        <v>2846</v>
      </c>
      <c r="H2848" s="12">
        <f t="shared" si="88"/>
        <v>8</v>
      </c>
      <c r="I2848" s="12">
        <f t="shared" si="89"/>
        <v>5</v>
      </c>
    </row>
    <row r="2849" spans="1:9" ht="27.75" customHeight="1" x14ac:dyDescent="0.4">
      <c r="A2849" s="9" t="s">
        <v>3503</v>
      </c>
      <c r="B2849" s="13" t="s">
        <v>5589</v>
      </c>
      <c r="C2849" s="9" t="s">
        <v>5590</v>
      </c>
      <c r="D2849" s="18">
        <v>1442940336</v>
      </c>
      <c r="E2849" s="11">
        <v>47726</v>
      </c>
      <c r="F2849" s="9" t="s">
        <v>93</v>
      </c>
      <c r="G2849" s="12">
        <v>2847</v>
      </c>
      <c r="H2849" s="12">
        <f t="shared" si="88"/>
        <v>15</v>
      </c>
      <c r="I2849" s="12">
        <f t="shared" si="89"/>
        <v>10</v>
      </c>
    </row>
    <row r="2850" spans="1:9" ht="27.75" customHeight="1" x14ac:dyDescent="0.4">
      <c r="A2850" s="9" t="s">
        <v>3503</v>
      </c>
      <c r="B2850" s="13" t="s">
        <v>5591</v>
      </c>
      <c r="C2850" s="9" t="s">
        <v>5592</v>
      </c>
      <c r="D2850" s="18">
        <v>1442940427</v>
      </c>
      <c r="E2850" s="11">
        <v>46295</v>
      </c>
      <c r="F2850" s="9" t="s">
        <v>93</v>
      </c>
      <c r="G2850" s="5">
        <v>2848</v>
      </c>
      <c r="H2850" s="12">
        <f t="shared" si="88"/>
        <v>10</v>
      </c>
      <c r="I2850" s="12">
        <f t="shared" si="89"/>
        <v>6</v>
      </c>
    </row>
    <row r="2851" spans="1:9" ht="27.75" customHeight="1" x14ac:dyDescent="0.4">
      <c r="A2851" s="9" t="s">
        <v>3503</v>
      </c>
      <c r="B2851" s="13" t="s">
        <v>5591</v>
      </c>
      <c r="C2851" s="9" t="s">
        <v>5592</v>
      </c>
      <c r="D2851" s="18">
        <v>1442942886</v>
      </c>
      <c r="E2851" s="11">
        <v>48334</v>
      </c>
      <c r="F2851" s="9" t="s">
        <v>93</v>
      </c>
      <c r="G2851" s="12">
        <v>2849</v>
      </c>
      <c r="H2851" s="12">
        <f t="shared" si="88"/>
        <v>10</v>
      </c>
      <c r="I2851" s="12">
        <f t="shared" si="89"/>
        <v>6</v>
      </c>
    </row>
    <row r="2852" spans="1:9" ht="27.75" customHeight="1" x14ac:dyDescent="0.4">
      <c r="A2852" s="9" t="s">
        <v>3503</v>
      </c>
      <c r="B2852" s="13" t="s">
        <v>5593</v>
      </c>
      <c r="C2852" s="9" t="s">
        <v>5594</v>
      </c>
      <c r="D2852" s="18">
        <v>1442942639</v>
      </c>
      <c r="E2852" s="11">
        <v>47149</v>
      </c>
      <c r="F2852" s="9" t="s">
        <v>93</v>
      </c>
      <c r="G2852" s="5">
        <v>2850</v>
      </c>
      <c r="H2852" s="12">
        <f t="shared" si="88"/>
        <v>12</v>
      </c>
      <c r="I2852" s="12">
        <f t="shared" si="89"/>
        <v>14</v>
      </c>
    </row>
    <row r="2853" spans="1:9" ht="27.75" customHeight="1" x14ac:dyDescent="0.4">
      <c r="A2853" s="9" t="s">
        <v>3503</v>
      </c>
      <c r="B2853" s="13" t="s">
        <v>5595</v>
      </c>
      <c r="C2853" s="9" t="s">
        <v>5596</v>
      </c>
      <c r="D2853" s="18">
        <v>1442981504</v>
      </c>
      <c r="E2853" s="11">
        <v>46387</v>
      </c>
      <c r="F2853" s="9" t="s">
        <v>93</v>
      </c>
      <c r="G2853" s="12">
        <v>2851</v>
      </c>
      <c r="H2853" s="12">
        <f t="shared" si="88"/>
        <v>15</v>
      </c>
      <c r="I2853" s="12">
        <f t="shared" si="89"/>
        <v>11</v>
      </c>
    </row>
    <row r="2854" spans="1:9" ht="27.75" customHeight="1" x14ac:dyDescent="0.4">
      <c r="A2854" s="9" t="s">
        <v>3503</v>
      </c>
      <c r="B2854" s="13" t="s">
        <v>5597</v>
      </c>
      <c r="C2854" s="9" t="s">
        <v>5598</v>
      </c>
      <c r="D2854" s="18">
        <v>1442900397</v>
      </c>
      <c r="E2854" s="11">
        <v>46387</v>
      </c>
      <c r="F2854" s="9" t="s">
        <v>93</v>
      </c>
      <c r="G2854" s="5">
        <v>2852</v>
      </c>
      <c r="H2854" s="12">
        <f t="shared" si="88"/>
        <v>12</v>
      </c>
      <c r="I2854" s="12">
        <f t="shared" si="89"/>
        <v>12</v>
      </c>
    </row>
    <row r="2855" spans="1:9" ht="27.75" customHeight="1" x14ac:dyDescent="0.4">
      <c r="A2855" s="9" t="s">
        <v>3503</v>
      </c>
      <c r="B2855" s="13" t="s">
        <v>5599</v>
      </c>
      <c r="C2855" s="9" t="s">
        <v>5598</v>
      </c>
      <c r="D2855" s="18">
        <v>1442942662</v>
      </c>
      <c r="E2855" s="11">
        <v>47269</v>
      </c>
      <c r="F2855" s="9" t="s">
        <v>93</v>
      </c>
      <c r="G2855" s="12">
        <v>2853</v>
      </c>
      <c r="H2855" s="12">
        <f t="shared" si="88"/>
        <v>12</v>
      </c>
      <c r="I2855" s="12">
        <f t="shared" si="89"/>
        <v>9</v>
      </c>
    </row>
    <row r="2856" spans="1:9" ht="27.75" customHeight="1" x14ac:dyDescent="0.4">
      <c r="A2856" s="9" t="s">
        <v>3503</v>
      </c>
      <c r="B2856" s="13" t="s">
        <v>5600</v>
      </c>
      <c r="C2856" s="9" t="s">
        <v>5601</v>
      </c>
      <c r="D2856" s="18">
        <v>1442942605</v>
      </c>
      <c r="E2856" s="11">
        <v>46934</v>
      </c>
      <c r="F2856" s="9" t="s">
        <v>93</v>
      </c>
      <c r="G2856" s="5">
        <v>2854</v>
      </c>
      <c r="H2856" s="12">
        <f t="shared" si="88"/>
        <v>13</v>
      </c>
      <c r="I2856" s="12">
        <f t="shared" si="89"/>
        <v>10</v>
      </c>
    </row>
    <row r="2857" spans="1:9" ht="27.75" customHeight="1" x14ac:dyDescent="0.4">
      <c r="A2857" s="9" t="s">
        <v>3503</v>
      </c>
      <c r="B2857" s="13" t="s">
        <v>5602</v>
      </c>
      <c r="C2857" s="9" t="s">
        <v>5603</v>
      </c>
      <c r="D2857" s="18">
        <v>1442942563</v>
      </c>
      <c r="E2857" s="11">
        <v>47879</v>
      </c>
      <c r="F2857" s="9" t="s">
        <v>93</v>
      </c>
      <c r="G2857" s="12">
        <v>2855</v>
      </c>
      <c r="H2857" s="12">
        <f t="shared" si="88"/>
        <v>11</v>
      </c>
      <c r="I2857" s="12">
        <f t="shared" si="89"/>
        <v>13</v>
      </c>
    </row>
    <row r="2858" spans="1:9" ht="27.75" customHeight="1" x14ac:dyDescent="0.4">
      <c r="A2858" s="9" t="s">
        <v>3503</v>
      </c>
      <c r="B2858" s="13" t="s">
        <v>5604</v>
      </c>
      <c r="C2858" s="9" t="s">
        <v>5605</v>
      </c>
      <c r="D2858" s="18">
        <v>1442981124</v>
      </c>
      <c r="E2858" s="11">
        <v>46387</v>
      </c>
      <c r="F2858" s="9" t="s">
        <v>93</v>
      </c>
      <c r="G2858" s="5">
        <v>2856</v>
      </c>
      <c r="H2858" s="12">
        <f t="shared" si="88"/>
        <v>11</v>
      </c>
      <c r="I2858" s="12">
        <f t="shared" si="89"/>
        <v>14</v>
      </c>
    </row>
    <row r="2859" spans="1:9" ht="27.75" customHeight="1" x14ac:dyDescent="0.4">
      <c r="A2859" s="9" t="s">
        <v>3503</v>
      </c>
      <c r="B2859" s="13" t="s">
        <v>5606</v>
      </c>
      <c r="C2859" s="9" t="s">
        <v>5607</v>
      </c>
      <c r="D2859" s="18">
        <v>1442942704</v>
      </c>
      <c r="E2859" s="11">
        <v>47483</v>
      </c>
      <c r="F2859" s="9" t="s">
        <v>93</v>
      </c>
      <c r="G2859" s="12">
        <v>2857</v>
      </c>
      <c r="H2859" s="12">
        <f t="shared" si="88"/>
        <v>10</v>
      </c>
      <c r="I2859" s="12">
        <f t="shared" si="89"/>
        <v>12</v>
      </c>
    </row>
    <row r="2860" spans="1:9" ht="27.75" customHeight="1" x14ac:dyDescent="0.4">
      <c r="A2860" s="9" t="s">
        <v>3503</v>
      </c>
      <c r="B2860" s="13" t="s">
        <v>5608</v>
      </c>
      <c r="C2860" s="9" t="s">
        <v>5609</v>
      </c>
      <c r="D2860" s="18">
        <v>1442940054</v>
      </c>
      <c r="E2860" s="11">
        <v>46387</v>
      </c>
      <c r="F2860" s="9" t="s">
        <v>93</v>
      </c>
      <c r="G2860" s="5">
        <v>2858</v>
      </c>
      <c r="H2860" s="12">
        <f t="shared" si="88"/>
        <v>10</v>
      </c>
      <c r="I2860" s="12">
        <f t="shared" si="89"/>
        <v>7</v>
      </c>
    </row>
    <row r="2861" spans="1:9" ht="27.75" customHeight="1" x14ac:dyDescent="0.4">
      <c r="A2861" s="9" t="s">
        <v>3503</v>
      </c>
      <c r="B2861" s="13" t="s">
        <v>5610</v>
      </c>
      <c r="C2861" s="9" t="s">
        <v>2053</v>
      </c>
      <c r="D2861" s="18">
        <v>1443040466</v>
      </c>
      <c r="E2861" s="11">
        <v>48304</v>
      </c>
      <c r="F2861" s="9" t="s">
        <v>98</v>
      </c>
      <c r="G2861" s="12">
        <v>2859</v>
      </c>
      <c r="H2861" s="12">
        <f t="shared" si="88"/>
        <v>13</v>
      </c>
      <c r="I2861" s="12">
        <f t="shared" si="89"/>
        <v>12</v>
      </c>
    </row>
    <row r="2862" spans="1:9" ht="27.75" customHeight="1" x14ac:dyDescent="0.4">
      <c r="A2862" s="9" t="s">
        <v>3503</v>
      </c>
      <c r="B2862" s="13" t="s">
        <v>3966</v>
      </c>
      <c r="C2862" s="9" t="s">
        <v>5611</v>
      </c>
      <c r="D2862" s="18">
        <v>1443040607</v>
      </c>
      <c r="E2862" s="11">
        <v>46873</v>
      </c>
      <c r="F2862" s="9" t="s">
        <v>98</v>
      </c>
      <c r="G2862" s="5">
        <v>2860</v>
      </c>
      <c r="H2862" s="12">
        <f t="shared" si="88"/>
        <v>13</v>
      </c>
      <c r="I2862" s="12">
        <f t="shared" si="89"/>
        <v>6</v>
      </c>
    </row>
    <row r="2863" spans="1:9" ht="27.75" customHeight="1" x14ac:dyDescent="0.4">
      <c r="A2863" s="9" t="s">
        <v>3503</v>
      </c>
      <c r="B2863" s="13" t="s">
        <v>5612</v>
      </c>
      <c r="C2863" s="9" t="s">
        <v>5613</v>
      </c>
      <c r="D2863" s="18">
        <v>1443040367</v>
      </c>
      <c r="E2863" s="11">
        <v>47634</v>
      </c>
      <c r="F2863" s="9" t="s">
        <v>98</v>
      </c>
      <c r="G2863" s="12">
        <v>2861</v>
      </c>
      <c r="H2863" s="12">
        <f t="shared" si="88"/>
        <v>13</v>
      </c>
      <c r="I2863" s="12">
        <f t="shared" si="89"/>
        <v>6</v>
      </c>
    </row>
    <row r="2864" spans="1:9" ht="27.75" customHeight="1" x14ac:dyDescent="0.4">
      <c r="A2864" s="9" t="s">
        <v>3503</v>
      </c>
      <c r="B2864" s="13" t="s">
        <v>5614</v>
      </c>
      <c r="C2864" s="9" t="s">
        <v>5615</v>
      </c>
      <c r="D2864" s="18">
        <v>1443040409</v>
      </c>
      <c r="E2864" s="11">
        <v>47787</v>
      </c>
      <c r="F2864" s="9" t="s">
        <v>98</v>
      </c>
      <c r="G2864" s="5">
        <v>2862</v>
      </c>
      <c r="H2864" s="12">
        <f t="shared" si="88"/>
        <v>13</v>
      </c>
      <c r="I2864" s="12">
        <f t="shared" si="89"/>
        <v>12</v>
      </c>
    </row>
    <row r="2865" spans="1:9" ht="27.75" customHeight="1" x14ac:dyDescent="0.4">
      <c r="A2865" s="9" t="s">
        <v>3503</v>
      </c>
      <c r="B2865" s="13" t="s">
        <v>5616</v>
      </c>
      <c r="C2865" s="9" t="s">
        <v>5617</v>
      </c>
      <c r="D2865" s="18">
        <v>1443040722</v>
      </c>
      <c r="E2865" s="11">
        <v>47907</v>
      </c>
      <c r="F2865" s="9" t="s">
        <v>98</v>
      </c>
      <c r="G2865" s="12">
        <v>2863</v>
      </c>
      <c r="H2865" s="12">
        <f t="shared" si="88"/>
        <v>11</v>
      </c>
      <c r="I2865" s="12">
        <f t="shared" si="89"/>
        <v>10</v>
      </c>
    </row>
    <row r="2866" spans="1:9" ht="27.75" customHeight="1" x14ac:dyDescent="0.4">
      <c r="A2866" s="9" t="s">
        <v>3503</v>
      </c>
      <c r="B2866" s="13" t="s">
        <v>5618</v>
      </c>
      <c r="C2866" s="9" t="s">
        <v>2056</v>
      </c>
      <c r="D2866" s="18">
        <v>1443040664</v>
      </c>
      <c r="E2866" s="11">
        <v>47238</v>
      </c>
      <c r="F2866" s="9" t="s">
        <v>98</v>
      </c>
      <c r="G2866" s="5">
        <v>2864</v>
      </c>
      <c r="H2866" s="12">
        <f t="shared" si="88"/>
        <v>14</v>
      </c>
      <c r="I2866" s="12">
        <f t="shared" si="89"/>
        <v>8</v>
      </c>
    </row>
    <row r="2867" spans="1:9" ht="27.75" customHeight="1" x14ac:dyDescent="0.4">
      <c r="A2867" s="9" t="s">
        <v>3503</v>
      </c>
      <c r="B2867" s="13" t="s">
        <v>5619</v>
      </c>
      <c r="C2867" s="9" t="s">
        <v>5620</v>
      </c>
      <c r="D2867" s="18">
        <v>1443040839</v>
      </c>
      <c r="E2867" s="11">
        <v>48244</v>
      </c>
      <c r="F2867" s="9" t="s">
        <v>98</v>
      </c>
      <c r="G2867" s="12">
        <v>2865</v>
      </c>
      <c r="H2867" s="12">
        <f t="shared" si="88"/>
        <v>12</v>
      </c>
      <c r="I2867" s="12">
        <f t="shared" si="89"/>
        <v>15</v>
      </c>
    </row>
    <row r="2868" spans="1:9" ht="27.75" customHeight="1" x14ac:dyDescent="0.4">
      <c r="A2868" s="9" t="s">
        <v>3503</v>
      </c>
      <c r="B2868" s="13" t="s">
        <v>5621</v>
      </c>
      <c r="C2868" s="9" t="s">
        <v>5622</v>
      </c>
      <c r="D2868" s="18">
        <v>1443040755</v>
      </c>
      <c r="E2868" s="11">
        <v>47756</v>
      </c>
      <c r="F2868" s="9" t="s">
        <v>98</v>
      </c>
      <c r="G2868" s="5">
        <v>2866</v>
      </c>
      <c r="H2868" s="12">
        <f t="shared" si="88"/>
        <v>12</v>
      </c>
      <c r="I2868" s="12">
        <f t="shared" si="89"/>
        <v>13</v>
      </c>
    </row>
    <row r="2869" spans="1:9" ht="27.75" customHeight="1" x14ac:dyDescent="0.4">
      <c r="A2869" s="9" t="s">
        <v>3503</v>
      </c>
      <c r="B2869" s="13" t="s">
        <v>5623</v>
      </c>
      <c r="C2869" s="9" t="s">
        <v>5624</v>
      </c>
      <c r="D2869" s="18">
        <v>1443040847</v>
      </c>
      <c r="E2869" s="11">
        <v>48213</v>
      </c>
      <c r="F2869" s="9" t="s">
        <v>98</v>
      </c>
      <c r="G2869" s="12">
        <v>2867</v>
      </c>
      <c r="H2869" s="12">
        <f t="shared" si="88"/>
        <v>11</v>
      </c>
      <c r="I2869" s="12">
        <f t="shared" si="89"/>
        <v>10</v>
      </c>
    </row>
    <row r="2870" spans="1:9" ht="27.75" customHeight="1" x14ac:dyDescent="0.4">
      <c r="A2870" s="9" t="s">
        <v>3503</v>
      </c>
      <c r="B2870" s="13" t="s">
        <v>5625</v>
      </c>
      <c r="C2870" s="9" t="s">
        <v>5626</v>
      </c>
      <c r="D2870" s="18">
        <v>1443001161</v>
      </c>
      <c r="E2870" s="11">
        <v>46387</v>
      </c>
      <c r="F2870" s="9" t="s">
        <v>98</v>
      </c>
      <c r="G2870" s="5">
        <v>2868</v>
      </c>
      <c r="H2870" s="12">
        <f t="shared" si="88"/>
        <v>12</v>
      </c>
      <c r="I2870" s="12">
        <f t="shared" si="89"/>
        <v>8</v>
      </c>
    </row>
    <row r="2871" spans="1:9" ht="27.75" customHeight="1" x14ac:dyDescent="0.4">
      <c r="A2871" s="9" t="s">
        <v>3503</v>
      </c>
      <c r="B2871" s="13" t="s">
        <v>5627</v>
      </c>
      <c r="C2871" s="9" t="s">
        <v>5628</v>
      </c>
      <c r="D2871" s="18">
        <v>1443001211</v>
      </c>
      <c r="E2871" s="11">
        <v>46387</v>
      </c>
      <c r="F2871" s="9" t="s">
        <v>98</v>
      </c>
      <c r="G2871" s="12">
        <v>2869</v>
      </c>
      <c r="H2871" s="12">
        <f t="shared" si="88"/>
        <v>12</v>
      </c>
      <c r="I2871" s="12">
        <f t="shared" si="89"/>
        <v>4</v>
      </c>
    </row>
    <row r="2872" spans="1:9" ht="27.75" customHeight="1" x14ac:dyDescent="0.4">
      <c r="A2872" s="9" t="s">
        <v>3503</v>
      </c>
      <c r="B2872" s="13" t="s">
        <v>5629</v>
      </c>
      <c r="C2872" s="9" t="s">
        <v>5630</v>
      </c>
      <c r="D2872" s="18">
        <v>1443040854</v>
      </c>
      <c r="E2872" s="11">
        <v>48304</v>
      </c>
      <c r="F2872" s="9" t="s">
        <v>98</v>
      </c>
      <c r="G2872" s="5">
        <v>2870</v>
      </c>
      <c r="H2872" s="12">
        <f t="shared" si="88"/>
        <v>12</v>
      </c>
      <c r="I2872" s="12">
        <f t="shared" si="89"/>
        <v>9</v>
      </c>
    </row>
    <row r="2873" spans="1:9" ht="27.75" customHeight="1" x14ac:dyDescent="0.4">
      <c r="A2873" s="9" t="s">
        <v>3503</v>
      </c>
      <c r="B2873" s="13" t="s">
        <v>5631</v>
      </c>
      <c r="C2873" s="9" t="s">
        <v>5632</v>
      </c>
      <c r="D2873" s="18">
        <v>1443040433</v>
      </c>
      <c r="E2873" s="11">
        <v>47938</v>
      </c>
      <c r="F2873" s="9" t="s">
        <v>98</v>
      </c>
      <c r="G2873" s="12">
        <v>2871</v>
      </c>
      <c r="H2873" s="12">
        <f t="shared" si="88"/>
        <v>14</v>
      </c>
      <c r="I2873" s="12">
        <f t="shared" si="89"/>
        <v>4</v>
      </c>
    </row>
    <row r="2874" spans="1:9" ht="27.75" customHeight="1" x14ac:dyDescent="0.4">
      <c r="A2874" s="9" t="s">
        <v>3503</v>
      </c>
      <c r="B2874" s="13" t="s">
        <v>5633</v>
      </c>
      <c r="C2874" s="9" t="s">
        <v>5634</v>
      </c>
      <c r="D2874" s="18">
        <v>1443040441</v>
      </c>
      <c r="E2874" s="11">
        <v>48029</v>
      </c>
      <c r="F2874" s="9" t="s">
        <v>98</v>
      </c>
      <c r="G2874" s="5">
        <v>2872</v>
      </c>
      <c r="H2874" s="12">
        <f t="shared" si="88"/>
        <v>12</v>
      </c>
      <c r="I2874" s="12">
        <f t="shared" si="89"/>
        <v>14</v>
      </c>
    </row>
    <row r="2875" spans="1:9" ht="27.75" customHeight="1" x14ac:dyDescent="0.4">
      <c r="A2875" s="9" t="s">
        <v>3503</v>
      </c>
      <c r="B2875" s="9" t="s">
        <v>5635</v>
      </c>
      <c r="C2875" s="9" t="s">
        <v>5636</v>
      </c>
      <c r="D2875" s="18">
        <v>1443082088</v>
      </c>
      <c r="E2875" s="11">
        <v>46387</v>
      </c>
      <c r="F2875" s="9" t="s">
        <v>98</v>
      </c>
      <c r="G2875" s="12">
        <v>2873</v>
      </c>
      <c r="H2875" s="12">
        <f t="shared" si="88"/>
        <v>10</v>
      </c>
      <c r="I2875" s="12">
        <f t="shared" si="89"/>
        <v>6</v>
      </c>
    </row>
    <row r="2876" spans="1:9" ht="27.75" customHeight="1" x14ac:dyDescent="0.4">
      <c r="A2876" s="29" t="s">
        <v>3503</v>
      </c>
      <c r="B2876" s="16" t="s">
        <v>5637</v>
      </c>
      <c r="C2876" s="16" t="s">
        <v>5638</v>
      </c>
      <c r="D2876" s="10">
        <v>1443082146</v>
      </c>
      <c r="E2876" s="11">
        <v>46387</v>
      </c>
      <c r="F2876" s="9" t="s">
        <v>98</v>
      </c>
      <c r="G2876" s="5">
        <v>2874</v>
      </c>
      <c r="H2876" s="12">
        <f t="shared" si="88"/>
        <v>18</v>
      </c>
      <c r="I2876" s="12">
        <f t="shared" si="89"/>
        <v>6</v>
      </c>
    </row>
    <row r="2877" spans="1:9" ht="27.75" customHeight="1" x14ac:dyDescent="0.4">
      <c r="A2877" s="9" t="s">
        <v>3503</v>
      </c>
      <c r="B2877" s="9" t="s">
        <v>5639</v>
      </c>
      <c r="C2877" s="9" t="s">
        <v>5640</v>
      </c>
      <c r="D2877" s="18">
        <v>1443040821</v>
      </c>
      <c r="E2877" s="11">
        <v>48091</v>
      </c>
      <c r="F2877" s="9" t="s">
        <v>98</v>
      </c>
      <c r="G2877" s="12">
        <v>2875</v>
      </c>
      <c r="H2877" s="12">
        <f t="shared" si="88"/>
        <v>21</v>
      </c>
      <c r="I2877" s="12">
        <f t="shared" si="89"/>
        <v>11</v>
      </c>
    </row>
    <row r="2878" spans="1:9" ht="27.75" customHeight="1" x14ac:dyDescent="0.4">
      <c r="A2878" s="17" t="s">
        <v>3503</v>
      </c>
      <c r="B2878" s="9" t="s">
        <v>5641</v>
      </c>
      <c r="C2878" s="9" t="s">
        <v>5642</v>
      </c>
      <c r="D2878" s="18">
        <v>1443082161</v>
      </c>
      <c r="E2878" s="11">
        <v>46387</v>
      </c>
      <c r="F2878" s="9" t="s">
        <v>98</v>
      </c>
      <c r="G2878" s="5">
        <v>2876</v>
      </c>
      <c r="H2878" s="12">
        <f t="shared" si="88"/>
        <v>11</v>
      </c>
      <c r="I2878" s="12">
        <f t="shared" si="89"/>
        <v>14</v>
      </c>
    </row>
    <row r="2879" spans="1:9" ht="27.75" customHeight="1" x14ac:dyDescent="0.4">
      <c r="A2879" s="9" t="s">
        <v>3503</v>
      </c>
      <c r="B2879" s="9" t="s">
        <v>5643</v>
      </c>
      <c r="C2879" s="9" t="s">
        <v>5644</v>
      </c>
      <c r="D2879" s="18">
        <v>1443040284</v>
      </c>
      <c r="E2879" s="11">
        <v>47269</v>
      </c>
      <c r="F2879" s="9" t="s">
        <v>98</v>
      </c>
      <c r="G2879" s="12">
        <v>2877</v>
      </c>
      <c r="H2879" s="12">
        <f t="shared" si="88"/>
        <v>13</v>
      </c>
      <c r="I2879" s="12">
        <f t="shared" si="89"/>
        <v>17</v>
      </c>
    </row>
    <row r="2880" spans="1:9" ht="27.75" customHeight="1" x14ac:dyDescent="0.4">
      <c r="A2880" s="16" t="s">
        <v>3503</v>
      </c>
      <c r="B2880" s="15" t="s">
        <v>5645</v>
      </c>
      <c r="C2880" s="16" t="s">
        <v>5646</v>
      </c>
      <c r="D2880" s="10">
        <v>1443082278</v>
      </c>
      <c r="E2880" s="11">
        <v>46387</v>
      </c>
      <c r="F2880" s="9" t="s">
        <v>98</v>
      </c>
      <c r="G2880" s="5">
        <v>2878</v>
      </c>
      <c r="H2880" s="12">
        <f t="shared" si="88"/>
        <v>22</v>
      </c>
      <c r="I2880" s="12">
        <f t="shared" si="89"/>
        <v>11</v>
      </c>
    </row>
    <row r="2881" spans="1:9" ht="27.75" customHeight="1" x14ac:dyDescent="0.4">
      <c r="A2881" s="9" t="s">
        <v>3503</v>
      </c>
      <c r="B2881" s="9" t="s">
        <v>5647</v>
      </c>
      <c r="C2881" s="9" t="s">
        <v>5648</v>
      </c>
      <c r="D2881" s="18">
        <v>1443040649</v>
      </c>
      <c r="E2881" s="11">
        <v>47087</v>
      </c>
      <c r="F2881" s="9" t="s">
        <v>98</v>
      </c>
      <c r="G2881" s="12">
        <v>2879</v>
      </c>
      <c r="H2881" s="12">
        <f t="shared" si="88"/>
        <v>11</v>
      </c>
      <c r="I2881" s="12">
        <f t="shared" si="89"/>
        <v>15</v>
      </c>
    </row>
    <row r="2882" spans="1:9" ht="27.75" customHeight="1" x14ac:dyDescent="0.4">
      <c r="A2882" s="9" t="s">
        <v>3503</v>
      </c>
      <c r="B2882" s="9" t="s">
        <v>5649</v>
      </c>
      <c r="C2882" s="9" t="s">
        <v>5650</v>
      </c>
      <c r="D2882" s="18">
        <v>1443082260</v>
      </c>
      <c r="E2882" s="11">
        <v>46387</v>
      </c>
      <c r="F2882" s="9" t="s">
        <v>98</v>
      </c>
      <c r="G2882" s="5">
        <v>2880</v>
      </c>
      <c r="H2882" s="12">
        <f t="shared" si="88"/>
        <v>10</v>
      </c>
      <c r="I2882" s="12">
        <f t="shared" si="89"/>
        <v>8</v>
      </c>
    </row>
    <row r="2883" spans="1:9" ht="27.75" customHeight="1" x14ac:dyDescent="0.4">
      <c r="A2883" s="9" t="s">
        <v>3503</v>
      </c>
      <c r="B2883" s="13" t="s">
        <v>5651</v>
      </c>
      <c r="C2883" s="9" t="s">
        <v>5652</v>
      </c>
      <c r="D2883" s="18">
        <v>1443040771</v>
      </c>
      <c r="E2883" s="11">
        <v>47817</v>
      </c>
      <c r="F2883" s="9" t="s">
        <v>98</v>
      </c>
      <c r="G2883" s="12">
        <v>2881</v>
      </c>
      <c r="H2883" s="12">
        <f t="shared" si="88"/>
        <v>13</v>
      </c>
      <c r="I2883" s="12">
        <f t="shared" si="89"/>
        <v>10</v>
      </c>
    </row>
    <row r="2884" spans="1:9" ht="27.75" customHeight="1" x14ac:dyDescent="0.4">
      <c r="A2884" s="9" t="s">
        <v>3503</v>
      </c>
      <c r="B2884" s="9" t="s">
        <v>5653</v>
      </c>
      <c r="C2884" s="9" t="s">
        <v>5654</v>
      </c>
      <c r="D2884" s="18">
        <v>1443040235</v>
      </c>
      <c r="E2884" s="11">
        <v>46965</v>
      </c>
      <c r="F2884" s="9" t="s">
        <v>98</v>
      </c>
      <c r="G2884" s="5">
        <v>2882</v>
      </c>
      <c r="H2884" s="12">
        <f t="shared" ref="H2884:H2947" si="90">LEN(C2884)</f>
        <v>11</v>
      </c>
      <c r="I2884" s="12">
        <f t="shared" ref="I2884:I2947" si="91">LEN(B2884)</f>
        <v>12</v>
      </c>
    </row>
    <row r="2885" spans="1:9" ht="27.75" customHeight="1" x14ac:dyDescent="0.4">
      <c r="A2885" s="13" t="s">
        <v>3503</v>
      </c>
      <c r="B2885" s="16" t="s">
        <v>5655</v>
      </c>
      <c r="C2885" s="16" t="s">
        <v>5656</v>
      </c>
      <c r="D2885" s="26">
        <v>1443040276</v>
      </c>
      <c r="E2885" s="11">
        <v>47208</v>
      </c>
      <c r="F2885" s="9" t="s">
        <v>98</v>
      </c>
      <c r="G2885" s="12">
        <v>2883</v>
      </c>
      <c r="H2885" s="12">
        <f t="shared" si="90"/>
        <v>11</v>
      </c>
      <c r="I2885" s="12">
        <f t="shared" si="91"/>
        <v>11</v>
      </c>
    </row>
    <row r="2886" spans="1:9" ht="27.75" customHeight="1" x14ac:dyDescent="0.4">
      <c r="A2886" s="9" t="s">
        <v>3503</v>
      </c>
      <c r="B2886" s="9" t="s">
        <v>5657</v>
      </c>
      <c r="C2886" s="9" t="s">
        <v>5658</v>
      </c>
      <c r="D2886" s="18">
        <v>1443040318</v>
      </c>
      <c r="E2886" s="11">
        <v>47573</v>
      </c>
      <c r="F2886" s="9" t="s">
        <v>98</v>
      </c>
      <c r="G2886" s="5">
        <v>2884</v>
      </c>
      <c r="H2886" s="12">
        <f t="shared" si="90"/>
        <v>10</v>
      </c>
      <c r="I2886" s="12">
        <f t="shared" si="91"/>
        <v>14</v>
      </c>
    </row>
    <row r="2887" spans="1:9" ht="27.75" customHeight="1" x14ac:dyDescent="0.4">
      <c r="A2887" s="13" t="s">
        <v>3503</v>
      </c>
      <c r="B2887" s="9" t="s">
        <v>5659</v>
      </c>
      <c r="C2887" s="9" t="s">
        <v>5660</v>
      </c>
      <c r="D2887" s="18">
        <v>1443040391</v>
      </c>
      <c r="E2887" s="11">
        <v>47756</v>
      </c>
      <c r="F2887" s="9" t="s">
        <v>98</v>
      </c>
      <c r="G2887" s="12">
        <v>2885</v>
      </c>
      <c r="H2887" s="12">
        <f t="shared" si="90"/>
        <v>11</v>
      </c>
      <c r="I2887" s="12">
        <f t="shared" si="91"/>
        <v>10</v>
      </c>
    </row>
    <row r="2888" spans="1:9" ht="27.75" customHeight="1" x14ac:dyDescent="0.4">
      <c r="A2888" s="9" t="s">
        <v>3503</v>
      </c>
      <c r="B2888" s="9" t="s">
        <v>5661</v>
      </c>
      <c r="C2888" s="9" t="s">
        <v>5662</v>
      </c>
      <c r="D2888" s="18">
        <v>1443040581</v>
      </c>
      <c r="E2888" s="11">
        <v>46752</v>
      </c>
      <c r="F2888" s="9" t="s">
        <v>98</v>
      </c>
      <c r="G2888" s="5">
        <v>2886</v>
      </c>
      <c r="H2888" s="12">
        <f t="shared" si="90"/>
        <v>11</v>
      </c>
      <c r="I2888" s="12">
        <f t="shared" si="91"/>
        <v>10</v>
      </c>
    </row>
    <row r="2889" spans="1:9" ht="27.75" customHeight="1" x14ac:dyDescent="0.4">
      <c r="A2889" s="9" t="s">
        <v>3503</v>
      </c>
      <c r="B2889" s="9" t="s">
        <v>5663</v>
      </c>
      <c r="C2889" s="9" t="s">
        <v>5664</v>
      </c>
      <c r="D2889" s="18">
        <v>1443040573</v>
      </c>
      <c r="E2889" s="11">
        <v>46630</v>
      </c>
      <c r="F2889" s="9" t="s">
        <v>98</v>
      </c>
      <c r="G2889" s="12">
        <v>2887</v>
      </c>
      <c r="H2889" s="12">
        <f t="shared" si="90"/>
        <v>12</v>
      </c>
      <c r="I2889" s="12">
        <f t="shared" si="91"/>
        <v>9</v>
      </c>
    </row>
    <row r="2890" spans="1:9" ht="27.75" customHeight="1" x14ac:dyDescent="0.4">
      <c r="A2890" s="9" t="s">
        <v>3503</v>
      </c>
      <c r="B2890" s="9" t="s">
        <v>5665</v>
      </c>
      <c r="C2890" s="9" t="s">
        <v>5666</v>
      </c>
      <c r="D2890" s="18">
        <v>1443082187</v>
      </c>
      <c r="E2890" s="11">
        <v>46387</v>
      </c>
      <c r="F2890" s="9" t="s">
        <v>98</v>
      </c>
      <c r="G2890" s="5">
        <v>2888</v>
      </c>
      <c r="H2890" s="12">
        <f t="shared" si="90"/>
        <v>14</v>
      </c>
      <c r="I2890" s="12">
        <f t="shared" si="91"/>
        <v>10</v>
      </c>
    </row>
    <row r="2891" spans="1:9" ht="27.75" customHeight="1" x14ac:dyDescent="0.4">
      <c r="A2891" s="9" t="s">
        <v>3503</v>
      </c>
      <c r="B2891" s="9" t="s">
        <v>5667</v>
      </c>
      <c r="C2891" s="9" t="s">
        <v>5668</v>
      </c>
      <c r="D2891" s="18">
        <v>1443082203</v>
      </c>
      <c r="E2891" s="11">
        <v>46387</v>
      </c>
      <c r="F2891" s="9" t="s">
        <v>98</v>
      </c>
      <c r="G2891" s="12">
        <v>2889</v>
      </c>
      <c r="H2891" s="12">
        <f t="shared" si="90"/>
        <v>14</v>
      </c>
      <c r="I2891" s="12">
        <f t="shared" si="91"/>
        <v>12</v>
      </c>
    </row>
    <row r="2892" spans="1:9" ht="27.75" customHeight="1" x14ac:dyDescent="0.4">
      <c r="A2892" s="9" t="s">
        <v>3503</v>
      </c>
      <c r="B2892" s="9" t="s">
        <v>5669</v>
      </c>
      <c r="C2892" s="9" t="s">
        <v>5670</v>
      </c>
      <c r="D2892" s="18">
        <v>1443040482</v>
      </c>
      <c r="E2892" s="11">
        <v>48304</v>
      </c>
      <c r="F2892" s="9" t="s">
        <v>98</v>
      </c>
      <c r="G2892" s="5">
        <v>2890</v>
      </c>
      <c r="H2892" s="12">
        <f t="shared" si="90"/>
        <v>12</v>
      </c>
      <c r="I2892" s="12">
        <f t="shared" si="91"/>
        <v>7</v>
      </c>
    </row>
    <row r="2893" spans="1:9" ht="27.75" customHeight="1" x14ac:dyDescent="0.4">
      <c r="A2893" s="9" t="s">
        <v>3503</v>
      </c>
      <c r="B2893" s="9" t="s">
        <v>5671</v>
      </c>
      <c r="C2893" s="9" t="s">
        <v>5672</v>
      </c>
      <c r="D2893" s="18">
        <v>1443081866</v>
      </c>
      <c r="E2893" s="11">
        <v>46387</v>
      </c>
      <c r="F2893" s="9" t="s">
        <v>98</v>
      </c>
      <c r="G2893" s="12">
        <v>2891</v>
      </c>
      <c r="H2893" s="12">
        <f t="shared" si="90"/>
        <v>11</v>
      </c>
      <c r="I2893" s="12">
        <f t="shared" si="91"/>
        <v>9</v>
      </c>
    </row>
    <row r="2894" spans="1:9" ht="27.75" customHeight="1" x14ac:dyDescent="0.4">
      <c r="A2894" s="16" t="s">
        <v>3503</v>
      </c>
      <c r="B2894" s="15" t="s">
        <v>5673</v>
      </c>
      <c r="C2894" s="16" t="s">
        <v>5674</v>
      </c>
      <c r="D2894" s="10">
        <v>1443001286</v>
      </c>
      <c r="E2894" s="11">
        <v>46387</v>
      </c>
      <c r="F2894" s="9" t="s">
        <v>98</v>
      </c>
      <c r="G2894" s="5">
        <v>2892</v>
      </c>
      <c r="H2894" s="12">
        <f t="shared" si="90"/>
        <v>14</v>
      </c>
      <c r="I2894" s="12">
        <f t="shared" si="91"/>
        <v>7</v>
      </c>
    </row>
    <row r="2895" spans="1:9" ht="27.75" customHeight="1" x14ac:dyDescent="0.4">
      <c r="A2895" s="15" t="s">
        <v>3503</v>
      </c>
      <c r="B2895" s="16" t="s">
        <v>5675</v>
      </c>
      <c r="C2895" s="16" t="s">
        <v>5676</v>
      </c>
      <c r="D2895" s="10">
        <v>1443040136</v>
      </c>
      <c r="E2895" s="11">
        <v>46599</v>
      </c>
      <c r="F2895" s="9" t="s">
        <v>98</v>
      </c>
      <c r="G2895" s="12">
        <v>2893</v>
      </c>
      <c r="H2895" s="12">
        <f t="shared" si="90"/>
        <v>26</v>
      </c>
      <c r="I2895" s="12">
        <f t="shared" si="91"/>
        <v>12</v>
      </c>
    </row>
    <row r="2896" spans="1:9" ht="27.75" customHeight="1" x14ac:dyDescent="0.4">
      <c r="A2896" s="16" t="s">
        <v>3503</v>
      </c>
      <c r="B2896" s="15" t="s">
        <v>5677</v>
      </c>
      <c r="C2896" s="16" t="s">
        <v>5678</v>
      </c>
      <c r="D2896" s="10">
        <v>1443081643</v>
      </c>
      <c r="E2896" s="11">
        <v>46387</v>
      </c>
      <c r="F2896" s="9" t="s">
        <v>98</v>
      </c>
      <c r="G2896" s="5">
        <v>2894</v>
      </c>
      <c r="H2896" s="12">
        <f t="shared" si="90"/>
        <v>13</v>
      </c>
      <c r="I2896" s="12">
        <f t="shared" si="91"/>
        <v>7</v>
      </c>
    </row>
    <row r="2897" spans="1:9" ht="27.75" customHeight="1" x14ac:dyDescent="0.4">
      <c r="A2897" s="9" t="s">
        <v>3503</v>
      </c>
      <c r="B2897" s="14" t="s">
        <v>5679</v>
      </c>
      <c r="C2897" s="9" t="s">
        <v>5680</v>
      </c>
      <c r="D2897" s="18">
        <v>1443082401</v>
      </c>
      <c r="E2897" s="11">
        <v>46387</v>
      </c>
      <c r="F2897" s="9" t="s">
        <v>98</v>
      </c>
      <c r="G2897" s="12">
        <v>2895</v>
      </c>
      <c r="H2897" s="12">
        <f t="shared" si="90"/>
        <v>12</v>
      </c>
      <c r="I2897" s="12">
        <f t="shared" si="91"/>
        <v>6</v>
      </c>
    </row>
    <row r="2898" spans="1:9" ht="27.75" customHeight="1" x14ac:dyDescent="0.4">
      <c r="A2898" s="9" t="s">
        <v>3503</v>
      </c>
      <c r="B2898" s="9" t="s">
        <v>5681</v>
      </c>
      <c r="C2898" s="9" t="s">
        <v>5682</v>
      </c>
      <c r="D2898" s="18">
        <v>1443040623</v>
      </c>
      <c r="E2898" s="11">
        <v>46934</v>
      </c>
      <c r="F2898" s="9" t="s">
        <v>98</v>
      </c>
      <c r="G2898" s="5">
        <v>2896</v>
      </c>
      <c r="H2898" s="12">
        <f t="shared" si="90"/>
        <v>11</v>
      </c>
      <c r="I2898" s="12">
        <f t="shared" si="91"/>
        <v>8</v>
      </c>
    </row>
    <row r="2899" spans="1:9" ht="27.75" customHeight="1" x14ac:dyDescent="0.4">
      <c r="A2899" s="13" t="s">
        <v>3503</v>
      </c>
      <c r="B2899" s="13" t="s">
        <v>5683</v>
      </c>
      <c r="C2899" s="13" t="s">
        <v>5684</v>
      </c>
      <c r="D2899" s="26">
        <v>1443001302</v>
      </c>
      <c r="E2899" s="11">
        <v>46387</v>
      </c>
      <c r="F2899" s="9" t="s">
        <v>98</v>
      </c>
      <c r="G2899" s="12">
        <v>2897</v>
      </c>
      <c r="H2899" s="12">
        <f t="shared" si="90"/>
        <v>20</v>
      </c>
      <c r="I2899" s="12">
        <f t="shared" si="91"/>
        <v>5</v>
      </c>
    </row>
    <row r="2900" spans="1:9" ht="27.75" customHeight="1" x14ac:dyDescent="0.4">
      <c r="A2900" s="9" t="s">
        <v>3503</v>
      </c>
      <c r="B2900" s="9" t="s">
        <v>5685</v>
      </c>
      <c r="C2900" s="9" t="s">
        <v>5686</v>
      </c>
      <c r="D2900" s="18">
        <v>1443001070</v>
      </c>
      <c r="E2900" s="11">
        <v>46387</v>
      </c>
      <c r="F2900" s="9" t="s">
        <v>98</v>
      </c>
      <c r="G2900" s="5">
        <v>2898</v>
      </c>
      <c r="H2900" s="12">
        <f t="shared" si="90"/>
        <v>15</v>
      </c>
      <c r="I2900" s="12">
        <f t="shared" si="91"/>
        <v>13</v>
      </c>
    </row>
    <row r="2901" spans="1:9" ht="27.75" customHeight="1" x14ac:dyDescent="0.4">
      <c r="A2901" s="9" t="s">
        <v>3503</v>
      </c>
      <c r="B2901" s="9" t="s">
        <v>5687</v>
      </c>
      <c r="C2901" s="9" t="s">
        <v>5688</v>
      </c>
      <c r="D2901" s="18">
        <v>1443040292</v>
      </c>
      <c r="E2901" s="11">
        <v>47514</v>
      </c>
      <c r="F2901" s="9" t="s">
        <v>98</v>
      </c>
      <c r="G2901" s="12">
        <v>2899</v>
      </c>
      <c r="H2901" s="12">
        <f t="shared" si="90"/>
        <v>14</v>
      </c>
      <c r="I2901" s="12">
        <f t="shared" si="91"/>
        <v>10</v>
      </c>
    </row>
    <row r="2902" spans="1:9" ht="27.75" customHeight="1" x14ac:dyDescent="0.4">
      <c r="A2902" s="9" t="s">
        <v>3503</v>
      </c>
      <c r="B2902" s="9" t="s">
        <v>5689</v>
      </c>
      <c r="C2902" s="9" t="s">
        <v>5690</v>
      </c>
      <c r="D2902" s="18">
        <v>1443040789</v>
      </c>
      <c r="E2902" s="11">
        <v>47907</v>
      </c>
      <c r="F2902" s="9" t="s">
        <v>98</v>
      </c>
      <c r="G2902" s="5">
        <v>2900</v>
      </c>
      <c r="H2902" s="12">
        <f t="shared" si="90"/>
        <v>13</v>
      </c>
      <c r="I2902" s="12">
        <f t="shared" si="91"/>
        <v>11</v>
      </c>
    </row>
    <row r="2903" spans="1:9" ht="27.75" customHeight="1" x14ac:dyDescent="0.4">
      <c r="A2903" s="9" t="s">
        <v>3503</v>
      </c>
      <c r="B2903" s="9" t="s">
        <v>5691</v>
      </c>
      <c r="C2903" s="9" t="s">
        <v>5692</v>
      </c>
      <c r="D2903" s="18">
        <v>1443000866</v>
      </c>
      <c r="E2903" s="11">
        <v>46387</v>
      </c>
      <c r="F2903" s="9" t="s">
        <v>98</v>
      </c>
      <c r="G2903" s="12">
        <v>2901</v>
      </c>
      <c r="H2903" s="12">
        <f t="shared" si="90"/>
        <v>11</v>
      </c>
      <c r="I2903" s="12">
        <f t="shared" si="91"/>
        <v>9</v>
      </c>
    </row>
    <row r="2904" spans="1:9" ht="27.75" customHeight="1" x14ac:dyDescent="0.4">
      <c r="A2904" s="9" t="s">
        <v>3503</v>
      </c>
      <c r="B2904" s="9" t="s">
        <v>5693</v>
      </c>
      <c r="C2904" s="9" t="s">
        <v>5694</v>
      </c>
      <c r="D2904" s="18">
        <v>1443081346</v>
      </c>
      <c r="E2904" s="11">
        <v>46387</v>
      </c>
      <c r="F2904" s="9" t="s">
        <v>98</v>
      </c>
      <c r="G2904" s="5">
        <v>2902</v>
      </c>
      <c r="H2904" s="12">
        <f t="shared" si="90"/>
        <v>13</v>
      </c>
      <c r="I2904" s="12">
        <f t="shared" si="91"/>
        <v>6</v>
      </c>
    </row>
    <row r="2905" spans="1:9" ht="27.75" customHeight="1" x14ac:dyDescent="0.4">
      <c r="A2905" s="9" t="s">
        <v>3503</v>
      </c>
      <c r="B2905" s="9" t="s">
        <v>5695</v>
      </c>
      <c r="C2905" s="9" t="s">
        <v>5696</v>
      </c>
      <c r="D2905" s="18">
        <v>1443040631</v>
      </c>
      <c r="E2905" s="11">
        <v>46996</v>
      </c>
      <c r="F2905" s="9" t="s">
        <v>98</v>
      </c>
      <c r="G2905" s="12">
        <v>2903</v>
      </c>
      <c r="H2905" s="12">
        <f t="shared" si="90"/>
        <v>11</v>
      </c>
      <c r="I2905" s="12">
        <f t="shared" si="91"/>
        <v>13</v>
      </c>
    </row>
    <row r="2906" spans="1:9" ht="27.75" customHeight="1" x14ac:dyDescent="0.4">
      <c r="A2906" s="9" t="s">
        <v>3503</v>
      </c>
      <c r="B2906" s="9" t="s">
        <v>5697</v>
      </c>
      <c r="C2906" s="9" t="s">
        <v>5698</v>
      </c>
      <c r="D2906" s="18">
        <v>1443040102</v>
      </c>
      <c r="E2906" s="11">
        <v>46507</v>
      </c>
      <c r="F2906" s="9" t="s">
        <v>98</v>
      </c>
      <c r="G2906" s="5">
        <v>2904</v>
      </c>
      <c r="H2906" s="12">
        <f t="shared" si="90"/>
        <v>21</v>
      </c>
      <c r="I2906" s="12">
        <f t="shared" si="91"/>
        <v>17</v>
      </c>
    </row>
    <row r="2907" spans="1:9" ht="27.75" customHeight="1" x14ac:dyDescent="0.4">
      <c r="A2907" s="9" t="s">
        <v>3503</v>
      </c>
      <c r="B2907" s="9" t="s">
        <v>4928</v>
      </c>
      <c r="C2907" s="9" t="s">
        <v>5699</v>
      </c>
      <c r="D2907" s="18">
        <v>1443082195</v>
      </c>
      <c r="E2907" s="11">
        <v>46387</v>
      </c>
      <c r="F2907" s="9" t="s">
        <v>98</v>
      </c>
      <c r="G2907" s="12">
        <v>2905</v>
      </c>
      <c r="H2907" s="12">
        <f t="shared" si="90"/>
        <v>24</v>
      </c>
      <c r="I2907" s="12">
        <f t="shared" si="91"/>
        <v>6</v>
      </c>
    </row>
    <row r="2908" spans="1:9" ht="27.75" customHeight="1" x14ac:dyDescent="0.4">
      <c r="A2908" s="9" t="s">
        <v>3503</v>
      </c>
      <c r="B2908" s="9" t="s">
        <v>5700</v>
      </c>
      <c r="C2908" s="9" t="s">
        <v>5701</v>
      </c>
      <c r="D2908" s="18">
        <v>1443040714</v>
      </c>
      <c r="E2908" s="11">
        <v>47603</v>
      </c>
      <c r="F2908" s="9" t="s">
        <v>98</v>
      </c>
      <c r="G2908" s="5">
        <v>2906</v>
      </c>
      <c r="H2908" s="12">
        <f t="shared" si="90"/>
        <v>12</v>
      </c>
      <c r="I2908" s="12">
        <f t="shared" si="91"/>
        <v>10</v>
      </c>
    </row>
    <row r="2909" spans="1:9" ht="27.75" customHeight="1" x14ac:dyDescent="0.4">
      <c r="A2909" s="9" t="s">
        <v>3503</v>
      </c>
      <c r="B2909" s="9" t="s">
        <v>5702</v>
      </c>
      <c r="C2909" s="9" t="s">
        <v>5703</v>
      </c>
      <c r="D2909" s="18">
        <v>1443040029</v>
      </c>
      <c r="E2909" s="11">
        <v>46387</v>
      </c>
      <c r="F2909" s="9" t="s">
        <v>98</v>
      </c>
      <c r="G2909" s="12">
        <v>2907</v>
      </c>
      <c r="H2909" s="12">
        <f t="shared" si="90"/>
        <v>11</v>
      </c>
      <c r="I2909" s="12">
        <f t="shared" si="91"/>
        <v>11</v>
      </c>
    </row>
    <row r="2910" spans="1:9" ht="27.75" customHeight="1" x14ac:dyDescent="0.4">
      <c r="A2910" s="9" t="s">
        <v>3503</v>
      </c>
      <c r="B2910" s="9" t="s">
        <v>5704</v>
      </c>
      <c r="C2910" s="9" t="s">
        <v>5705</v>
      </c>
      <c r="D2910" s="18">
        <v>1443040805</v>
      </c>
      <c r="E2910" s="11">
        <v>47907</v>
      </c>
      <c r="F2910" s="9" t="s">
        <v>98</v>
      </c>
      <c r="G2910" s="5">
        <v>2908</v>
      </c>
      <c r="H2910" s="12">
        <f t="shared" si="90"/>
        <v>14</v>
      </c>
      <c r="I2910" s="12">
        <f t="shared" si="91"/>
        <v>8</v>
      </c>
    </row>
    <row r="2911" spans="1:9" ht="27.75" customHeight="1" x14ac:dyDescent="0.4">
      <c r="A2911" s="9" t="s">
        <v>3503</v>
      </c>
      <c r="B2911" s="9" t="s">
        <v>5706</v>
      </c>
      <c r="C2911" s="9" t="s">
        <v>5707</v>
      </c>
      <c r="D2911" s="18">
        <v>1443040078</v>
      </c>
      <c r="E2911" s="11">
        <v>46387</v>
      </c>
      <c r="F2911" s="9" t="s">
        <v>98</v>
      </c>
      <c r="G2911" s="12">
        <v>2909</v>
      </c>
      <c r="H2911" s="12">
        <f t="shared" si="90"/>
        <v>19</v>
      </c>
      <c r="I2911" s="12">
        <f t="shared" si="91"/>
        <v>6</v>
      </c>
    </row>
    <row r="2912" spans="1:9" ht="27.75" customHeight="1" x14ac:dyDescent="0.4">
      <c r="A2912" s="9" t="s">
        <v>3503</v>
      </c>
      <c r="B2912" s="9" t="s">
        <v>5708</v>
      </c>
      <c r="C2912" s="9" t="s">
        <v>5709</v>
      </c>
      <c r="D2912" s="18">
        <v>1443082229</v>
      </c>
      <c r="E2912" s="11">
        <v>46387</v>
      </c>
      <c r="F2912" s="9" t="s">
        <v>98</v>
      </c>
      <c r="G2912" s="5">
        <v>2910</v>
      </c>
      <c r="H2912" s="12">
        <f t="shared" si="90"/>
        <v>23</v>
      </c>
      <c r="I2912" s="12">
        <f t="shared" si="91"/>
        <v>10</v>
      </c>
    </row>
    <row r="2913" spans="1:9" ht="27.75" customHeight="1" x14ac:dyDescent="0.4">
      <c r="A2913" s="9" t="s">
        <v>3503</v>
      </c>
      <c r="B2913" s="9" t="s">
        <v>5710</v>
      </c>
      <c r="C2913" s="9" t="s">
        <v>5711</v>
      </c>
      <c r="D2913" s="18">
        <v>1443040193</v>
      </c>
      <c r="E2913" s="11">
        <v>47968</v>
      </c>
      <c r="F2913" s="9" t="s">
        <v>98</v>
      </c>
      <c r="G2913" s="12">
        <v>2911</v>
      </c>
      <c r="H2913" s="12">
        <f t="shared" si="90"/>
        <v>12</v>
      </c>
      <c r="I2913" s="12">
        <f t="shared" si="91"/>
        <v>8</v>
      </c>
    </row>
    <row r="2914" spans="1:9" ht="27.75" customHeight="1" x14ac:dyDescent="0.4">
      <c r="A2914" s="9" t="s">
        <v>3503</v>
      </c>
      <c r="B2914" s="9" t="s">
        <v>5712</v>
      </c>
      <c r="C2914" s="9" t="s">
        <v>5713</v>
      </c>
      <c r="D2914" s="18">
        <v>1443040532</v>
      </c>
      <c r="E2914" s="11">
        <v>48487</v>
      </c>
      <c r="F2914" s="9" t="s">
        <v>98</v>
      </c>
      <c r="G2914" s="5">
        <v>2912</v>
      </c>
      <c r="H2914" s="12">
        <f t="shared" si="90"/>
        <v>12</v>
      </c>
      <c r="I2914" s="12">
        <f t="shared" si="91"/>
        <v>9</v>
      </c>
    </row>
    <row r="2915" spans="1:9" ht="27.75" customHeight="1" x14ac:dyDescent="0.4">
      <c r="A2915" s="9" t="s">
        <v>3503</v>
      </c>
      <c r="B2915" s="9" t="s">
        <v>5714</v>
      </c>
      <c r="C2915" s="9" t="s">
        <v>5715</v>
      </c>
      <c r="D2915" s="18">
        <v>1443082427</v>
      </c>
      <c r="E2915" s="11">
        <v>46387</v>
      </c>
      <c r="F2915" s="9" t="s">
        <v>98</v>
      </c>
      <c r="G2915" s="12">
        <v>2913</v>
      </c>
      <c r="H2915" s="12">
        <f t="shared" si="90"/>
        <v>13</v>
      </c>
      <c r="I2915" s="12">
        <f t="shared" si="91"/>
        <v>11</v>
      </c>
    </row>
    <row r="2916" spans="1:9" ht="27.75" customHeight="1" x14ac:dyDescent="0.4">
      <c r="A2916" s="9" t="s">
        <v>3503</v>
      </c>
      <c r="B2916" s="9" t="s">
        <v>5716</v>
      </c>
      <c r="C2916" s="9" t="s">
        <v>5717</v>
      </c>
      <c r="D2916" s="18">
        <v>1443040359</v>
      </c>
      <c r="E2916" s="11">
        <v>47573</v>
      </c>
      <c r="F2916" s="9" t="s">
        <v>98</v>
      </c>
      <c r="G2916" s="5">
        <v>2914</v>
      </c>
      <c r="H2916" s="12">
        <f t="shared" si="90"/>
        <v>29</v>
      </c>
      <c r="I2916" s="12">
        <f t="shared" si="91"/>
        <v>8</v>
      </c>
    </row>
    <row r="2917" spans="1:9" ht="27.75" customHeight="1" x14ac:dyDescent="0.4">
      <c r="A2917" s="9" t="s">
        <v>3503</v>
      </c>
      <c r="B2917" s="9" t="s">
        <v>5718</v>
      </c>
      <c r="C2917" s="9" t="s">
        <v>5719</v>
      </c>
      <c r="D2917" s="18">
        <v>1443040730</v>
      </c>
      <c r="E2917" s="11">
        <v>47634</v>
      </c>
      <c r="F2917" s="9" t="s">
        <v>98</v>
      </c>
      <c r="G2917" s="12">
        <v>2915</v>
      </c>
      <c r="H2917" s="12">
        <f t="shared" si="90"/>
        <v>18</v>
      </c>
      <c r="I2917" s="12">
        <f t="shared" si="91"/>
        <v>10</v>
      </c>
    </row>
    <row r="2918" spans="1:9" ht="27.75" customHeight="1" x14ac:dyDescent="0.4">
      <c r="A2918" s="9" t="s">
        <v>3503</v>
      </c>
      <c r="B2918" s="9" t="s">
        <v>5720</v>
      </c>
      <c r="C2918" s="9" t="s">
        <v>5721</v>
      </c>
      <c r="D2918" s="18">
        <v>1443081940</v>
      </c>
      <c r="E2918" s="11">
        <v>46387</v>
      </c>
      <c r="F2918" s="9" t="s">
        <v>98</v>
      </c>
      <c r="G2918" s="5">
        <v>2916</v>
      </c>
      <c r="H2918" s="12">
        <f t="shared" si="90"/>
        <v>18</v>
      </c>
      <c r="I2918" s="12">
        <f t="shared" si="91"/>
        <v>9</v>
      </c>
    </row>
    <row r="2919" spans="1:9" ht="27.75" customHeight="1" x14ac:dyDescent="0.4">
      <c r="A2919" s="9" t="s">
        <v>3503</v>
      </c>
      <c r="B2919" s="9" t="s">
        <v>5722</v>
      </c>
      <c r="C2919" s="9" t="s">
        <v>5723</v>
      </c>
      <c r="D2919" s="18">
        <v>1443040300</v>
      </c>
      <c r="E2919" s="11">
        <v>47299</v>
      </c>
      <c r="F2919" s="9" t="s">
        <v>98</v>
      </c>
      <c r="G2919" s="12">
        <v>2917</v>
      </c>
      <c r="H2919" s="12">
        <f t="shared" si="90"/>
        <v>12</v>
      </c>
      <c r="I2919" s="12">
        <f t="shared" si="91"/>
        <v>15</v>
      </c>
    </row>
    <row r="2920" spans="1:9" ht="27.75" customHeight="1" x14ac:dyDescent="0.4">
      <c r="A2920" s="9" t="s">
        <v>3503</v>
      </c>
      <c r="B2920" s="9" t="s">
        <v>5724</v>
      </c>
      <c r="C2920" s="9" t="s">
        <v>5725</v>
      </c>
      <c r="D2920" s="18">
        <v>1443040656</v>
      </c>
      <c r="E2920" s="11">
        <v>47238</v>
      </c>
      <c r="F2920" s="9" t="s">
        <v>98</v>
      </c>
      <c r="G2920" s="5">
        <v>2918</v>
      </c>
      <c r="H2920" s="12">
        <f t="shared" si="90"/>
        <v>22</v>
      </c>
      <c r="I2920" s="12">
        <f t="shared" si="91"/>
        <v>12</v>
      </c>
    </row>
    <row r="2921" spans="1:9" ht="27.75" customHeight="1" x14ac:dyDescent="0.4">
      <c r="A2921" s="9" t="s">
        <v>3503</v>
      </c>
      <c r="B2921" s="9" t="s">
        <v>5726</v>
      </c>
      <c r="C2921" s="9" t="s">
        <v>5727</v>
      </c>
      <c r="D2921" s="18">
        <v>1443081486</v>
      </c>
      <c r="E2921" s="11">
        <v>46387</v>
      </c>
      <c r="F2921" s="9" t="s">
        <v>98</v>
      </c>
      <c r="G2921" s="12">
        <v>2919</v>
      </c>
      <c r="H2921" s="12">
        <f t="shared" si="90"/>
        <v>10</v>
      </c>
      <c r="I2921" s="12">
        <f t="shared" si="91"/>
        <v>7</v>
      </c>
    </row>
    <row r="2922" spans="1:9" ht="27.75" customHeight="1" x14ac:dyDescent="0.4">
      <c r="A2922" s="9" t="s">
        <v>3503</v>
      </c>
      <c r="B2922" s="9" t="s">
        <v>3561</v>
      </c>
      <c r="C2922" s="9" t="s">
        <v>5728</v>
      </c>
      <c r="D2922" s="18">
        <v>1443081445</v>
      </c>
      <c r="E2922" s="11">
        <v>46387</v>
      </c>
      <c r="F2922" s="9" t="s">
        <v>98</v>
      </c>
      <c r="G2922" s="5">
        <v>2920</v>
      </c>
      <c r="H2922" s="12">
        <f t="shared" si="90"/>
        <v>11</v>
      </c>
      <c r="I2922" s="12">
        <f t="shared" si="91"/>
        <v>5</v>
      </c>
    </row>
    <row r="2923" spans="1:9" ht="27.75" customHeight="1" x14ac:dyDescent="0.4">
      <c r="A2923" s="9" t="s">
        <v>3503</v>
      </c>
      <c r="B2923" s="9" t="s">
        <v>4216</v>
      </c>
      <c r="C2923" s="9" t="s">
        <v>5729</v>
      </c>
      <c r="D2923" s="18">
        <v>1443040268</v>
      </c>
      <c r="E2923" s="11">
        <v>47177</v>
      </c>
      <c r="F2923" s="9" t="s">
        <v>98</v>
      </c>
      <c r="G2923" s="12">
        <v>2921</v>
      </c>
      <c r="H2923" s="12">
        <f t="shared" si="90"/>
        <v>14</v>
      </c>
      <c r="I2923" s="12">
        <f t="shared" si="91"/>
        <v>5</v>
      </c>
    </row>
    <row r="2924" spans="1:9" ht="27.75" customHeight="1" x14ac:dyDescent="0.4">
      <c r="A2924" s="9" t="s">
        <v>3503</v>
      </c>
      <c r="B2924" s="9" t="s">
        <v>5730</v>
      </c>
      <c r="C2924" s="9" t="s">
        <v>5731</v>
      </c>
      <c r="D2924" s="18">
        <v>1443040706</v>
      </c>
      <c r="E2924" s="11">
        <v>47634</v>
      </c>
      <c r="F2924" s="9" t="s">
        <v>98</v>
      </c>
      <c r="G2924" s="5">
        <v>2922</v>
      </c>
      <c r="H2924" s="12">
        <f t="shared" si="90"/>
        <v>12</v>
      </c>
      <c r="I2924" s="12">
        <f t="shared" si="91"/>
        <v>10</v>
      </c>
    </row>
    <row r="2925" spans="1:9" ht="27.75" customHeight="1" x14ac:dyDescent="0.4">
      <c r="A2925" s="9" t="s">
        <v>3503</v>
      </c>
      <c r="B2925" s="9" t="s">
        <v>5732</v>
      </c>
      <c r="C2925" s="9" t="s">
        <v>5733</v>
      </c>
      <c r="D2925" s="18">
        <v>1443082344</v>
      </c>
      <c r="E2925" s="11">
        <v>46387</v>
      </c>
      <c r="F2925" s="9" t="s">
        <v>98</v>
      </c>
      <c r="G2925" s="12">
        <v>2923</v>
      </c>
      <c r="H2925" s="12">
        <f t="shared" si="90"/>
        <v>13</v>
      </c>
      <c r="I2925" s="12">
        <f t="shared" si="91"/>
        <v>6</v>
      </c>
    </row>
    <row r="2926" spans="1:9" ht="27.75" customHeight="1" x14ac:dyDescent="0.4">
      <c r="A2926" s="9" t="s">
        <v>3503</v>
      </c>
      <c r="B2926" s="9" t="s">
        <v>5734</v>
      </c>
      <c r="C2926" s="9" t="s">
        <v>5735</v>
      </c>
      <c r="D2926" s="18">
        <v>1443040862</v>
      </c>
      <c r="E2926" s="11">
        <v>48334</v>
      </c>
      <c r="F2926" s="9" t="s">
        <v>98</v>
      </c>
      <c r="G2926" s="5">
        <v>2924</v>
      </c>
      <c r="H2926" s="12">
        <f t="shared" si="90"/>
        <v>13</v>
      </c>
      <c r="I2926" s="12">
        <f t="shared" si="91"/>
        <v>18</v>
      </c>
    </row>
    <row r="2927" spans="1:9" ht="27.75" customHeight="1" x14ac:dyDescent="0.4">
      <c r="A2927" s="9" t="s">
        <v>3503</v>
      </c>
      <c r="B2927" s="9" t="s">
        <v>5736</v>
      </c>
      <c r="C2927" s="9" t="s">
        <v>5737</v>
      </c>
      <c r="D2927" s="18">
        <v>1443081908</v>
      </c>
      <c r="E2927" s="11">
        <v>46387</v>
      </c>
      <c r="F2927" s="9" t="s">
        <v>98</v>
      </c>
      <c r="G2927" s="12">
        <v>2925</v>
      </c>
      <c r="H2927" s="12">
        <f t="shared" si="90"/>
        <v>27</v>
      </c>
      <c r="I2927" s="12">
        <f t="shared" si="91"/>
        <v>11</v>
      </c>
    </row>
    <row r="2928" spans="1:9" ht="27.75" customHeight="1" x14ac:dyDescent="0.4">
      <c r="A2928" s="9" t="s">
        <v>3503</v>
      </c>
      <c r="B2928" s="9" t="s">
        <v>5738</v>
      </c>
      <c r="C2928" s="9" t="s">
        <v>5739</v>
      </c>
      <c r="D2928" s="18">
        <v>1443082328</v>
      </c>
      <c r="E2928" s="11">
        <v>46387</v>
      </c>
      <c r="F2928" s="9" t="s">
        <v>98</v>
      </c>
      <c r="G2928" s="5">
        <v>2926</v>
      </c>
      <c r="H2928" s="12">
        <f t="shared" si="90"/>
        <v>23</v>
      </c>
      <c r="I2928" s="12">
        <f t="shared" si="91"/>
        <v>10</v>
      </c>
    </row>
    <row r="2929" spans="1:9" ht="27.75" customHeight="1" x14ac:dyDescent="0.4">
      <c r="A2929" s="9" t="s">
        <v>3503</v>
      </c>
      <c r="B2929" s="9" t="s">
        <v>5740</v>
      </c>
      <c r="C2929" s="9" t="s">
        <v>5741</v>
      </c>
      <c r="D2929" s="18">
        <v>1443081973</v>
      </c>
      <c r="E2929" s="11">
        <v>46387</v>
      </c>
      <c r="F2929" s="9" t="s">
        <v>98</v>
      </c>
      <c r="G2929" s="12">
        <v>2927</v>
      </c>
      <c r="H2929" s="12">
        <f t="shared" si="90"/>
        <v>14</v>
      </c>
      <c r="I2929" s="12">
        <f t="shared" si="91"/>
        <v>9</v>
      </c>
    </row>
    <row r="2930" spans="1:9" ht="27.75" customHeight="1" x14ac:dyDescent="0.4">
      <c r="A2930" s="9" t="s">
        <v>3503</v>
      </c>
      <c r="B2930" s="9" t="s">
        <v>5742</v>
      </c>
      <c r="C2930" s="9" t="s">
        <v>5743</v>
      </c>
      <c r="D2930" s="18">
        <v>1443082385</v>
      </c>
      <c r="E2930" s="11">
        <v>46387</v>
      </c>
      <c r="F2930" s="9" t="s">
        <v>98</v>
      </c>
      <c r="G2930" s="5">
        <v>2928</v>
      </c>
      <c r="H2930" s="12">
        <f t="shared" si="90"/>
        <v>26</v>
      </c>
      <c r="I2930" s="12">
        <f t="shared" si="91"/>
        <v>11</v>
      </c>
    </row>
    <row r="2931" spans="1:9" ht="27.75" customHeight="1" x14ac:dyDescent="0.4">
      <c r="A2931" s="9" t="s">
        <v>3503</v>
      </c>
      <c r="B2931" s="9" t="s">
        <v>5744</v>
      </c>
      <c r="C2931" s="9" t="s">
        <v>5745</v>
      </c>
      <c r="D2931" s="18">
        <v>1443040599</v>
      </c>
      <c r="E2931" s="11">
        <v>46752</v>
      </c>
      <c r="F2931" s="9" t="s">
        <v>98</v>
      </c>
      <c r="G2931" s="12">
        <v>2929</v>
      </c>
      <c r="H2931" s="12">
        <f t="shared" si="90"/>
        <v>12</v>
      </c>
      <c r="I2931" s="12">
        <f t="shared" si="91"/>
        <v>5</v>
      </c>
    </row>
    <row r="2932" spans="1:9" ht="27.75" customHeight="1" x14ac:dyDescent="0.4">
      <c r="A2932" s="9" t="s">
        <v>3503</v>
      </c>
      <c r="B2932" s="9" t="s">
        <v>5746</v>
      </c>
      <c r="C2932" s="9" t="s">
        <v>5747</v>
      </c>
      <c r="D2932" s="18">
        <v>1443081411</v>
      </c>
      <c r="E2932" s="11">
        <v>46387</v>
      </c>
      <c r="F2932" s="9" t="s">
        <v>98</v>
      </c>
      <c r="G2932" s="5">
        <v>2930</v>
      </c>
      <c r="H2932" s="12">
        <f t="shared" si="90"/>
        <v>21</v>
      </c>
      <c r="I2932" s="12">
        <f t="shared" si="91"/>
        <v>4</v>
      </c>
    </row>
    <row r="2933" spans="1:9" ht="27.75" customHeight="1" x14ac:dyDescent="0.4">
      <c r="A2933" s="9" t="s">
        <v>3503</v>
      </c>
      <c r="B2933" s="9" t="s">
        <v>5748</v>
      </c>
      <c r="C2933" s="9" t="s">
        <v>5749</v>
      </c>
      <c r="D2933" s="18">
        <v>1443040557</v>
      </c>
      <c r="E2933" s="11">
        <v>46295</v>
      </c>
      <c r="F2933" s="9" t="s">
        <v>98</v>
      </c>
      <c r="G2933" s="12">
        <v>2931</v>
      </c>
      <c r="H2933" s="12">
        <f t="shared" si="90"/>
        <v>24</v>
      </c>
      <c r="I2933" s="12">
        <f t="shared" si="91"/>
        <v>13</v>
      </c>
    </row>
    <row r="2934" spans="1:9" ht="27.75" customHeight="1" x14ac:dyDescent="0.4">
      <c r="A2934" s="9" t="s">
        <v>3503</v>
      </c>
      <c r="B2934" s="9" t="s">
        <v>4738</v>
      </c>
      <c r="C2934" s="9" t="s">
        <v>5750</v>
      </c>
      <c r="D2934" s="18">
        <v>1443082120</v>
      </c>
      <c r="E2934" s="11">
        <v>46387</v>
      </c>
      <c r="F2934" s="9" t="s">
        <v>98</v>
      </c>
      <c r="G2934" s="5">
        <v>2932</v>
      </c>
      <c r="H2934" s="12">
        <f t="shared" si="90"/>
        <v>22</v>
      </c>
      <c r="I2934" s="12">
        <f t="shared" si="91"/>
        <v>5</v>
      </c>
    </row>
    <row r="2935" spans="1:9" ht="27.75" customHeight="1" x14ac:dyDescent="0.4">
      <c r="A2935" s="9" t="s">
        <v>3503</v>
      </c>
      <c r="B2935" s="9" t="s">
        <v>4194</v>
      </c>
      <c r="C2935" s="9" t="s">
        <v>5751</v>
      </c>
      <c r="D2935" s="18">
        <v>1443082104</v>
      </c>
      <c r="E2935" s="11">
        <v>46965</v>
      </c>
      <c r="F2935" s="9" t="s">
        <v>98</v>
      </c>
      <c r="G2935" s="12">
        <v>2933</v>
      </c>
      <c r="H2935" s="12">
        <f t="shared" si="90"/>
        <v>14</v>
      </c>
      <c r="I2935" s="12">
        <f t="shared" si="91"/>
        <v>6</v>
      </c>
    </row>
    <row r="2936" spans="1:9" ht="27.75" customHeight="1" x14ac:dyDescent="0.4">
      <c r="A2936" s="9" t="s">
        <v>3503</v>
      </c>
      <c r="B2936" s="9" t="s">
        <v>5752</v>
      </c>
      <c r="C2936" s="9" t="s">
        <v>5753</v>
      </c>
      <c r="D2936" s="18">
        <v>1443082468</v>
      </c>
      <c r="E2936" s="11">
        <v>46387</v>
      </c>
      <c r="F2936" s="9" t="s">
        <v>98</v>
      </c>
      <c r="G2936" s="5">
        <v>2934</v>
      </c>
      <c r="H2936" s="12">
        <f t="shared" si="90"/>
        <v>28</v>
      </c>
      <c r="I2936" s="12">
        <f t="shared" si="91"/>
        <v>16</v>
      </c>
    </row>
    <row r="2937" spans="1:9" ht="27.75" customHeight="1" x14ac:dyDescent="0.4">
      <c r="A2937" s="9" t="s">
        <v>3503</v>
      </c>
      <c r="B2937" s="9" t="s">
        <v>5754</v>
      </c>
      <c r="C2937" s="9" t="s">
        <v>5755</v>
      </c>
      <c r="D2937" s="18">
        <v>1443040516</v>
      </c>
      <c r="E2937" s="11">
        <v>48395</v>
      </c>
      <c r="F2937" s="9" t="s">
        <v>98</v>
      </c>
      <c r="G2937" s="12">
        <v>2935</v>
      </c>
      <c r="H2937" s="12">
        <f t="shared" si="90"/>
        <v>14</v>
      </c>
      <c r="I2937" s="12">
        <f t="shared" si="91"/>
        <v>8</v>
      </c>
    </row>
    <row r="2938" spans="1:9" ht="27.75" customHeight="1" x14ac:dyDescent="0.4">
      <c r="A2938" s="9" t="s">
        <v>3503</v>
      </c>
      <c r="B2938" s="9" t="s">
        <v>5756</v>
      </c>
      <c r="C2938" s="9" t="s">
        <v>5757</v>
      </c>
      <c r="D2938" s="18">
        <v>1443040185</v>
      </c>
      <c r="E2938" s="11">
        <v>46387</v>
      </c>
      <c r="F2938" s="9" t="s">
        <v>98</v>
      </c>
      <c r="G2938" s="5">
        <v>2936</v>
      </c>
      <c r="H2938" s="12">
        <f t="shared" si="90"/>
        <v>26</v>
      </c>
      <c r="I2938" s="12">
        <f t="shared" si="91"/>
        <v>11</v>
      </c>
    </row>
    <row r="2939" spans="1:9" ht="27.75" customHeight="1" x14ac:dyDescent="0.4">
      <c r="A2939" s="9" t="s">
        <v>3503</v>
      </c>
      <c r="B2939" s="9" t="s">
        <v>5758</v>
      </c>
      <c r="C2939" s="9" t="s">
        <v>5759</v>
      </c>
      <c r="D2939" s="18">
        <v>1443040540</v>
      </c>
      <c r="E2939" s="11">
        <v>46326</v>
      </c>
      <c r="F2939" s="9" t="s">
        <v>98</v>
      </c>
      <c r="G2939" s="12">
        <v>2937</v>
      </c>
      <c r="H2939" s="12">
        <f t="shared" si="90"/>
        <v>14</v>
      </c>
      <c r="I2939" s="12">
        <f t="shared" si="91"/>
        <v>10</v>
      </c>
    </row>
    <row r="2940" spans="1:9" ht="27.75" customHeight="1" x14ac:dyDescent="0.4">
      <c r="A2940" s="9" t="s">
        <v>3503</v>
      </c>
      <c r="B2940" s="9" t="s">
        <v>5760</v>
      </c>
      <c r="C2940" s="9" t="s">
        <v>5761</v>
      </c>
      <c r="D2940" s="18">
        <v>1443040813</v>
      </c>
      <c r="E2940" s="11">
        <v>47968</v>
      </c>
      <c r="F2940" s="9" t="s">
        <v>98</v>
      </c>
      <c r="G2940" s="5">
        <v>2938</v>
      </c>
      <c r="H2940" s="12">
        <f t="shared" si="90"/>
        <v>26</v>
      </c>
      <c r="I2940" s="12">
        <f t="shared" si="91"/>
        <v>15</v>
      </c>
    </row>
    <row r="2941" spans="1:9" ht="27.75" customHeight="1" x14ac:dyDescent="0.4">
      <c r="A2941" s="9" t="s">
        <v>3503</v>
      </c>
      <c r="B2941" s="9" t="s">
        <v>5762</v>
      </c>
      <c r="C2941" s="9" t="s">
        <v>5763</v>
      </c>
      <c r="D2941" s="18">
        <v>1443000981</v>
      </c>
      <c r="E2941" s="11">
        <v>46387</v>
      </c>
      <c r="F2941" s="9" t="s">
        <v>98</v>
      </c>
      <c r="G2941" s="12">
        <v>2939</v>
      </c>
      <c r="H2941" s="12">
        <f t="shared" si="90"/>
        <v>22</v>
      </c>
      <c r="I2941" s="12">
        <f t="shared" si="91"/>
        <v>10</v>
      </c>
    </row>
    <row r="2942" spans="1:9" ht="27.75" customHeight="1" x14ac:dyDescent="0.4">
      <c r="A2942" s="9" t="s">
        <v>3503</v>
      </c>
      <c r="B2942" s="9" t="s">
        <v>5764</v>
      </c>
      <c r="C2942" s="9" t="s">
        <v>5765</v>
      </c>
      <c r="D2942" s="18">
        <v>1443040342</v>
      </c>
      <c r="E2942" s="11">
        <v>47603</v>
      </c>
      <c r="F2942" s="9" t="s">
        <v>98</v>
      </c>
      <c r="G2942" s="5">
        <v>2940</v>
      </c>
      <c r="H2942" s="12">
        <f t="shared" si="90"/>
        <v>18</v>
      </c>
      <c r="I2942" s="12">
        <f t="shared" si="91"/>
        <v>16</v>
      </c>
    </row>
    <row r="2943" spans="1:9" ht="27.75" customHeight="1" x14ac:dyDescent="0.4">
      <c r="A2943" s="9" t="s">
        <v>3503</v>
      </c>
      <c r="B2943" s="9" t="s">
        <v>5766</v>
      </c>
      <c r="C2943" s="49" t="s">
        <v>5767</v>
      </c>
      <c r="D2943" s="18">
        <v>1443040458</v>
      </c>
      <c r="E2943" s="11">
        <v>48182</v>
      </c>
      <c r="F2943" s="9" t="s">
        <v>98</v>
      </c>
      <c r="G2943" s="12">
        <v>2941</v>
      </c>
      <c r="H2943" s="12">
        <f t="shared" si="90"/>
        <v>31</v>
      </c>
      <c r="I2943" s="12">
        <f t="shared" si="91"/>
        <v>9</v>
      </c>
    </row>
    <row r="2944" spans="1:9" ht="27.75" customHeight="1" x14ac:dyDescent="0.4">
      <c r="A2944" s="9" t="s">
        <v>3503</v>
      </c>
      <c r="B2944" s="9" t="s">
        <v>5768</v>
      </c>
      <c r="C2944" s="9" t="s">
        <v>5769</v>
      </c>
      <c r="D2944" s="18">
        <v>1443082005</v>
      </c>
      <c r="E2944" s="11">
        <v>46387</v>
      </c>
      <c r="F2944" s="9" t="s">
        <v>98</v>
      </c>
      <c r="G2944" s="5">
        <v>2942</v>
      </c>
      <c r="H2944" s="12">
        <f t="shared" si="90"/>
        <v>13</v>
      </c>
      <c r="I2944" s="12">
        <f t="shared" si="91"/>
        <v>6</v>
      </c>
    </row>
    <row r="2945" spans="1:9" ht="27.75" customHeight="1" x14ac:dyDescent="0.4">
      <c r="A2945" s="9" t="s">
        <v>3503</v>
      </c>
      <c r="B2945" s="9" t="s">
        <v>5770</v>
      </c>
      <c r="C2945" s="9" t="s">
        <v>5771</v>
      </c>
      <c r="D2945" s="18">
        <v>1443040698</v>
      </c>
      <c r="E2945" s="11">
        <v>47514</v>
      </c>
      <c r="F2945" s="9" t="s">
        <v>98</v>
      </c>
      <c r="G2945" s="12">
        <v>2943</v>
      </c>
      <c r="H2945" s="12">
        <f t="shared" si="90"/>
        <v>12</v>
      </c>
      <c r="I2945" s="12">
        <f t="shared" si="91"/>
        <v>4</v>
      </c>
    </row>
    <row r="2946" spans="1:9" ht="27.75" customHeight="1" x14ac:dyDescent="0.4">
      <c r="A2946" s="9" t="s">
        <v>3503</v>
      </c>
      <c r="B2946" s="9" t="s">
        <v>5772</v>
      </c>
      <c r="C2946" s="9" t="s">
        <v>5773</v>
      </c>
      <c r="D2946" s="18">
        <v>1443040011</v>
      </c>
      <c r="E2946" s="11">
        <v>46387</v>
      </c>
      <c r="F2946" s="9" t="s">
        <v>98</v>
      </c>
      <c r="G2946" s="5">
        <v>2944</v>
      </c>
      <c r="H2946" s="12">
        <f t="shared" si="90"/>
        <v>12</v>
      </c>
      <c r="I2946" s="12">
        <f t="shared" si="91"/>
        <v>6</v>
      </c>
    </row>
    <row r="2947" spans="1:9" ht="27.75" customHeight="1" x14ac:dyDescent="0.4">
      <c r="A2947" s="9" t="s">
        <v>3503</v>
      </c>
      <c r="B2947" s="9" t="s">
        <v>5774</v>
      </c>
      <c r="C2947" s="9" t="s">
        <v>5775</v>
      </c>
      <c r="D2947" s="18">
        <v>1443040052</v>
      </c>
      <c r="E2947" s="11">
        <v>46387</v>
      </c>
      <c r="F2947" s="9" t="s">
        <v>98</v>
      </c>
      <c r="G2947" s="12">
        <v>2945</v>
      </c>
      <c r="H2947" s="12">
        <f t="shared" si="90"/>
        <v>12</v>
      </c>
      <c r="I2947" s="12">
        <f t="shared" si="91"/>
        <v>10</v>
      </c>
    </row>
    <row r="2948" spans="1:9" ht="27.75" customHeight="1" x14ac:dyDescent="0.4">
      <c r="A2948" s="9" t="s">
        <v>3503</v>
      </c>
      <c r="B2948" s="9" t="s">
        <v>5776</v>
      </c>
      <c r="C2948" s="9" t="s">
        <v>5777</v>
      </c>
      <c r="D2948" s="18">
        <v>1443081718</v>
      </c>
      <c r="E2948" s="11">
        <v>46387</v>
      </c>
      <c r="F2948" s="9" t="s">
        <v>98</v>
      </c>
      <c r="G2948" s="5">
        <v>2946</v>
      </c>
      <c r="H2948" s="12">
        <f t="shared" ref="H2948:H3011" si="92">LEN(C2948)</f>
        <v>14</v>
      </c>
      <c r="I2948" s="12">
        <f t="shared" ref="I2948:I3011" si="93">LEN(B2948)</f>
        <v>11</v>
      </c>
    </row>
    <row r="2949" spans="1:9" ht="27.75" customHeight="1" x14ac:dyDescent="0.4">
      <c r="A2949" s="9" t="s">
        <v>3503</v>
      </c>
      <c r="B2949" s="9" t="s">
        <v>5778</v>
      </c>
      <c r="C2949" s="9" t="s">
        <v>5779</v>
      </c>
      <c r="D2949" s="18">
        <v>1443082286</v>
      </c>
      <c r="E2949" s="11">
        <v>46387</v>
      </c>
      <c r="F2949" s="9" t="s">
        <v>98</v>
      </c>
      <c r="G2949" s="12">
        <v>2947</v>
      </c>
      <c r="H2949" s="12">
        <f t="shared" si="92"/>
        <v>15</v>
      </c>
      <c r="I2949" s="12">
        <f t="shared" si="93"/>
        <v>14</v>
      </c>
    </row>
    <row r="2950" spans="1:9" ht="27.75" customHeight="1" x14ac:dyDescent="0.4">
      <c r="A2950" s="9" t="s">
        <v>3503</v>
      </c>
      <c r="B2950" s="9" t="s">
        <v>5780</v>
      </c>
      <c r="C2950" s="9" t="s">
        <v>5781</v>
      </c>
      <c r="D2950" s="18">
        <v>1443040763</v>
      </c>
      <c r="E2950" s="11">
        <v>47787</v>
      </c>
      <c r="F2950" s="9" t="s">
        <v>98</v>
      </c>
      <c r="G2950" s="5">
        <v>2948</v>
      </c>
      <c r="H2950" s="12">
        <f t="shared" si="92"/>
        <v>14</v>
      </c>
      <c r="I2950" s="12">
        <f t="shared" si="93"/>
        <v>19</v>
      </c>
    </row>
    <row r="2951" spans="1:9" ht="27.75" customHeight="1" x14ac:dyDescent="0.4">
      <c r="A2951" s="9" t="s">
        <v>3503</v>
      </c>
      <c r="B2951" s="9" t="s">
        <v>5782</v>
      </c>
      <c r="C2951" s="9" t="s">
        <v>5783</v>
      </c>
      <c r="D2951" s="18">
        <v>1443081791</v>
      </c>
      <c r="E2951" s="11">
        <v>46387</v>
      </c>
      <c r="F2951" s="9" t="s">
        <v>98</v>
      </c>
      <c r="G2951" s="12">
        <v>2949</v>
      </c>
      <c r="H2951" s="12">
        <f t="shared" si="92"/>
        <v>19</v>
      </c>
      <c r="I2951" s="12">
        <f t="shared" si="93"/>
        <v>10</v>
      </c>
    </row>
    <row r="2952" spans="1:9" ht="27.75" customHeight="1" x14ac:dyDescent="0.4">
      <c r="A2952" s="9" t="s">
        <v>3503</v>
      </c>
      <c r="B2952" s="9" t="s">
        <v>5784</v>
      </c>
      <c r="C2952" s="9" t="s">
        <v>5785</v>
      </c>
      <c r="D2952" s="18">
        <v>1443081619</v>
      </c>
      <c r="E2952" s="11">
        <v>46387</v>
      </c>
      <c r="F2952" s="9" t="s">
        <v>98</v>
      </c>
      <c r="G2952" s="5">
        <v>2950</v>
      </c>
      <c r="H2952" s="12">
        <f t="shared" si="92"/>
        <v>11</v>
      </c>
      <c r="I2952" s="12">
        <f t="shared" si="93"/>
        <v>13</v>
      </c>
    </row>
    <row r="2953" spans="1:9" ht="27.75" customHeight="1" x14ac:dyDescent="0.4">
      <c r="A2953" s="9" t="s">
        <v>3503</v>
      </c>
      <c r="B2953" s="9" t="s">
        <v>5786</v>
      </c>
      <c r="C2953" s="9" t="s">
        <v>5787</v>
      </c>
      <c r="D2953" s="18">
        <v>1443040326</v>
      </c>
      <c r="E2953" s="11">
        <v>48121</v>
      </c>
      <c r="F2953" s="9" t="s">
        <v>98</v>
      </c>
      <c r="G2953" s="12">
        <v>2951</v>
      </c>
      <c r="H2953" s="12">
        <f t="shared" si="92"/>
        <v>17</v>
      </c>
      <c r="I2953" s="12">
        <f t="shared" si="93"/>
        <v>6</v>
      </c>
    </row>
    <row r="2954" spans="1:9" ht="27.75" customHeight="1" x14ac:dyDescent="0.4">
      <c r="A2954" s="9" t="s">
        <v>3503</v>
      </c>
      <c r="B2954" s="9" t="s">
        <v>5788</v>
      </c>
      <c r="C2954" s="9" t="s">
        <v>5789</v>
      </c>
      <c r="D2954" s="18">
        <v>1443082237</v>
      </c>
      <c r="E2954" s="11">
        <v>46387</v>
      </c>
      <c r="F2954" s="9" t="s">
        <v>98</v>
      </c>
      <c r="G2954" s="5">
        <v>2952</v>
      </c>
      <c r="H2954" s="12">
        <f t="shared" si="92"/>
        <v>10</v>
      </c>
      <c r="I2954" s="12">
        <f t="shared" si="93"/>
        <v>10</v>
      </c>
    </row>
    <row r="2955" spans="1:9" ht="27.75" customHeight="1" x14ac:dyDescent="0.4">
      <c r="A2955" s="9" t="s">
        <v>3503</v>
      </c>
      <c r="B2955" s="9" t="s">
        <v>5790</v>
      </c>
      <c r="C2955" s="9" t="s">
        <v>5791</v>
      </c>
      <c r="D2955" s="18">
        <v>1443081759</v>
      </c>
      <c r="E2955" s="11">
        <v>46387</v>
      </c>
      <c r="F2955" s="9" t="s">
        <v>98</v>
      </c>
      <c r="G2955" s="12">
        <v>2953</v>
      </c>
      <c r="H2955" s="12">
        <f t="shared" si="92"/>
        <v>11</v>
      </c>
      <c r="I2955" s="12">
        <f t="shared" si="93"/>
        <v>4</v>
      </c>
    </row>
    <row r="2956" spans="1:9" ht="27.75" customHeight="1" x14ac:dyDescent="0.4">
      <c r="A2956" s="9" t="s">
        <v>3503</v>
      </c>
      <c r="B2956" s="9" t="s">
        <v>5792</v>
      </c>
      <c r="C2956" s="9" t="s">
        <v>5793</v>
      </c>
      <c r="D2956" s="18">
        <v>1443081932</v>
      </c>
      <c r="E2956" s="11">
        <v>46387</v>
      </c>
      <c r="F2956" s="9" t="s">
        <v>98</v>
      </c>
      <c r="G2956" s="5">
        <v>2954</v>
      </c>
      <c r="H2956" s="12">
        <f t="shared" si="92"/>
        <v>12</v>
      </c>
      <c r="I2956" s="12">
        <f t="shared" si="93"/>
        <v>10</v>
      </c>
    </row>
    <row r="2957" spans="1:9" ht="27.75" customHeight="1" x14ac:dyDescent="0.4">
      <c r="A2957" s="9" t="s">
        <v>3503</v>
      </c>
      <c r="B2957" s="9" t="s">
        <v>5794</v>
      </c>
      <c r="C2957" s="9" t="s">
        <v>5795</v>
      </c>
      <c r="D2957" s="18">
        <v>1443040425</v>
      </c>
      <c r="E2957" s="11">
        <v>47938</v>
      </c>
      <c r="F2957" s="9" t="s">
        <v>98</v>
      </c>
      <c r="G2957" s="12">
        <v>2955</v>
      </c>
      <c r="H2957" s="12">
        <f t="shared" si="92"/>
        <v>19</v>
      </c>
      <c r="I2957" s="12">
        <f t="shared" si="93"/>
        <v>8</v>
      </c>
    </row>
    <row r="2958" spans="1:9" ht="27.75" customHeight="1" x14ac:dyDescent="0.4">
      <c r="A2958" s="9" t="s">
        <v>3503</v>
      </c>
      <c r="B2958" s="9" t="s">
        <v>5796</v>
      </c>
      <c r="C2958" s="9" t="s">
        <v>5797</v>
      </c>
      <c r="D2958" s="18">
        <v>1443000874</v>
      </c>
      <c r="E2958" s="11">
        <v>46387</v>
      </c>
      <c r="F2958" s="9" t="s">
        <v>98</v>
      </c>
      <c r="G2958" s="5">
        <v>2956</v>
      </c>
      <c r="H2958" s="12">
        <f t="shared" si="92"/>
        <v>11</v>
      </c>
      <c r="I2958" s="12">
        <f t="shared" si="93"/>
        <v>5</v>
      </c>
    </row>
    <row r="2959" spans="1:9" ht="27.75" customHeight="1" x14ac:dyDescent="0.4">
      <c r="A2959" s="9" t="s">
        <v>3503</v>
      </c>
      <c r="B2959" s="9" t="s">
        <v>5798</v>
      </c>
      <c r="C2959" s="9" t="s">
        <v>5799</v>
      </c>
      <c r="D2959" s="18">
        <v>1443040060</v>
      </c>
      <c r="E2959" s="11">
        <v>46418</v>
      </c>
      <c r="F2959" s="9" t="s">
        <v>98</v>
      </c>
      <c r="G2959" s="12">
        <v>2957</v>
      </c>
      <c r="H2959" s="12">
        <f t="shared" si="92"/>
        <v>19</v>
      </c>
      <c r="I2959" s="12">
        <f t="shared" si="93"/>
        <v>7</v>
      </c>
    </row>
    <row r="2960" spans="1:9" ht="27.75" customHeight="1" x14ac:dyDescent="0.4">
      <c r="A2960" s="9" t="s">
        <v>3503</v>
      </c>
      <c r="B2960" s="9" t="s">
        <v>5800</v>
      </c>
      <c r="C2960" s="9" t="s">
        <v>5801</v>
      </c>
      <c r="D2960" s="18">
        <v>1443001138</v>
      </c>
      <c r="E2960" s="11">
        <v>46387</v>
      </c>
      <c r="F2960" s="9" t="s">
        <v>98</v>
      </c>
      <c r="G2960" s="5">
        <v>2958</v>
      </c>
      <c r="H2960" s="12">
        <f t="shared" si="92"/>
        <v>11</v>
      </c>
      <c r="I2960" s="12">
        <f t="shared" si="93"/>
        <v>9</v>
      </c>
    </row>
    <row r="2961" spans="1:9" ht="27.75" customHeight="1" x14ac:dyDescent="0.4">
      <c r="A2961" s="9" t="s">
        <v>3503</v>
      </c>
      <c r="B2961" s="9" t="s">
        <v>5802</v>
      </c>
      <c r="C2961" s="9" t="s">
        <v>5803</v>
      </c>
      <c r="D2961" s="18">
        <v>1443081882</v>
      </c>
      <c r="E2961" s="11">
        <v>46387</v>
      </c>
      <c r="F2961" s="9" t="s">
        <v>98</v>
      </c>
      <c r="G2961" s="12">
        <v>2959</v>
      </c>
      <c r="H2961" s="12">
        <f t="shared" si="92"/>
        <v>13</v>
      </c>
      <c r="I2961" s="12">
        <f t="shared" si="93"/>
        <v>7</v>
      </c>
    </row>
    <row r="2962" spans="1:9" ht="27.75" customHeight="1" x14ac:dyDescent="0.4">
      <c r="A2962" s="9" t="s">
        <v>3503</v>
      </c>
      <c r="B2962" s="9" t="s">
        <v>5804</v>
      </c>
      <c r="C2962" s="9" t="s">
        <v>5805</v>
      </c>
      <c r="D2962" s="18">
        <v>1443001120</v>
      </c>
      <c r="E2962" s="11">
        <v>46387</v>
      </c>
      <c r="F2962" s="9" t="s">
        <v>98</v>
      </c>
      <c r="G2962" s="5">
        <v>2960</v>
      </c>
      <c r="H2962" s="12">
        <f t="shared" si="92"/>
        <v>11</v>
      </c>
      <c r="I2962" s="12">
        <f t="shared" si="93"/>
        <v>6</v>
      </c>
    </row>
    <row r="2963" spans="1:9" ht="27.75" customHeight="1" x14ac:dyDescent="0.4">
      <c r="A2963" s="9" t="s">
        <v>3503</v>
      </c>
      <c r="B2963" s="9" t="s">
        <v>5806</v>
      </c>
      <c r="C2963" s="9" t="s">
        <v>5807</v>
      </c>
      <c r="D2963" s="18">
        <v>1443082211</v>
      </c>
      <c r="E2963" s="11">
        <v>46387</v>
      </c>
      <c r="F2963" s="9" t="s">
        <v>98</v>
      </c>
      <c r="G2963" s="12">
        <v>2961</v>
      </c>
      <c r="H2963" s="12">
        <f t="shared" si="92"/>
        <v>12</v>
      </c>
      <c r="I2963" s="12">
        <f t="shared" si="93"/>
        <v>4</v>
      </c>
    </row>
    <row r="2964" spans="1:9" ht="27.75" customHeight="1" x14ac:dyDescent="0.4">
      <c r="A2964" s="9" t="s">
        <v>3503</v>
      </c>
      <c r="B2964" s="9" t="s">
        <v>5808</v>
      </c>
      <c r="C2964" s="9" t="s">
        <v>5809</v>
      </c>
      <c r="D2964" s="18">
        <v>1443001112</v>
      </c>
      <c r="E2964" s="11">
        <v>46387</v>
      </c>
      <c r="F2964" s="9" t="s">
        <v>98</v>
      </c>
      <c r="G2964" s="5">
        <v>2962</v>
      </c>
      <c r="H2964" s="12">
        <f t="shared" si="92"/>
        <v>12</v>
      </c>
      <c r="I2964" s="12">
        <f t="shared" si="93"/>
        <v>4</v>
      </c>
    </row>
    <row r="2965" spans="1:9" ht="27.75" customHeight="1" x14ac:dyDescent="0.4">
      <c r="A2965" s="9" t="s">
        <v>3503</v>
      </c>
      <c r="B2965" s="9" t="s">
        <v>5810</v>
      </c>
      <c r="C2965" s="9" t="s">
        <v>5811</v>
      </c>
      <c r="D2965" s="18">
        <v>1443040508</v>
      </c>
      <c r="E2965" s="11">
        <v>46265</v>
      </c>
      <c r="F2965" s="9" t="s">
        <v>98</v>
      </c>
      <c r="G2965" s="12">
        <v>2963</v>
      </c>
      <c r="H2965" s="12">
        <f t="shared" si="92"/>
        <v>16</v>
      </c>
      <c r="I2965" s="12">
        <f t="shared" si="93"/>
        <v>10</v>
      </c>
    </row>
    <row r="2966" spans="1:9" ht="27.75" customHeight="1" x14ac:dyDescent="0.4">
      <c r="A2966" s="9" t="s">
        <v>3503</v>
      </c>
      <c r="B2966" s="9" t="s">
        <v>3966</v>
      </c>
      <c r="C2966" s="9" t="s">
        <v>5812</v>
      </c>
      <c r="D2966" s="18">
        <v>1443040250</v>
      </c>
      <c r="E2966" s="11">
        <v>47026</v>
      </c>
      <c r="F2966" s="9" t="s">
        <v>98</v>
      </c>
      <c r="G2966" s="5">
        <v>2964</v>
      </c>
      <c r="H2966" s="12">
        <f t="shared" si="92"/>
        <v>12</v>
      </c>
      <c r="I2966" s="12">
        <f t="shared" si="93"/>
        <v>6</v>
      </c>
    </row>
    <row r="2967" spans="1:9" ht="27.75" customHeight="1" x14ac:dyDescent="0.4">
      <c r="A2967" s="9" t="s">
        <v>3503</v>
      </c>
      <c r="B2967" s="9" t="s">
        <v>5813</v>
      </c>
      <c r="C2967" s="9" t="s">
        <v>5814</v>
      </c>
      <c r="D2967" s="18">
        <v>1443001260</v>
      </c>
      <c r="E2967" s="11">
        <v>46387</v>
      </c>
      <c r="F2967" s="9" t="s">
        <v>98</v>
      </c>
      <c r="G2967" s="12">
        <v>2965</v>
      </c>
      <c r="H2967" s="12">
        <f t="shared" si="92"/>
        <v>11</v>
      </c>
      <c r="I2967" s="12">
        <f t="shared" si="93"/>
        <v>7</v>
      </c>
    </row>
    <row r="2968" spans="1:9" ht="27.75" customHeight="1" x14ac:dyDescent="0.4">
      <c r="A2968" s="9" t="s">
        <v>3503</v>
      </c>
      <c r="B2968" s="9" t="s">
        <v>5815</v>
      </c>
      <c r="C2968" s="9" t="s">
        <v>5816</v>
      </c>
      <c r="D2968" s="18">
        <v>1443040490</v>
      </c>
      <c r="E2968" s="11">
        <v>48487</v>
      </c>
      <c r="F2968" s="9" t="s">
        <v>98</v>
      </c>
      <c r="G2968" s="5">
        <v>2966</v>
      </c>
      <c r="H2968" s="12">
        <f t="shared" si="92"/>
        <v>14</v>
      </c>
      <c r="I2968" s="12">
        <f t="shared" si="93"/>
        <v>7</v>
      </c>
    </row>
    <row r="2969" spans="1:9" ht="27.75" customHeight="1" x14ac:dyDescent="0.4">
      <c r="A2969" s="9" t="s">
        <v>3503</v>
      </c>
      <c r="B2969" s="9" t="s">
        <v>5817</v>
      </c>
      <c r="C2969" s="9" t="s">
        <v>5818</v>
      </c>
      <c r="D2969" s="18">
        <v>1443040243</v>
      </c>
      <c r="E2969" s="11">
        <v>47057</v>
      </c>
      <c r="F2969" s="9" t="s">
        <v>98</v>
      </c>
      <c r="G2969" s="12">
        <v>2967</v>
      </c>
      <c r="H2969" s="12">
        <f t="shared" si="92"/>
        <v>10</v>
      </c>
      <c r="I2969" s="12">
        <f t="shared" si="93"/>
        <v>14</v>
      </c>
    </row>
    <row r="2970" spans="1:9" ht="27.75" customHeight="1" x14ac:dyDescent="0.4">
      <c r="A2970" s="9" t="s">
        <v>3503</v>
      </c>
      <c r="B2970" s="9" t="s">
        <v>5819</v>
      </c>
      <c r="C2970" s="9" t="s">
        <v>2227</v>
      </c>
      <c r="D2970" s="18">
        <v>1443040201</v>
      </c>
      <c r="E2970" s="11">
        <v>46812</v>
      </c>
      <c r="F2970" s="9" t="s">
        <v>98</v>
      </c>
      <c r="G2970" s="5">
        <v>2968</v>
      </c>
      <c r="H2970" s="12">
        <f t="shared" si="92"/>
        <v>10</v>
      </c>
      <c r="I2970" s="12">
        <f t="shared" si="93"/>
        <v>11</v>
      </c>
    </row>
    <row r="2971" spans="1:9" ht="27.75" customHeight="1" x14ac:dyDescent="0.4">
      <c r="A2971" s="9" t="s">
        <v>3503</v>
      </c>
      <c r="B2971" s="9" t="s">
        <v>5820</v>
      </c>
      <c r="C2971" s="9" t="s">
        <v>5821</v>
      </c>
      <c r="D2971" s="18">
        <v>1443081395</v>
      </c>
      <c r="E2971" s="11">
        <v>46387</v>
      </c>
      <c r="F2971" s="9" t="s">
        <v>98</v>
      </c>
      <c r="G2971" s="12">
        <v>2969</v>
      </c>
      <c r="H2971" s="12">
        <f t="shared" si="92"/>
        <v>11</v>
      </c>
      <c r="I2971" s="12">
        <f t="shared" si="93"/>
        <v>10</v>
      </c>
    </row>
    <row r="2972" spans="1:9" ht="27.75" customHeight="1" x14ac:dyDescent="0.4">
      <c r="A2972" s="9" t="s">
        <v>3503</v>
      </c>
      <c r="B2972" s="9" t="s">
        <v>5822</v>
      </c>
      <c r="C2972" s="9" t="s">
        <v>5823</v>
      </c>
      <c r="D2972" s="18">
        <v>1443082450</v>
      </c>
      <c r="E2972" s="11">
        <v>47087</v>
      </c>
      <c r="F2972" s="9" t="s">
        <v>98</v>
      </c>
      <c r="G2972" s="5">
        <v>2970</v>
      </c>
      <c r="H2972" s="12">
        <f t="shared" si="92"/>
        <v>11</v>
      </c>
      <c r="I2972" s="12">
        <f t="shared" si="93"/>
        <v>9</v>
      </c>
    </row>
    <row r="2973" spans="1:9" ht="27.75" customHeight="1" x14ac:dyDescent="0.4">
      <c r="A2973" s="9" t="s">
        <v>3503</v>
      </c>
      <c r="B2973" s="9" t="s">
        <v>5824</v>
      </c>
      <c r="C2973" s="9" t="s">
        <v>5825</v>
      </c>
      <c r="D2973" s="18">
        <v>1443040375</v>
      </c>
      <c r="E2973" s="11">
        <v>47726</v>
      </c>
      <c r="F2973" s="9" t="s">
        <v>98</v>
      </c>
      <c r="G2973" s="12">
        <v>2971</v>
      </c>
      <c r="H2973" s="12">
        <f t="shared" si="92"/>
        <v>10</v>
      </c>
      <c r="I2973" s="12">
        <f t="shared" si="93"/>
        <v>15</v>
      </c>
    </row>
    <row r="2974" spans="1:9" ht="27.75" customHeight="1" x14ac:dyDescent="0.4">
      <c r="A2974" s="22" t="s">
        <v>3503</v>
      </c>
      <c r="B2974" s="22" t="s">
        <v>5826</v>
      </c>
      <c r="C2974" s="22" t="s">
        <v>5827</v>
      </c>
      <c r="D2974" s="10">
        <v>1443081817</v>
      </c>
      <c r="E2974" s="11">
        <v>46387</v>
      </c>
      <c r="F2974" s="22" t="s">
        <v>98</v>
      </c>
      <c r="G2974" s="5">
        <v>2972</v>
      </c>
      <c r="H2974" s="12">
        <f t="shared" si="92"/>
        <v>25</v>
      </c>
      <c r="I2974" s="12">
        <f t="shared" si="93"/>
        <v>9</v>
      </c>
    </row>
    <row r="2975" spans="1:9" ht="27.75" customHeight="1" x14ac:dyDescent="0.4">
      <c r="A2975" s="22" t="s">
        <v>3503</v>
      </c>
      <c r="B2975" s="22" t="s">
        <v>5828</v>
      </c>
      <c r="C2975" s="22" t="s">
        <v>5829</v>
      </c>
      <c r="D2975" s="10">
        <v>1443082336</v>
      </c>
      <c r="E2975" s="11">
        <v>46387</v>
      </c>
      <c r="F2975" s="22" t="s">
        <v>98</v>
      </c>
      <c r="G2975" s="12">
        <v>2973</v>
      </c>
      <c r="H2975" s="12">
        <f t="shared" si="92"/>
        <v>14</v>
      </c>
      <c r="I2975" s="12">
        <f t="shared" si="93"/>
        <v>12</v>
      </c>
    </row>
    <row r="2976" spans="1:9" ht="27.75" customHeight="1" x14ac:dyDescent="0.4">
      <c r="A2976" s="22" t="s">
        <v>3503</v>
      </c>
      <c r="B2976" s="22" t="s">
        <v>5830</v>
      </c>
      <c r="C2976" s="22" t="s">
        <v>5831</v>
      </c>
      <c r="D2976" s="10">
        <v>1443001013</v>
      </c>
      <c r="E2976" s="11">
        <v>46387</v>
      </c>
      <c r="F2976" s="22" t="s">
        <v>98</v>
      </c>
      <c r="G2976" s="5">
        <v>2974</v>
      </c>
      <c r="H2976" s="12">
        <f t="shared" si="92"/>
        <v>11</v>
      </c>
      <c r="I2976" s="12">
        <f t="shared" si="93"/>
        <v>9</v>
      </c>
    </row>
    <row r="2977" spans="1:9" ht="27.75" customHeight="1" x14ac:dyDescent="0.4">
      <c r="A2977" s="22" t="s">
        <v>3503</v>
      </c>
      <c r="B2977" s="22" t="s">
        <v>5832</v>
      </c>
      <c r="C2977" s="22" t="s">
        <v>5833</v>
      </c>
      <c r="D2977" s="10">
        <v>1443040110</v>
      </c>
      <c r="E2977" s="11">
        <v>46507</v>
      </c>
      <c r="F2977" s="22" t="s">
        <v>98</v>
      </c>
      <c r="G2977" s="12">
        <v>2975</v>
      </c>
      <c r="H2977" s="12">
        <f t="shared" si="92"/>
        <v>23</v>
      </c>
      <c r="I2977" s="12">
        <f t="shared" si="93"/>
        <v>18</v>
      </c>
    </row>
    <row r="2978" spans="1:9" ht="27.75" customHeight="1" x14ac:dyDescent="0.4">
      <c r="A2978" s="22" t="s">
        <v>3503</v>
      </c>
      <c r="B2978" s="22" t="s">
        <v>5834</v>
      </c>
      <c r="C2978" s="22" t="s">
        <v>5835</v>
      </c>
      <c r="D2978" s="10">
        <v>1443040219</v>
      </c>
      <c r="E2978" s="11">
        <v>46965</v>
      </c>
      <c r="F2978" s="22" t="s">
        <v>98</v>
      </c>
      <c r="G2978" s="5">
        <v>2976</v>
      </c>
      <c r="H2978" s="12">
        <f t="shared" si="92"/>
        <v>20</v>
      </c>
      <c r="I2978" s="12">
        <f t="shared" si="93"/>
        <v>8</v>
      </c>
    </row>
    <row r="2979" spans="1:9" ht="27.75" customHeight="1" x14ac:dyDescent="0.4">
      <c r="A2979" s="22" t="s">
        <v>3503</v>
      </c>
      <c r="B2979" s="22" t="s">
        <v>5836</v>
      </c>
      <c r="C2979" s="22" t="s">
        <v>5837</v>
      </c>
      <c r="D2979" s="10">
        <v>1443040524</v>
      </c>
      <c r="E2979" s="11">
        <v>48365</v>
      </c>
      <c r="F2979" s="22" t="s">
        <v>98</v>
      </c>
      <c r="G2979" s="12">
        <v>2977</v>
      </c>
      <c r="H2979" s="12">
        <f t="shared" si="92"/>
        <v>25</v>
      </c>
      <c r="I2979" s="12">
        <f t="shared" si="93"/>
        <v>11</v>
      </c>
    </row>
    <row r="2980" spans="1:9" ht="27.75" customHeight="1" x14ac:dyDescent="0.4">
      <c r="A2980" s="22" t="s">
        <v>3503</v>
      </c>
      <c r="B2980" s="22" t="s">
        <v>5838</v>
      </c>
      <c r="C2980" s="22" t="s">
        <v>2239</v>
      </c>
      <c r="D2980" s="10">
        <v>1444041208</v>
      </c>
      <c r="E2980" s="11">
        <v>47726</v>
      </c>
      <c r="F2980" s="22" t="s">
        <v>2240</v>
      </c>
      <c r="G2980" s="5">
        <v>2978</v>
      </c>
      <c r="H2980" s="12">
        <f t="shared" si="92"/>
        <v>14</v>
      </c>
      <c r="I2980" s="12">
        <f t="shared" si="93"/>
        <v>7</v>
      </c>
    </row>
    <row r="2981" spans="1:9" ht="27.75" customHeight="1" x14ac:dyDescent="0.4">
      <c r="A2981" s="22" t="s">
        <v>3503</v>
      </c>
      <c r="B2981" s="22" t="s">
        <v>5839</v>
      </c>
      <c r="C2981" s="22" t="s">
        <v>5840</v>
      </c>
      <c r="D2981" s="10">
        <v>1444041083</v>
      </c>
      <c r="E2981" s="11">
        <v>48395</v>
      </c>
      <c r="F2981" s="22" t="s">
        <v>2240</v>
      </c>
      <c r="G2981" s="12">
        <v>2979</v>
      </c>
      <c r="H2981" s="12">
        <f t="shared" si="92"/>
        <v>14</v>
      </c>
      <c r="I2981" s="12">
        <f t="shared" si="93"/>
        <v>5</v>
      </c>
    </row>
    <row r="2982" spans="1:9" ht="27.75" customHeight="1" x14ac:dyDescent="0.4">
      <c r="A2982" s="22" t="s">
        <v>3503</v>
      </c>
      <c r="B2982" s="22" t="s">
        <v>5841</v>
      </c>
      <c r="C2982" s="22" t="s">
        <v>5842</v>
      </c>
      <c r="D2982" s="10">
        <v>1444080701</v>
      </c>
      <c r="E2982" s="11">
        <v>46387</v>
      </c>
      <c r="F2982" s="22" t="s">
        <v>2240</v>
      </c>
      <c r="G2982" s="5">
        <v>2980</v>
      </c>
      <c r="H2982" s="12">
        <f t="shared" si="92"/>
        <v>14</v>
      </c>
      <c r="I2982" s="12">
        <f t="shared" si="93"/>
        <v>14</v>
      </c>
    </row>
    <row r="2983" spans="1:9" ht="27.75" customHeight="1" x14ac:dyDescent="0.4">
      <c r="A2983" s="22" t="s">
        <v>3503</v>
      </c>
      <c r="B2983" s="22" t="s">
        <v>5843</v>
      </c>
      <c r="C2983" s="22" t="s">
        <v>5844</v>
      </c>
      <c r="D2983" s="10">
        <v>1444080545</v>
      </c>
      <c r="E2983" s="11">
        <v>46387</v>
      </c>
      <c r="F2983" s="22" t="s">
        <v>2240</v>
      </c>
      <c r="G2983" s="12">
        <v>2981</v>
      </c>
      <c r="H2983" s="12">
        <f t="shared" si="92"/>
        <v>15</v>
      </c>
      <c r="I2983" s="12">
        <f t="shared" si="93"/>
        <v>10</v>
      </c>
    </row>
    <row r="2984" spans="1:9" ht="27.75" customHeight="1" x14ac:dyDescent="0.4">
      <c r="A2984" s="22" t="s">
        <v>3503</v>
      </c>
      <c r="B2984" s="22" t="s">
        <v>5845</v>
      </c>
      <c r="C2984" s="22" t="s">
        <v>5846</v>
      </c>
      <c r="D2984" s="10">
        <v>1444080537</v>
      </c>
      <c r="E2984" s="11">
        <v>46387</v>
      </c>
      <c r="F2984" s="22" t="s">
        <v>2240</v>
      </c>
      <c r="G2984" s="5">
        <v>2982</v>
      </c>
      <c r="H2984" s="12">
        <f t="shared" si="92"/>
        <v>14</v>
      </c>
      <c r="I2984" s="12">
        <f t="shared" si="93"/>
        <v>7</v>
      </c>
    </row>
    <row r="2985" spans="1:9" ht="27.75" customHeight="1" x14ac:dyDescent="0.4">
      <c r="A2985" s="22" t="s">
        <v>3503</v>
      </c>
      <c r="B2985" s="22" t="s">
        <v>5847</v>
      </c>
      <c r="C2985" s="22" t="s">
        <v>5848</v>
      </c>
      <c r="D2985" s="10">
        <v>1444080693</v>
      </c>
      <c r="E2985" s="11">
        <v>46387</v>
      </c>
      <c r="F2985" s="22" t="s">
        <v>2240</v>
      </c>
      <c r="G2985" s="12">
        <v>2983</v>
      </c>
      <c r="H2985" s="12">
        <f t="shared" si="92"/>
        <v>12</v>
      </c>
      <c r="I2985" s="12">
        <f t="shared" si="93"/>
        <v>10</v>
      </c>
    </row>
    <row r="2986" spans="1:9" ht="27.75" customHeight="1" x14ac:dyDescent="0.4">
      <c r="A2986" s="22" t="s">
        <v>3503</v>
      </c>
      <c r="B2986" s="22" t="s">
        <v>5849</v>
      </c>
      <c r="C2986" s="22" t="s">
        <v>5850</v>
      </c>
      <c r="D2986" s="10">
        <v>1444000287</v>
      </c>
      <c r="E2986" s="11">
        <v>46387</v>
      </c>
      <c r="F2986" s="22" t="s">
        <v>2240</v>
      </c>
      <c r="G2986" s="5">
        <v>2984</v>
      </c>
      <c r="H2986" s="12">
        <f t="shared" si="92"/>
        <v>12</v>
      </c>
      <c r="I2986" s="12">
        <f t="shared" si="93"/>
        <v>7</v>
      </c>
    </row>
    <row r="2987" spans="1:9" ht="27.75" customHeight="1" x14ac:dyDescent="0.4">
      <c r="A2987" s="22" t="s">
        <v>3503</v>
      </c>
      <c r="B2987" s="22" t="s">
        <v>5851</v>
      </c>
      <c r="C2987" s="22" t="s">
        <v>5852</v>
      </c>
      <c r="D2987" s="10">
        <v>1444080719</v>
      </c>
      <c r="E2987" s="11">
        <v>46387</v>
      </c>
      <c r="F2987" s="22" t="s">
        <v>2240</v>
      </c>
      <c r="G2987" s="12">
        <v>2985</v>
      </c>
      <c r="H2987" s="12">
        <f t="shared" si="92"/>
        <v>12</v>
      </c>
      <c r="I2987" s="12">
        <f t="shared" si="93"/>
        <v>10</v>
      </c>
    </row>
    <row r="2988" spans="1:9" ht="27.75" customHeight="1" x14ac:dyDescent="0.4">
      <c r="A2988" s="22" t="s">
        <v>3503</v>
      </c>
      <c r="B2988" s="22" t="s">
        <v>5853</v>
      </c>
      <c r="C2988" s="22" t="s">
        <v>5854</v>
      </c>
      <c r="D2988" s="10">
        <v>1444040085</v>
      </c>
      <c r="E2988" s="11">
        <v>47087</v>
      </c>
      <c r="F2988" s="22" t="s">
        <v>2240</v>
      </c>
      <c r="G2988" s="5">
        <v>2986</v>
      </c>
      <c r="H2988" s="12">
        <f t="shared" si="92"/>
        <v>13</v>
      </c>
      <c r="I2988" s="12">
        <f t="shared" si="93"/>
        <v>11</v>
      </c>
    </row>
    <row r="2989" spans="1:9" ht="27.75" customHeight="1" x14ac:dyDescent="0.4">
      <c r="A2989" s="22" t="s">
        <v>3503</v>
      </c>
      <c r="B2989" s="22" t="s">
        <v>5855</v>
      </c>
      <c r="C2989" s="22" t="s">
        <v>5856</v>
      </c>
      <c r="D2989" s="10">
        <v>1444080362</v>
      </c>
      <c r="E2989" s="11">
        <v>46387</v>
      </c>
      <c r="F2989" s="22" t="s">
        <v>2240</v>
      </c>
      <c r="G2989" s="12">
        <v>2987</v>
      </c>
      <c r="H2989" s="12">
        <f t="shared" si="92"/>
        <v>13</v>
      </c>
      <c r="I2989" s="12">
        <f t="shared" si="93"/>
        <v>10</v>
      </c>
    </row>
    <row r="2990" spans="1:9" ht="27.75" customHeight="1" x14ac:dyDescent="0.4">
      <c r="A2990" s="22" t="s">
        <v>3503</v>
      </c>
      <c r="B2990" s="22" t="s">
        <v>5857</v>
      </c>
      <c r="C2990" s="22" t="s">
        <v>5858</v>
      </c>
      <c r="D2990" s="10">
        <v>1444041190</v>
      </c>
      <c r="E2990" s="11">
        <v>47452</v>
      </c>
      <c r="F2990" s="22" t="s">
        <v>2240</v>
      </c>
      <c r="G2990" s="5">
        <v>2988</v>
      </c>
      <c r="H2990" s="12">
        <f t="shared" si="92"/>
        <v>14</v>
      </c>
      <c r="I2990" s="12">
        <f t="shared" si="93"/>
        <v>12</v>
      </c>
    </row>
    <row r="2991" spans="1:9" ht="27.75" customHeight="1" x14ac:dyDescent="0.4">
      <c r="A2991" s="22" t="s">
        <v>3503</v>
      </c>
      <c r="B2991" s="22" t="s">
        <v>5859</v>
      </c>
      <c r="C2991" s="22" t="s">
        <v>5860</v>
      </c>
      <c r="D2991" s="10">
        <v>1444000113</v>
      </c>
      <c r="E2991" s="11">
        <v>46387</v>
      </c>
      <c r="F2991" s="22" t="s">
        <v>2240</v>
      </c>
      <c r="G2991" s="12">
        <v>2989</v>
      </c>
      <c r="H2991" s="12">
        <f t="shared" si="92"/>
        <v>12</v>
      </c>
      <c r="I2991" s="12">
        <f t="shared" si="93"/>
        <v>6</v>
      </c>
    </row>
    <row r="2992" spans="1:9" ht="27.75" customHeight="1" x14ac:dyDescent="0.4">
      <c r="A2992" s="22" t="s">
        <v>3503</v>
      </c>
      <c r="B2992" s="22" t="s">
        <v>5861</v>
      </c>
      <c r="C2992" s="22" t="s">
        <v>5862</v>
      </c>
      <c r="D2992" s="10">
        <v>1444041216</v>
      </c>
      <c r="E2992" s="11">
        <v>47817</v>
      </c>
      <c r="F2992" s="22" t="s">
        <v>2240</v>
      </c>
      <c r="G2992" s="5">
        <v>2990</v>
      </c>
      <c r="H2992" s="12">
        <f t="shared" si="92"/>
        <v>16</v>
      </c>
      <c r="I2992" s="12">
        <f t="shared" si="93"/>
        <v>14</v>
      </c>
    </row>
    <row r="2993" spans="1:9" ht="27.75" customHeight="1" x14ac:dyDescent="0.4">
      <c r="A2993" s="22" t="s">
        <v>3503</v>
      </c>
      <c r="B2993" s="22" t="s">
        <v>5863</v>
      </c>
      <c r="C2993" s="22" t="s">
        <v>5864</v>
      </c>
      <c r="D2993" s="10">
        <v>1444041141</v>
      </c>
      <c r="E2993" s="11">
        <v>47208</v>
      </c>
      <c r="F2993" s="22" t="s">
        <v>2240</v>
      </c>
      <c r="G2993" s="12">
        <v>2991</v>
      </c>
      <c r="H2993" s="12">
        <f t="shared" si="92"/>
        <v>13</v>
      </c>
      <c r="I2993" s="12">
        <f t="shared" si="93"/>
        <v>9</v>
      </c>
    </row>
    <row r="2994" spans="1:9" ht="27.75" customHeight="1" x14ac:dyDescent="0.4">
      <c r="A2994" s="22" t="s">
        <v>3503</v>
      </c>
      <c r="B2994" s="22" t="s">
        <v>5865</v>
      </c>
      <c r="C2994" s="50" t="s">
        <v>5866</v>
      </c>
      <c r="D2994" s="10">
        <v>1444040036</v>
      </c>
      <c r="E2994" s="11">
        <v>46752</v>
      </c>
      <c r="F2994" s="22" t="s">
        <v>2240</v>
      </c>
      <c r="G2994" s="5">
        <v>2992</v>
      </c>
      <c r="H2994" s="12">
        <f t="shared" si="92"/>
        <v>30</v>
      </c>
      <c r="I2994" s="12">
        <f t="shared" si="93"/>
        <v>11</v>
      </c>
    </row>
    <row r="2995" spans="1:9" ht="27.75" customHeight="1" x14ac:dyDescent="0.4">
      <c r="A2995" s="22" t="s">
        <v>3503</v>
      </c>
      <c r="B2995" s="22" t="s">
        <v>5867</v>
      </c>
      <c r="C2995" s="22" t="s">
        <v>5868</v>
      </c>
      <c r="D2995" s="10">
        <v>1444000055</v>
      </c>
      <c r="E2995" s="11">
        <v>46387</v>
      </c>
      <c r="F2995" s="22" t="s">
        <v>2240</v>
      </c>
      <c r="G2995" s="12">
        <v>2993</v>
      </c>
      <c r="H2995" s="12">
        <f t="shared" si="92"/>
        <v>11</v>
      </c>
      <c r="I2995" s="12">
        <f t="shared" si="93"/>
        <v>4</v>
      </c>
    </row>
    <row r="2996" spans="1:9" ht="27.75" customHeight="1" x14ac:dyDescent="0.4">
      <c r="A2996" s="22" t="s">
        <v>3503</v>
      </c>
      <c r="B2996" s="22" t="s">
        <v>5869</v>
      </c>
      <c r="C2996" s="22" t="s">
        <v>5870</v>
      </c>
      <c r="D2996" s="10">
        <v>1444041158</v>
      </c>
      <c r="E2996" s="11">
        <v>47208</v>
      </c>
      <c r="F2996" s="22" t="s">
        <v>2240</v>
      </c>
      <c r="G2996" s="5">
        <v>2994</v>
      </c>
      <c r="H2996" s="12">
        <f t="shared" si="92"/>
        <v>12</v>
      </c>
      <c r="I2996" s="12">
        <f t="shared" si="93"/>
        <v>14</v>
      </c>
    </row>
    <row r="2997" spans="1:9" ht="27.75" customHeight="1" x14ac:dyDescent="0.4">
      <c r="A2997" s="22" t="s">
        <v>3503</v>
      </c>
      <c r="B2997" s="22" t="s">
        <v>5871</v>
      </c>
      <c r="C2997" s="22" t="s">
        <v>5872</v>
      </c>
      <c r="D2997" s="10">
        <v>1444080628</v>
      </c>
      <c r="E2997" s="11">
        <v>46387</v>
      </c>
      <c r="F2997" s="22" t="s">
        <v>2240</v>
      </c>
      <c r="G2997" s="12">
        <v>2995</v>
      </c>
      <c r="H2997" s="12">
        <f t="shared" si="92"/>
        <v>12</v>
      </c>
      <c r="I2997" s="12">
        <f t="shared" si="93"/>
        <v>9</v>
      </c>
    </row>
    <row r="2998" spans="1:9" ht="27.75" customHeight="1" x14ac:dyDescent="0.4">
      <c r="A2998" s="22" t="s">
        <v>3503</v>
      </c>
      <c r="B2998" s="22" t="s">
        <v>5873</v>
      </c>
      <c r="C2998" s="22" t="s">
        <v>5874</v>
      </c>
      <c r="D2998" s="10">
        <v>1444040002</v>
      </c>
      <c r="E2998" s="11">
        <v>46387</v>
      </c>
      <c r="F2998" s="22" t="s">
        <v>2240</v>
      </c>
      <c r="G2998" s="5">
        <v>2996</v>
      </c>
      <c r="H2998" s="12">
        <f t="shared" si="92"/>
        <v>11</v>
      </c>
      <c r="I2998" s="12">
        <f t="shared" si="93"/>
        <v>13</v>
      </c>
    </row>
    <row r="2999" spans="1:9" ht="27.75" customHeight="1" x14ac:dyDescent="0.4">
      <c r="A2999" s="44" t="s">
        <v>3503</v>
      </c>
      <c r="B2999" s="44" t="s">
        <v>5875</v>
      </c>
      <c r="C2999" s="44" t="s">
        <v>5876</v>
      </c>
      <c r="D2999" s="45">
        <v>1444041059</v>
      </c>
      <c r="E2999" s="46">
        <v>48304</v>
      </c>
      <c r="F2999" s="44" t="s">
        <v>2240</v>
      </c>
      <c r="G2999" s="12">
        <v>2997</v>
      </c>
      <c r="H2999" s="12">
        <f t="shared" si="92"/>
        <v>12</v>
      </c>
      <c r="I2999" s="12">
        <f t="shared" si="93"/>
        <v>9</v>
      </c>
    </row>
    <row r="3000" spans="1:9" s="47" customFormat="1" ht="27" customHeight="1" x14ac:dyDescent="0.4">
      <c r="A3000" s="22" t="s">
        <v>3503</v>
      </c>
      <c r="B3000" s="22" t="s">
        <v>5877</v>
      </c>
      <c r="C3000" s="22" t="s">
        <v>5878</v>
      </c>
      <c r="D3000" s="10">
        <v>1444041075</v>
      </c>
      <c r="E3000" s="11">
        <v>48365</v>
      </c>
      <c r="F3000" s="22" t="s">
        <v>2240</v>
      </c>
      <c r="G3000" s="5">
        <v>2998</v>
      </c>
      <c r="H3000" s="12">
        <f t="shared" si="92"/>
        <v>24</v>
      </c>
      <c r="I3000" s="12">
        <f t="shared" si="93"/>
        <v>5</v>
      </c>
    </row>
    <row r="3001" spans="1:9" s="47" customFormat="1" ht="27" customHeight="1" x14ac:dyDescent="0.4">
      <c r="A3001" s="22" t="s">
        <v>3503</v>
      </c>
      <c r="B3001" s="22" t="s">
        <v>5879</v>
      </c>
      <c r="C3001" s="22" t="s">
        <v>5880</v>
      </c>
      <c r="D3001" s="10">
        <v>1444080461</v>
      </c>
      <c r="E3001" s="11">
        <v>46387</v>
      </c>
      <c r="F3001" s="22" t="s">
        <v>2240</v>
      </c>
      <c r="G3001" s="12">
        <v>2999</v>
      </c>
      <c r="H3001" s="12">
        <f t="shared" si="92"/>
        <v>12</v>
      </c>
      <c r="I3001" s="12">
        <f t="shared" si="93"/>
        <v>6</v>
      </c>
    </row>
    <row r="3002" spans="1:9" s="47" customFormat="1" ht="27" customHeight="1" x14ac:dyDescent="0.4">
      <c r="A3002" s="22" t="s">
        <v>3503</v>
      </c>
      <c r="B3002" s="22" t="s">
        <v>5881</v>
      </c>
      <c r="C3002" s="22" t="s">
        <v>5882</v>
      </c>
      <c r="D3002" s="10">
        <v>1444041018</v>
      </c>
      <c r="E3002" s="11">
        <v>47879</v>
      </c>
      <c r="F3002" s="22" t="s">
        <v>2240</v>
      </c>
      <c r="G3002" s="5">
        <v>3000</v>
      </c>
      <c r="H3002" s="12">
        <f t="shared" si="92"/>
        <v>26</v>
      </c>
      <c r="I3002" s="12">
        <f t="shared" si="93"/>
        <v>5</v>
      </c>
    </row>
    <row r="3003" spans="1:9" s="47" customFormat="1" ht="27" customHeight="1" x14ac:dyDescent="0.4">
      <c r="A3003" s="22" t="s">
        <v>3503</v>
      </c>
      <c r="B3003" s="22" t="s">
        <v>5883</v>
      </c>
      <c r="C3003" s="22" t="s">
        <v>5884</v>
      </c>
      <c r="D3003" s="10">
        <v>1444041034</v>
      </c>
      <c r="E3003" s="11">
        <v>48060</v>
      </c>
      <c r="F3003" s="22" t="s">
        <v>2240</v>
      </c>
      <c r="G3003" s="12">
        <v>3001</v>
      </c>
      <c r="H3003" s="12">
        <f t="shared" si="92"/>
        <v>23</v>
      </c>
      <c r="I3003" s="12">
        <f t="shared" si="93"/>
        <v>20</v>
      </c>
    </row>
    <row r="3004" spans="1:9" s="47" customFormat="1" ht="27" customHeight="1" x14ac:dyDescent="0.4">
      <c r="A3004" s="22" t="s">
        <v>3503</v>
      </c>
      <c r="B3004" s="22" t="s">
        <v>5885</v>
      </c>
      <c r="C3004" s="22" t="s">
        <v>5886</v>
      </c>
      <c r="D3004" s="10">
        <v>1444041174</v>
      </c>
      <c r="E3004" s="11">
        <v>47391</v>
      </c>
      <c r="F3004" s="22" t="s">
        <v>2240</v>
      </c>
      <c r="G3004" s="5">
        <v>3002</v>
      </c>
      <c r="H3004" s="12">
        <f t="shared" si="92"/>
        <v>13</v>
      </c>
      <c r="I3004" s="12">
        <f t="shared" si="93"/>
        <v>16</v>
      </c>
    </row>
    <row r="3005" spans="1:9" s="47" customFormat="1" ht="27" customHeight="1" x14ac:dyDescent="0.4">
      <c r="A3005" s="22" t="s">
        <v>3503</v>
      </c>
      <c r="B3005" s="22" t="s">
        <v>5887</v>
      </c>
      <c r="C3005" s="22" t="s">
        <v>5888</v>
      </c>
      <c r="D3005" s="10">
        <v>1444000188</v>
      </c>
      <c r="E3005" s="11">
        <v>46387</v>
      </c>
      <c r="F3005" s="22" t="s">
        <v>2240</v>
      </c>
      <c r="G3005" s="12">
        <v>3003</v>
      </c>
      <c r="H3005" s="12">
        <f t="shared" si="92"/>
        <v>13</v>
      </c>
      <c r="I3005" s="12">
        <f t="shared" si="93"/>
        <v>8</v>
      </c>
    </row>
    <row r="3006" spans="1:9" s="47" customFormat="1" ht="27" customHeight="1" x14ac:dyDescent="0.4">
      <c r="A3006" s="22" t="s">
        <v>3503</v>
      </c>
      <c r="B3006" s="22" t="s">
        <v>5889</v>
      </c>
      <c r="C3006" s="22" t="s">
        <v>5890</v>
      </c>
      <c r="D3006" s="10">
        <v>1444040077</v>
      </c>
      <c r="E3006" s="11">
        <v>46934</v>
      </c>
      <c r="F3006" s="22" t="s">
        <v>2240</v>
      </c>
      <c r="G3006" s="5">
        <v>3004</v>
      </c>
      <c r="H3006" s="12">
        <f t="shared" si="92"/>
        <v>24</v>
      </c>
      <c r="I3006" s="12">
        <f t="shared" si="93"/>
        <v>11</v>
      </c>
    </row>
    <row r="3007" spans="1:9" s="47" customFormat="1" ht="27" customHeight="1" x14ac:dyDescent="0.4">
      <c r="A3007" s="22" t="s">
        <v>3503</v>
      </c>
      <c r="B3007" s="22" t="s">
        <v>5891</v>
      </c>
      <c r="C3007" s="22" t="s">
        <v>5892</v>
      </c>
      <c r="D3007" s="10">
        <v>1444041067</v>
      </c>
      <c r="E3007" s="11">
        <v>48365</v>
      </c>
      <c r="F3007" s="22" t="s">
        <v>2240</v>
      </c>
      <c r="G3007" s="12">
        <v>3005</v>
      </c>
      <c r="H3007" s="12">
        <f t="shared" si="92"/>
        <v>12</v>
      </c>
      <c r="I3007" s="12">
        <f t="shared" si="93"/>
        <v>22</v>
      </c>
    </row>
    <row r="3008" spans="1:9" s="47" customFormat="1" ht="27" customHeight="1" x14ac:dyDescent="0.4">
      <c r="A3008" s="22" t="s">
        <v>3503</v>
      </c>
      <c r="B3008" s="22" t="s">
        <v>5893</v>
      </c>
      <c r="C3008" s="22" t="s">
        <v>2276</v>
      </c>
      <c r="D3008" s="10">
        <v>1444041026</v>
      </c>
      <c r="E3008" s="11">
        <v>47999</v>
      </c>
      <c r="F3008" s="22" t="s">
        <v>2240</v>
      </c>
      <c r="G3008" s="5">
        <v>3006</v>
      </c>
      <c r="H3008" s="12">
        <f t="shared" si="92"/>
        <v>13</v>
      </c>
      <c r="I3008" s="12">
        <f t="shared" si="93"/>
        <v>6</v>
      </c>
    </row>
    <row r="3009" spans="1:9" s="47" customFormat="1" ht="27" customHeight="1" x14ac:dyDescent="0.4">
      <c r="A3009" s="22" t="s">
        <v>3503</v>
      </c>
      <c r="B3009" s="22" t="s">
        <v>5894</v>
      </c>
      <c r="C3009" s="22" t="s">
        <v>5895</v>
      </c>
      <c r="D3009" s="10">
        <v>1444041232</v>
      </c>
      <c r="E3009" s="11">
        <v>47879</v>
      </c>
      <c r="F3009" s="22" t="s">
        <v>2240</v>
      </c>
      <c r="G3009" s="12">
        <v>3007</v>
      </c>
      <c r="H3009" s="12">
        <f t="shared" si="92"/>
        <v>12</v>
      </c>
      <c r="I3009" s="12">
        <f t="shared" si="93"/>
        <v>7</v>
      </c>
    </row>
    <row r="3010" spans="1:9" s="47" customFormat="1" ht="27" customHeight="1" x14ac:dyDescent="0.4">
      <c r="A3010" s="22" t="s">
        <v>3503</v>
      </c>
      <c r="B3010" s="22" t="s">
        <v>5896</v>
      </c>
      <c r="C3010" s="22" t="s">
        <v>5897</v>
      </c>
      <c r="D3010" s="10">
        <v>1444080636</v>
      </c>
      <c r="E3010" s="11">
        <v>46387</v>
      </c>
      <c r="F3010" s="22" t="s">
        <v>2240</v>
      </c>
      <c r="G3010" s="5">
        <v>3008</v>
      </c>
      <c r="H3010" s="12">
        <f t="shared" si="92"/>
        <v>29</v>
      </c>
      <c r="I3010" s="12">
        <f t="shared" si="93"/>
        <v>7</v>
      </c>
    </row>
    <row r="3011" spans="1:9" s="47" customFormat="1" ht="27" customHeight="1" x14ac:dyDescent="0.4">
      <c r="A3011" s="22" t="s">
        <v>3503</v>
      </c>
      <c r="B3011" s="22" t="s">
        <v>5898</v>
      </c>
      <c r="C3011" s="22" t="s">
        <v>5899</v>
      </c>
      <c r="D3011" s="10">
        <v>1444040127</v>
      </c>
      <c r="E3011" s="11">
        <v>47695</v>
      </c>
      <c r="F3011" s="22" t="s">
        <v>2240</v>
      </c>
      <c r="G3011" s="12">
        <v>3009</v>
      </c>
      <c r="H3011" s="12">
        <f t="shared" si="92"/>
        <v>12</v>
      </c>
      <c r="I3011" s="12">
        <f t="shared" si="93"/>
        <v>9</v>
      </c>
    </row>
    <row r="3012" spans="1:9" s="47" customFormat="1" ht="27" customHeight="1" x14ac:dyDescent="0.4">
      <c r="A3012" s="22" t="s">
        <v>3503</v>
      </c>
      <c r="B3012" s="22" t="s">
        <v>5900</v>
      </c>
      <c r="C3012" s="22" t="s">
        <v>5901</v>
      </c>
      <c r="D3012" s="10">
        <v>1444040119</v>
      </c>
      <c r="E3012" s="11">
        <v>48273</v>
      </c>
      <c r="F3012" s="22" t="s">
        <v>2240</v>
      </c>
      <c r="G3012" s="5">
        <v>3010</v>
      </c>
      <c r="H3012" s="12">
        <f t="shared" ref="H3012:H3075" si="94">LEN(C3012)</f>
        <v>25</v>
      </c>
      <c r="I3012" s="12">
        <f t="shared" ref="I3012:I3075" si="95">LEN(B3012)</f>
        <v>6</v>
      </c>
    </row>
    <row r="3013" spans="1:9" s="47" customFormat="1" ht="27" customHeight="1" x14ac:dyDescent="0.4">
      <c r="A3013" s="22" t="s">
        <v>3503</v>
      </c>
      <c r="B3013" s="22" t="s">
        <v>5902</v>
      </c>
      <c r="C3013" s="22" t="s">
        <v>5903</v>
      </c>
      <c r="D3013" s="10">
        <v>1444041133</v>
      </c>
      <c r="E3013" s="11">
        <v>46965</v>
      </c>
      <c r="F3013" s="22" t="s">
        <v>2240</v>
      </c>
      <c r="G3013" s="12">
        <v>3011</v>
      </c>
      <c r="H3013" s="12">
        <f t="shared" si="94"/>
        <v>13</v>
      </c>
      <c r="I3013" s="12">
        <f t="shared" si="95"/>
        <v>13</v>
      </c>
    </row>
    <row r="3014" spans="1:9" s="47" customFormat="1" ht="27" customHeight="1" x14ac:dyDescent="0.4">
      <c r="A3014" s="22" t="s">
        <v>3503</v>
      </c>
      <c r="B3014" s="22" t="s">
        <v>5904</v>
      </c>
      <c r="C3014" s="22" t="s">
        <v>5905</v>
      </c>
      <c r="D3014" s="10">
        <v>1444080644</v>
      </c>
      <c r="E3014" s="11">
        <v>46387</v>
      </c>
      <c r="F3014" s="22" t="s">
        <v>2240</v>
      </c>
      <c r="G3014" s="5">
        <v>3012</v>
      </c>
      <c r="H3014" s="12">
        <f t="shared" si="94"/>
        <v>13</v>
      </c>
      <c r="I3014" s="12">
        <f t="shared" si="95"/>
        <v>8</v>
      </c>
    </row>
    <row r="3015" spans="1:9" s="47" customFormat="1" ht="27" customHeight="1" x14ac:dyDescent="0.4">
      <c r="A3015" s="22" t="s">
        <v>3503</v>
      </c>
      <c r="B3015" s="22" t="s">
        <v>5906</v>
      </c>
      <c r="C3015" s="22" t="s">
        <v>5907</v>
      </c>
      <c r="D3015" s="10">
        <v>1444040093</v>
      </c>
      <c r="E3015" s="11">
        <v>47149</v>
      </c>
      <c r="F3015" s="22" t="s">
        <v>2240</v>
      </c>
      <c r="G3015" s="12">
        <v>3013</v>
      </c>
      <c r="H3015" s="12">
        <f t="shared" si="94"/>
        <v>12</v>
      </c>
      <c r="I3015" s="12">
        <f t="shared" si="95"/>
        <v>10</v>
      </c>
    </row>
    <row r="3016" spans="1:9" s="47" customFormat="1" ht="27" customHeight="1" x14ac:dyDescent="0.4">
      <c r="A3016" s="22" t="s">
        <v>3503</v>
      </c>
      <c r="B3016" s="22" t="s">
        <v>5069</v>
      </c>
      <c r="C3016" s="22" t="s">
        <v>5908</v>
      </c>
      <c r="D3016" s="10">
        <v>1444000204</v>
      </c>
      <c r="E3016" s="11">
        <v>46387</v>
      </c>
      <c r="F3016" s="22" t="s">
        <v>2240</v>
      </c>
      <c r="G3016" s="5">
        <v>3014</v>
      </c>
      <c r="H3016" s="12">
        <f t="shared" si="94"/>
        <v>9</v>
      </c>
      <c r="I3016" s="12">
        <f t="shared" si="95"/>
        <v>9</v>
      </c>
    </row>
    <row r="3017" spans="1:9" s="47" customFormat="1" ht="27" customHeight="1" x14ac:dyDescent="0.4">
      <c r="A3017" s="22" t="s">
        <v>3503</v>
      </c>
      <c r="B3017" s="22" t="s">
        <v>5909</v>
      </c>
      <c r="C3017" s="22" t="s">
        <v>5910</v>
      </c>
      <c r="D3017" s="10">
        <v>1444080511</v>
      </c>
      <c r="E3017" s="11">
        <v>46387</v>
      </c>
      <c r="F3017" s="22" t="s">
        <v>2240</v>
      </c>
      <c r="G3017" s="12">
        <v>3015</v>
      </c>
      <c r="H3017" s="12">
        <f t="shared" si="94"/>
        <v>11</v>
      </c>
      <c r="I3017" s="12">
        <f t="shared" si="95"/>
        <v>10</v>
      </c>
    </row>
    <row r="3018" spans="1:9" s="47" customFormat="1" ht="27" customHeight="1" x14ac:dyDescent="0.4">
      <c r="A3018" s="22" t="s">
        <v>3503</v>
      </c>
      <c r="B3018" s="22" t="s">
        <v>5911</v>
      </c>
      <c r="C3018" s="22" t="s">
        <v>5912</v>
      </c>
      <c r="D3018" s="10">
        <v>1444041224</v>
      </c>
      <c r="E3018" s="11">
        <v>47879</v>
      </c>
      <c r="F3018" s="22" t="s">
        <v>2240</v>
      </c>
      <c r="G3018" s="5">
        <v>3016</v>
      </c>
      <c r="H3018" s="12">
        <f t="shared" si="94"/>
        <v>9</v>
      </c>
      <c r="I3018" s="12">
        <f t="shared" si="95"/>
        <v>13</v>
      </c>
    </row>
    <row r="3019" spans="1:9" s="47" customFormat="1" ht="27" customHeight="1" x14ac:dyDescent="0.4">
      <c r="A3019" s="22" t="s">
        <v>3503</v>
      </c>
      <c r="B3019" s="22" t="s">
        <v>5913</v>
      </c>
      <c r="C3019" s="22" t="s">
        <v>5914</v>
      </c>
      <c r="D3019" s="10">
        <v>1444080438</v>
      </c>
      <c r="E3019" s="11">
        <v>46387</v>
      </c>
      <c r="F3019" s="22" t="s">
        <v>2240</v>
      </c>
      <c r="G3019" s="12">
        <v>3017</v>
      </c>
      <c r="H3019" s="12">
        <f t="shared" si="94"/>
        <v>11</v>
      </c>
      <c r="I3019" s="12">
        <f t="shared" si="95"/>
        <v>4</v>
      </c>
    </row>
    <row r="3020" spans="1:9" s="47" customFormat="1" ht="27" customHeight="1" x14ac:dyDescent="0.4">
      <c r="A3020" s="22" t="s">
        <v>3503</v>
      </c>
      <c r="B3020" s="22" t="s">
        <v>5915</v>
      </c>
      <c r="C3020" s="22" t="s">
        <v>5916</v>
      </c>
      <c r="D3020" s="10">
        <v>1444041166</v>
      </c>
      <c r="E3020" s="11">
        <v>47208</v>
      </c>
      <c r="F3020" s="22" t="s">
        <v>2240</v>
      </c>
      <c r="G3020" s="5">
        <v>3018</v>
      </c>
      <c r="H3020" s="12">
        <f t="shared" si="94"/>
        <v>13</v>
      </c>
      <c r="I3020" s="12">
        <f t="shared" si="95"/>
        <v>14</v>
      </c>
    </row>
    <row r="3021" spans="1:9" s="47" customFormat="1" ht="27" customHeight="1" x14ac:dyDescent="0.4">
      <c r="A3021" s="22" t="s">
        <v>3503</v>
      </c>
      <c r="B3021" s="22" t="s">
        <v>5917</v>
      </c>
      <c r="C3021" s="22" t="s">
        <v>5918</v>
      </c>
      <c r="D3021" s="10">
        <v>1444040044</v>
      </c>
      <c r="E3021" s="11">
        <v>47999</v>
      </c>
      <c r="F3021" s="22" t="s">
        <v>2240</v>
      </c>
      <c r="G3021" s="12">
        <v>3019</v>
      </c>
      <c r="H3021" s="12">
        <f t="shared" si="94"/>
        <v>11</v>
      </c>
      <c r="I3021" s="12">
        <f t="shared" si="95"/>
        <v>10</v>
      </c>
    </row>
    <row r="3022" spans="1:9" s="47" customFormat="1" ht="27" customHeight="1" x14ac:dyDescent="0.4">
      <c r="A3022" s="22" t="s">
        <v>3503</v>
      </c>
      <c r="B3022" s="22" t="s">
        <v>5919</v>
      </c>
      <c r="C3022" s="22" t="s">
        <v>5920</v>
      </c>
      <c r="D3022" s="10">
        <v>1444080487</v>
      </c>
      <c r="E3022" s="11">
        <v>46387</v>
      </c>
      <c r="F3022" s="22" t="s">
        <v>2240</v>
      </c>
      <c r="G3022" s="5">
        <v>3020</v>
      </c>
      <c r="H3022" s="12">
        <f t="shared" si="94"/>
        <v>11</v>
      </c>
      <c r="I3022" s="12">
        <f t="shared" si="95"/>
        <v>11</v>
      </c>
    </row>
    <row r="3023" spans="1:9" s="47" customFormat="1" ht="27" customHeight="1" x14ac:dyDescent="0.4">
      <c r="A3023" s="22" t="s">
        <v>3503</v>
      </c>
      <c r="B3023" s="22" t="s">
        <v>5921</v>
      </c>
      <c r="C3023" s="22" t="s">
        <v>5922</v>
      </c>
      <c r="D3023" s="10">
        <v>1444040101</v>
      </c>
      <c r="E3023" s="11">
        <v>47330</v>
      </c>
      <c r="F3023" s="22" t="s">
        <v>2240</v>
      </c>
      <c r="G3023" s="12">
        <v>3021</v>
      </c>
      <c r="H3023" s="12">
        <f t="shared" si="94"/>
        <v>11</v>
      </c>
      <c r="I3023" s="12">
        <f t="shared" si="95"/>
        <v>15</v>
      </c>
    </row>
    <row r="3024" spans="1:9" s="47" customFormat="1" ht="27" customHeight="1" x14ac:dyDescent="0.4">
      <c r="A3024" s="22" t="s">
        <v>3503</v>
      </c>
      <c r="B3024" s="22" t="s">
        <v>5923</v>
      </c>
      <c r="C3024" s="22" t="s">
        <v>2298</v>
      </c>
      <c r="D3024" s="10">
        <v>1444041091</v>
      </c>
      <c r="E3024" s="11">
        <v>46507</v>
      </c>
      <c r="F3024" s="22" t="s">
        <v>2240</v>
      </c>
      <c r="G3024" s="5">
        <v>3022</v>
      </c>
      <c r="H3024" s="12">
        <f t="shared" si="94"/>
        <v>13</v>
      </c>
      <c r="I3024" s="12">
        <f t="shared" si="95"/>
        <v>5</v>
      </c>
    </row>
    <row r="3025" spans="1:9" s="47" customFormat="1" ht="27" customHeight="1" x14ac:dyDescent="0.4">
      <c r="A3025" s="22" t="s">
        <v>3503</v>
      </c>
      <c r="B3025" s="22" t="s">
        <v>5924</v>
      </c>
      <c r="C3025" s="22" t="s">
        <v>5925</v>
      </c>
      <c r="D3025" s="10">
        <v>1444040069</v>
      </c>
      <c r="E3025" s="11">
        <v>46812</v>
      </c>
      <c r="F3025" s="22" t="s">
        <v>2240</v>
      </c>
      <c r="G3025" s="12">
        <v>3023</v>
      </c>
      <c r="H3025" s="12">
        <f t="shared" si="94"/>
        <v>13</v>
      </c>
      <c r="I3025" s="12">
        <f t="shared" si="95"/>
        <v>11</v>
      </c>
    </row>
    <row r="3026" spans="1:9" s="47" customFormat="1" ht="27" customHeight="1" x14ac:dyDescent="0.4">
      <c r="A3026" s="22" t="s">
        <v>3503</v>
      </c>
      <c r="B3026" s="22" t="s">
        <v>5926</v>
      </c>
      <c r="C3026" s="22" t="s">
        <v>5927</v>
      </c>
      <c r="D3026" s="10">
        <v>1444041117</v>
      </c>
      <c r="E3026" s="11">
        <v>46843</v>
      </c>
      <c r="F3026" s="22" t="s">
        <v>2240</v>
      </c>
      <c r="G3026" s="5">
        <v>3024</v>
      </c>
      <c r="H3026" s="12">
        <f t="shared" si="94"/>
        <v>11</v>
      </c>
      <c r="I3026" s="12">
        <f t="shared" si="95"/>
        <v>5</v>
      </c>
    </row>
    <row r="3027" spans="1:9" s="47" customFormat="1" ht="27" customHeight="1" x14ac:dyDescent="0.4">
      <c r="A3027" s="22" t="s">
        <v>3503</v>
      </c>
      <c r="B3027" s="22" t="s">
        <v>5928</v>
      </c>
      <c r="C3027" s="22" t="s">
        <v>5929</v>
      </c>
      <c r="D3027" s="10">
        <v>1444000170</v>
      </c>
      <c r="E3027" s="11">
        <v>46387</v>
      </c>
      <c r="F3027" s="22" t="s">
        <v>2240</v>
      </c>
      <c r="G3027" s="12">
        <v>3025</v>
      </c>
      <c r="H3027" s="12">
        <f t="shared" si="94"/>
        <v>11</v>
      </c>
      <c r="I3027" s="12">
        <f t="shared" si="95"/>
        <v>6</v>
      </c>
    </row>
    <row r="3028" spans="1:9" s="47" customFormat="1" ht="27" customHeight="1" x14ac:dyDescent="0.4">
      <c r="A3028" s="22" t="s">
        <v>3503</v>
      </c>
      <c r="B3028" s="22" t="s">
        <v>5930</v>
      </c>
      <c r="C3028" s="22" t="s">
        <v>5931</v>
      </c>
      <c r="D3028" s="10">
        <v>1444240370</v>
      </c>
      <c r="E3028" s="11">
        <v>47452</v>
      </c>
      <c r="F3028" s="22" t="s">
        <v>117</v>
      </c>
      <c r="G3028" s="5">
        <v>3026</v>
      </c>
      <c r="H3028" s="12">
        <f t="shared" si="94"/>
        <v>16</v>
      </c>
      <c r="I3028" s="12">
        <f t="shared" si="95"/>
        <v>6</v>
      </c>
    </row>
    <row r="3029" spans="1:9" s="47" customFormat="1" ht="27" customHeight="1" x14ac:dyDescent="0.4">
      <c r="A3029" s="22" t="s">
        <v>3503</v>
      </c>
      <c r="B3029" s="22" t="s">
        <v>5932</v>
      </c>
      <c r="C3029" s="22" t="s">
        <v>5933</v>
      </c>
      <c r="D3029" s="10">
        <v>1444240339</v>
      </c>
      <c r="E3029" s="11">
        <v>46812</v>
      </c>
      <c r="F3029" s="22" t="s">
        <v>117</v>
      </c>
      <c r="G3029" s="12">
        <v>3027</v>
      </c>
      <c r="H3029" s="12">
        <f t="shared" si="94"/>
        <v>14</v>
      </c>
      <c r="I3029" s="12">
        <f t="shared" si="95"/>
        <v>20</v>
      </c>
    </row>
    <row r="3030" spans="1:9" s="47" customFormat="1" ht="27" customHeight="1" x14ac:dyDescent="0.4">
      <c r="A3030" s="22" t="s">
        <v>3503</v>
      </c>
      <c r="B3030" s="22" t="s">
        <v>5934</v>
      </c>
      <c r="C3030" s="22" t="s">
        <v>5935</v>
      </c>
      <c r="D3030" s="10">
        <v>1444240065</v>
      </c>
      <c r="E3030" s="11">
        <v>46387</v>
      </c>
      <c r="F3030" s="22" t="s">
        <v>117</v>
      </c>
      <c r="G3030" s="5">
        <v>3028</v>
      </c>
      <c r="H3030" s="12">
        <f t="shared" si="94"/>
        <v>13</v>
      </c>
      <c r="I3030" s="12">
        <f t="shared" si="95"/>
        <v>10</v>
      </c>
    </row>
    <row r="3031" spans="1:9" s="47" customFormat="1" ht="27" customHeight="1" x14ac:dyDescent="0.4">
      <c r="A3031" s="22" t="s">
        <v>3503</v>
      </c>
      <c r="B3031" s="22" t="s">
        <v>5936</v>
      </c>
      <c r="C3031" s="22" t="s">
        <v>5937</v>
      </c>
      <c r="D3031" s="10">
        <v>1444240404</v>
      </c>
      <c r="E3031" s="11">
        <v>47695</v>
      </c>
      <c r="F3031" s="22" t="s">
        <v>117</v>
      </c>
      <c r="G3031" s="12">
        <v>3029</v>
      </c>
      <c r="H3031" s="12">
        <f t="shared" si="94"/>
        <v>13</v>
      </c>
      <c r="I3031" s="12">
        <f t="shared" si="95"/>
        <v>18</v>
      </c>
    </row>
    <row r="3032" spans="1:9" s="47" customFormat="1" ht="27" customHeight="1" x14ac:dyDescent="0.4">
      <c r="A3032" s="22" t="s">
        <v>3503</v>
      </c>
      <c r="B3032" s="22" t="s">
        <v>5938</v>
      </c>
      <c r="C3032" s="22" t="s">
        <v>5939</v>
      </c>
      <c r="D3032" s="10">
        <v>1444240131</v>
      </c>
      <c r="E3032" s="11">
        <v>46752</v>
      </c>
      <c r="F3032" s="22" t="s">
        <v>117</v>
      </c>
      <c r="G3032" s="5">
        <v>3030</v>
      </c>
      <c r="H3032" s="12">
        <f t="shared" si="94"/>
        <v>14</v>
      </c>
      <c r="I3032" s="12">
        <f t="shared" si="95"/>
        <v>10</v>
      </c>
    </row>
    <row r="3033" spans="1:9" s="47" customFormat="1" ht="27" customHeight="1" x14ac:dyDescent="0.4">
      <c r="A3033" s="22" t="s">
        <v>3503</v>
      </c>
      <c r="B3033" s="22" t="s">
        <v>5940</v>
      </c>
      <c r="C3033" s="22" t="s">
        <v>5941</v>
      </c>
      <c r="D3033" s="10">
        <v>1444240222</v>
      </c>
      <c r="E3033" s="11">
        <v>47422</v>
      </c>
      <c r="F3033" s="22" t="s">
        <v>117</v>
      </c>
      <c r="G3033" s="12">
        <v>3031</v>
      </c>
      <c r="H3033" s="12">
        <f t="shared" si="94"/>
        <v>13</v>
      </c>
      <c r="I3033" s="12">
        <f t="shared" si="95"/>
        <v>14</v>
      </c>
    </row>
    <row r="3034" spans="1:9" s="47" customFormat="1" ht="27" customHeight="1" x14ac:dyDescent="0.4">
      <c r="A3034" s="22" t="s">
        <v>3503</v>
      </c>
      <c r="B3034" s="22" t="s">
        <v>5942</v>
      </c>
      <c r="C3034" s="22" t="s">
        <v>5943</v>
      </c>
      <c r="D3034" s="10">
        <v>1444200010</v>
      </c>
      <c r="E3034" s="11">
        <v>46387</v>
      </c>
      <c r="F3034" s="22" t="s">
        <v>117</v>
      </c>
      <c r="G3034" s="5">
        <v>3032</v>
      </c>
      <c r="H3034" s="12">
        <f t="shared" si="94"/>
        <v>16</v>
      </c>
      <c r="I3034" s="12">
        <f t="shared" si="95"/>
        <v>6</v>
      </c>
    </row>
    <row r="3035" spans="1:9" s="47" customFormat="1" ht="27" customHeight="1" x14ac:dyDescent="0.4">
      <c r="A3035" s="22" t="s">
        <v>3503</v>
      </c>
      <c r="B3035" s="22" t="s">
        <v>5944</v>
      </c>
      <c r="C3035" s="22" t="s">
        <v>5945</v>
      </c>
      <c r="D3035" s="10">
        <v>1444280749</v>
      </c>
      <c r="E3035" s="11">
        <v>46387</v>
      </c>
      <c r="F3035" s="22" t="s">
        <v>117</v>
      </c>
      <c r="G3035" s="12">
        <v>3033</v>
      </c>
      <c r="H3035" s="12">
        <f t="shared" si="94"/>
        <v>13</v>
      </c>
      <c r="I3035" s="12">
        <f t="shared" si="95"/>
        <v>10</v>
      </c>
    </row>
    <row r="3036" spans="1:9" s="47" customFormat="1" ht="27" customHeight="1" x14ac:dyDescent="0.4">
      <c r="A3036" s="22" t="s">
        <v>3503</v>
      </c>
      <c r="B3036" s="22" t="s">
        <v>5946</v>
      </c>
      <c r="C3036" s="22" t="s">
        <v>5947</v>
      </c>
      <c r="D3036" s="10">
        <v>1444280665</v>
      </c>
      <c r="E3036" s="11">
        <v>46387</v>
      </c>
      <c r="F3036" s="22" t="s">
        <v>117</v>
      </c>
      <c r="G3036" s="5">
        <v>3034</v>
      </c>
      <c r="H3036" s="12">
        <f t="shared" si="94"/>
        <v>15</v>
      </c>
      <c r="I3036" s="12">
        <f t="shared" si="95"/>
        <v>13</v>
      </c>
    </row>
    <row r="3037" spans="1:9" s="47" customFormat="1" ht="27" customHeight="1" x14ac:dyDescent="0.4">
      <c r="A3037" s="22" t="s">
        <v>3503</v>
      </c>
      <c r="B3037" s="22" t="s">
        <v>5948</v>
      </c>
      <c r="C3037" s="22" t="s">
        <v>5949</v>
      </c>
      <c r="D3037" s="10">
        <v>1444240107</v>
      </c>
      <c r="E3037" s="11">
        <v>46387</v>
      </c>
      <c r="F3037" s="22" t="s">
        <v>117</v>
      </c>
      <c r="G3037" s="12">
        <v>3035</v>
      </c>
      <c r="H3037" s="12">
        <f t="shared" si="94"/>
        <v>14</v>
      </c>
      <c r="I3037" s="12">
        <f t="shared" si="95"/>
        <v>5</v>
      </c>
    </row>
    <row r="3038" spans="1:9" s="47" customFormat="1" ht="27" customHeight="1" x14ac:dyDescent="0.4">
      <c r="A3038" s="22" t="s">
        <v>3503</v>
      </c>
      <c r="B3038" s="22" t="s">
        <v>5950</v>
      </c>
      <c r="C3038" s="22" t="s">
        <v>5951</v>
      </c>
      <c r="D3038" s="10">
        <v>1444240016</v>
      </c>
      <c r="E3038" s="11">
        <v>46387</v>
      </c>
      <c r="F3038" s="22" t="s">
        <v>117</v>
      </c>
      <c r="G3038" s="5">
        <v>3036</v>
      </c>
      <c r="H3038" s="12">
        <f t="shared" si="94"/>
        <v>13</v>
      </c>
      <c r="I3038" s="12">
        <f t="shared" si="95"/>
        <v>11</v>
      </c>
    </row>
    <row r="3039" spans="1:9" s="47" customFormat="1" ht="27" customHeight="1" x14ac:dyDescent="0.4">
      <c r="A3039" s="22" t="s">
        <v>3503</v>
      </c>
      <c r="B3039" s="22" t="s">
        <v>5952</v>
      </c>
      <c r="C3039" s="22" t="s">
        <v>5953</v>
      </c>
      <c r="D3039" s="10">
        <v>1444240347</v>
      </c>
      <c r="E3039" s="11">
        <v>46965</v>
      </c>
      <c r="F3039" s="22" t="s">
        <v>117</v>
      </c>
      <c r="G3039" s="12">
        <v>3037</v>
      </c>
      <c r="H3039" s="12">
        <f t="shared" si="94"/>
        <v>18</v>
      </c>
      <c r="I3039" s="12">
        <f t="shared" si="95"/>
        <v>14</v>
      </c>
    </row>
    <row r="3040" spans="1:9" s="47" customFormat="1" ht="27" customHeight="1" x14ac:dyDescent="0.4">
      <c r="A3040" s="22" t="s">
        <v>3503</v>
      </c>
      <c r="B3040" s="22" t="s">
        <v>5954</v>
      </c>
      <c r="C3040" s="22" t="s">
        <v>5955</v>
      </c>
      <c r="D3040" s="10">
        <v>1444280632</v>
      </c>
      <c r="E3040" s="11">
        <v>46387</v>
      </c>
      <c r="F3040" s="22" t="s">
        <v>117</v>
      </c>
      <c r="G3040" s="5">
        <v>3038</v>
      </c>
      <c r="H3040" s="12">
        <f t="shared" si="94"/>
        <v>13</v>
      </c>
      <c r="I3040" s="12">
        <f t="shared" si="95"/>
        <v>20</v>
      </c>
    </row>
    <row r="3041" spans="1:9" s="47" customFormat="1" ht="27" customHeight="1" x14ac:dyDescent="0.4">
      <c r="A3041" s="22" t="s">
        <v>3503</v>
      </c>
      <c r="B3041" s="22" t="s">
        <v>5956</v>
      </c>
      <c r="C3041" s="22" t="s">
        <v>5957</v>
      </c>
      <c r="D3041" s="10">
        <v>1444240073</v>
      </c>
      <c r="E3041" s="11">
        <v>46446</v>
      </c>
      <c r="F3041" s="22" t="s">
        <v>117</v>
      </c>
      <c r="G3041" s="12">
        <v>3039</v>
      </c>
      <c r="H3041" s="12">
        <f t="shared" si="94"/>
        <v>13</v>
      </c>
      <c r="I3041" s="12">
        <f t="shared" si="95"/>
        <v>7</v>
      </c>
    </row>
    <row r="3042" spans="1:9" s="47" customFormat="1" ht="27" customHeight="1" x14ac:dyDescent="0.4">
      <c r="A3042" s="22" t="s">
        <v>3503</v>
      </c>
      <c r="B3042" s="22" t="s">
        <v>5958</v>
      </c>
      <c r="C3042" s="22" t="s">
        <v>5959</v>
      </c>
      <c r="D3042" s="10">
        <v>1444240321</v>
      </c>
      <c r="E3042" s="11">
        <v>46507</v>
      </c>
      <c r="F3042" s="22" t="s">
        <v>117</v>
      </c>
      <c r="G3042" s="5">
        <v>3040</v>
      </c>
      <c r="H3042" s="12">
        <f t="shared" si="94"/>
        <v>13</v>
      </c>
      <c r="I3042" s="12">
        <f t="shared" si="95"/>
        <v>14</v>
      </c>
    </row>
    <row r="3043" spans="1:9" s="47" customFormat="1" ht="27" customHeight="1" x14ac:dyDescent="0.4">
      <c r="A3043" s="22" t="s">
        <v>3503</v>
      </c>
      <c r="B3043" s="22" t="s">
        <v>5960</v>
      </c>
      <c r="C3043" s="22" t="s">
        <v>5961</v>
      </c>
      <c r="D3043" s="10">
        <v>1444240180</v>
      </c>
      <c r="E3043" s="11">
        <v>48304</v>
      </c>
      <c r="F3043" s="22" t="s">
        <v>117</v>
      </c>
      <c r="G3043" s="12">
        <v>3041</v>
      </c>
      <c r="H3043" s="12">
        <f t="shared" si="94"/>
        <v>12</v>
      </c>
      <c r="I3043" s="12">
        <f t="shared" si="95"/>
        <v>15</v>
      </c>
    </row>
    <row r="3044" spans="1:9" s="47" customFormat="1" ht="27" customHeight="1" x14ac:dyDescent="0.4">
      <c r="A3044" s="22" t="s">
        <v>3503</v>
      </c>
      <c r="B3044" s="22" t="s">
        <v>5962</v>
      </c>
      <c r="C3044" s="22" t="s">
        <v>5963</v>
      </c>
      <c r="D3044" s="10">
        <v>1444240024</v>
      </c>
      <c r="E3044" s="11">
        <v>46387</v>
      </c>
      <c r="F3044" s="22" t="s">
        <v>117</v>
      </c>
      <c r="G3044" s="5">
        <v>3042</v>
      </c>
      <c r="H3044" s="12">
        <f t="shared" si="94"/>
        <v>15</v>
      </c>
      <c r="I3044" s="12">
        <f t="shared" si="95"/>
        <v>12</v>
      </c>
    </row>
    <row r="3045" spans="1:9" s="47" customFormat="1" ht="27" customHeight="1" x14ac:dyDescent="0.4">
      <c r="A3045" s="22" t="s">
        <v>3503</v>
      </c>
      <c r="B3045" s="22" t="s">
        <v>5964</v>
      </c>
      <c r="C3045" s="22" t="s">
        <v>5965</v>
      </c>
      <c r="D3045" s="10">
        <v>1444200291</v>
      </c>
      <c r="E3045" s="11">
        <v>47299</v>
      </c>
      <c r="F3045" s="22" t="s">
        <v>117</v>
      </c>
      <c r="G3045" s="12">
        <v>3043</v>
      </c>
      <c r="H3045" s="12">
        <f t="shared" si="94"/>
        <v>16</v>
      </c>
      <c r="I3045" s="12">
        <f t="shared" si="95"/>
        <v>8</v>
      </c>
    </row>
    <row r="3046" spans="1:9" s="47" customFormat="1" ht="27" customHeight="1" x14ac:dyDescent="0.4">
      <c r="A3046" s="22" t="s">
        <v>3503</v>
      </c>
      <c r="B3046" s="22" t="s">
        <v>5966</v>
      </c>
      <c r="C3046" s="22" t="s">
        <v>5967</v>
      </c>
      <c r="D3046" s="10">
        <v>1444240198</v>
      </c>
      <c r="E3046" s="11">
        <v>47208</v>
      </c>
      <c r="F3046" s="22" t="s">
        <v>117</v>
      </c>
      <c r="G3046" s="5">
        <v>3044</v>
      </c>
      <c r="H3046" s="12">
        <f t="shared" si="94"/>
        <v>22</v>
      </c>
      <c r="I3046" s="12">
        <f t="shared" si="95"/>
        <v>10</v>
      </c>
    </row>
    <row r="3047" spans="1:9" s="47" customFormat="1" ht="27" customHeight="1" x14ac:dyDescent="0.4">
      <c r="A3047" s="22" t="s">
        <v>3503</v>
      </c>
      <c r="B3047" s="22" t="s">
        <v>5968</v>
      </c>
      <c r="C3047" s="22" t="s">
        <v>5969</v>
      </c>
      <c r="D3047" s="10">
        <v>1444240115</v>
      </c>
      <c r="E3047" s="11">
        <v>46691</v>
      </c>
      <c r="F3047" s="22" t="s">
        <v>117</v>
      </c>
      <c r="G3047" s="12">
        <v>3045</v>
      </c>
      <c r="H3047" s="12">
        <f t="shared" si="94"/>
        <v>22</v>
      </c>
      <c r="I3047" s="12">
        <f t="shared" si="95"/>
        <v>14</v>
      </c>
    </row>
    <row r="3048" spans="1:9" s="47" customFormat="1" ht="27" customHeight="1" x14ac:dyDescent="0.4">
      <c r="A3048" s="22" t="s">
        <v>3503</v>
      </c>
      <c r="B3048" s="22" t="s">
        <v>5970</v>
      </c>
      <c r="C3048" s="22" t="s">
        <v>5971</v>
      </c>
      <c r="D3048" s="10">
        <v>1444240156</v>
      </c>
      <c r="E3048" s="11">
        <v>47361</v>
      </c>
      <c r="F3048" s="22" t="s">
        <v>117</v>
      </c>
      <c r="G3048" s="5">
        <v>3046</v>
      </c>
      <c r="H3048" s="12">
        <f t="shared" si="94"/>
        <v>22</v>
      </c>
      <c r="I3048" s="12">
        <f t="shared" si="95"/>
        <v>11</v>
      </c>
    </row>
    <row r="3049" spans="1:9" s="47" customFormat="1" ht="27" customHeight="1" x14ac:dyDescent="0.4">
      <c r="A3049" s="22" t="s">
        <v>3503</v>
      </c>
      <c r="B3049" s="22" t="s">
        <v>5972</v>
      </c>
      <c r="C3049" s="22" t="s">
        <v>5973</v>
      </c>
      <c r="D3049" s="10">
        <v>1444240149</v>
      </c>
      <c r="E3049" s="11">
        <v>46904</v>
      </c>
      <c r="F3049" s="22" t="s">
        <v>117</v>
      </c>
      <c r="G3049" s="12">
        <v>3047</v>
      </c>
      <c r="H3049" s="12">
        <f t="shared" si="94"/>
        <v>13</v>
      </c>
      <c r="I3049" s="12">
        <f t="shared" si="95"/>
        <v>9</v>
      </c>
    </row>
    <row r="3050" spans="1:9" s="47" customFormat="1" ht="27" customHeight="1" x14ac:dyDescent="0.4">
      <c r="A3050" s="22" t="s">
        <v>3503</v>
      </c>
      <c r="B3050" s="22" t="s">
        <v>5974</v>
      </c>
      <c r="C3050" s="22" t="s">
        <v>5975</v>
      </c>
      <c r="D3050" s="10">
        <v>1444240313</v>
      </c>
      <c r="E3050" s="11">
        <v>46599</v>
      </c>
      <c r="F3050" s="22" t="s">
        <v>117</v>
      </c>
      <c r="G3050" s="5">
        <v>3048</v>
      </c>
      <c r="H3050" s="12">
        <f t="shared" si="94"/>
        <v>11</v>
      </c>
      <c r="I3050" s="12">
        <f t="shared" si="95"/>
        <v>11</v>
      </c>
    </row>
    <row r="3051" spans="1:9" s="47" customFormat="1" ht="27" customHeight="1" x14ac:dyDescent="0.4">
      <c r="A3051" s="22" t="s">
        <v>3503</v>
      </c>
      <c r="B3051" s="22" t="s">
        <v>5976</v>
      </c>
      <c r="C3051" s="22" t="s">
        <v>5977</v>
      </c>
      <c r="D3051" s="10">
        <v>1444280400</v>
      </c>
      <c r="E3051" s="11">
        <v>47422</v>
      </c>
      <c r="F3051" s="22" t="s">
        <v>117</v>
      </c>
      <c r="G3051" s="12">
        <v>3049</v>
      </c>
      <c r="H3051" s="12">
        <f t="shared" si="94"/>
        <v>13</v>
      </c>
      <c r="I3051" s="12">
        <f t="shared" si="95"/>
        <v>15</v>
      </c>
    </row>
    <row r="3052" spans="1:9" s="47" customFormat="1" ht="27" customHeight="1" x14ac:dyDescent="0.4">
      <c r="A3052" s="22" t="s">
        <v>3503</v>
      </c>
      <c r="B3052" s="22" t="s">
        <v>5978</v>
      </c>
      <c r="C3052" s="22" t="s">
        <v>2354</v>
      </c>
      <c r="D3052" s="10">
        <v>1444240123</v>
      </c>
      <c r="E3052" s="11">
        <v>46387</v>
      </c>
      <c r="F3052" s="22" t="s">
        <v>117</v>
      </c>
      <c r="G3052" s="5">
        <v>3050</v>
      </c>
      <c r="H3052" s="12">
        <f t="shared" si="94"/>
        <v>24</v>
      </c>
      <c r="I3052" s="12">
        <f t="shared" si="95"/>
        <v>10</v>
      </c>
    </row>
    <row r="3053" spans="1:9" s="47" customFormat="1" ht="27" customHeight="1" x14ac:dyDescent="0.4">
      <c r="A3053" s="22" t="s">
        <v>3503</v>
      </c>
      <c r="B3053" s="22" t="s">
        <v>5979</v>
      </c>
      <c r="C3053" s="22" t="s">
        <v>5980</v>
      </c>
      <c r="D3053" s="10">
        <v>1444240297</v>
      </c>
      <c r="E3053" s="11">
        <v>48395</v>
      </c>
      <c r="F3053" s="22" t="s">
        <v>117</v>
      </c>
      <c r="G3053" s="12">
        <v>3051</v>
      </c>
      <c r="H3053" s="12">
        <f t="shared" si="94"/>
        <v>13</v>
      </c>
      <c r="I3053" s="12">
        <f t="shared" si="95"/>
        <v>6</v>
      </c>
    </row>
    <row r="3054" spans="1:9" s="47" customFormat="1" ht="27" customHeight="1" x14ac:dyDescent="0.4">
      <c r="A3054" s="22" t="s">
        <v>3503</v>
      </c>
      <c r="B3054" s="22" t="s">
        <v>5981</v>
      </c>
      <c r="C3054" s="22" t="s">
        <v>5982</v>
      </c>
      <c r="D3054" s="10">
        <v>1444240362</v>
      </c>
      <c r="E3054" s="11">
        <v>47361</v>
      </c>
      <c r="F3054" s="22" t="s">
        <v>117</v>
      </c>
      <c r="G3054" s="5">
        <v>3052</v>
      </c>
      <c r="H3054" s="12">
        <f t="shared" si="94"/>
        <v>20</v>
      </c>
      <c r="I3054" s="12">
        <f t="shared" si="95"/>
        <v>19</v>
      </c>
    </row>
    <row r="3055" spans="1:9" s="47" customFormat="1" ht="27" customHeight="1" x14ac:dyDescent="0.4">
      <c r="A3055" s="22" t="s">
        <v>3503</v>
      </c>
      <c r="B3055" s="22" t="s">
        <v>5983</v>
      </c>
      <c r="C3055" s="22" t="s">
        <v>5984</v>
      </c>
      <c r="D3055" s="10">
        <v>1444240446</v>
      </c>
      <c r="E3055" s="11">
        <v>48060</v>
      </c>
      <c r="F3055" s="22" t="s">
        <v>117</v>
      </c>
      <c r="G3055" s="12">
        <v>3053</v>
      </c>
      <c r="H3055" s="12">
        <f t="shared" si="94"/>
        <v>22</v>
      </c>
      <c r="I3055" s="12">
        <f t="shared" si="95"/>
        <v>14</v>
      </c>
    </row>
    <row r="3056" spans="1:9" s="47" customFormat="1" ht="27" customHeight="1" x14ac:dyDescent="0.4">
      <c r="A3056" s="22" t="s">
        <v>3503</v>
      </c>
      <c r="B3056" s="22" t="s">
        <v>5985</v>
      </c>
      <c r="C3056" s="22" t="s">
        <v>5986</v>
      </c>
      <c r="D3056" s="10">
        <v>1444280525</v>
      </c>
      <c r="E3056" s="11">
        <v>46387</v>
      </c>
      <c r="F3056" s="22" t="s">
        <v>117</v>
      </c>
      <c r="G3056" s="5">
        <v>3054</v>
      </c>
      <c r="H3056" s="12">
        <f t="shared" si="94"/>
        <v>19</v>
      </c>
      <c r="I3056" s="12">
        <f t="shared" si="95"/>
        <v>13</v>
      </c>
    </row>
    <row r="3057" spans="1:9" s="47" customFormat="1" ht="27" customHeight="1" x14ac:dyDescent="0.4">
      <c r="A3057" s="22" t="s">
        <v>3503</v>
      </c>
      <c r="B3057" s="22" t="s">
        <v>5987</v>
      </c>
      <c r="C3057" s="22" t="s">
        <v>5988</v>
      </c>
      <c r="D3057" s="10">
        <v>1444240032</v>
      </c>
      <c r="E3057" s="11">
        <v>46387</v>
      </c>
      <c r="F3057" s="22" t="s">
        <v>117</v>
      </c>
      <c r="G3057" s="12">
        <v>3055</v>
      </c>
      <c r="H3057" s="12">
        <f t="shared" si="94"/>
        <v>12</v>
      </c>
      <c r="I3057" s="12">
        <f t="shared" si="95"/>
        <v>11</v>
      </c>
    </row>
    <row r="3058" spans="1:9" s="47" customFormat="1" ht="27" customHeight="1" x14ac:dyDescent="0.4">
      <c r="A3058" s="22" t="s">
        <v>3503</v>
      </c>
      <c r="B3058" s="22" t="s">
        <v>5989</v>
      </c>
      <c r="C3058" s="22" t="s">
        <v>5990</v>
      </c>
      <c r="D3058" s="10">
        <v>1444240412</v>
      </c>
      <c r="E3058" s="11">
        <v>47756</v>
      </c>
      <c r="F3058" s="22" t="s">
        <v>117</v>
      </c>
      <c r="G3058" s="5">
        <v>3056</v>
      </c>
      <c r="H3058" s="12">
        <f t="shared" si="94"/>
        <v>14</v>
      </c>
      <c r="I3058" s="12">
        <f t="shared" si="95"/>
        <v>11</v>
      </c>
    </row>
    <row r="3059" spans="1:9" s="47" customFormat="1" ht="27" customHeight="1" x14ac:dyDescent="0.4">
      <c r="A3059" s="22" t="s">
        <v>3503</v>
      </c>
      <c r="B3059" s="22" t="s">
        <v>5991</v>
      </c>
      <c r="C3059" s="22" t="s">
        <v>5992</v>
      </c>
      <c r="D3059" s="10">
        <v>1444240453</v>
      </c>
      <c r="E3059" s="11">
        <v>48273</v>
      </c>
      <c r="F3059" s="22" t="s">
        <v>117</v>
      </c>
      <c r="G3059" s="12">
        <v>3057</v>
      </c>
      <c r="H3059" s="12">
        <f t="shared" si="94"/>
        <v>11</v>
      </c>
      <c r="I3059" s="12">
        <f t="shared" si="95"/>
        <v>11</v>
      </c>
    </row>
    <row r="3060" spans="1:9" s="47" customFormat="1" ht="27" customHeight="1" x14ac:dyDescent="0.4">
      <c r="A3060" s="22" t="s">
        <v>3503</v>
      </c>
      <c r="B3060" s="22" t="s">
        <v>5993</v>
      </c>
      <c r="C3060" s="22" t="s">
        <v>5994</v>
      </c>
      <c r="D3060" s="10">
        <v>1444280533</v>
      </c>
      <c r="E3060" s="11">
        <v>46387</v>
      </c>
      <c r="F3060" s="22" t="s">
        <v>117</v>
      </c>
      <c r="G3060" s="5">
        <v>3058</v>
      </c>
      <c r="H3060" s="12">
        <f t="shared" si="94"/>
        <v>11</v>
      </c>
      <c r="I3060" s="12">
        <f t="shared" si="95"/>
        <v>9</v>
      </c>
    </row>
    <row r="3061" spans="1:9" s="47" customFormat="1" ht="27" customHeight="1" x14ac:dyDescent="0.4">
      <c r="A3061" s="22" t="s">
        <v>3503</v>
      </c>
      <c r="B3061" s="22" t="s">
        <v>5995</v>
      </c>
      <c r="C3061" s="22" t="s">
        <v>5996</v>
      </c>
      <c r="D3061" s="10">
        <v>1444280756</v>
      </c>
      <c r="E3061" s="11">
        <v>46387</v>
      </c>
      <c r="F3061" s="22" t="s">
        <v>117</v>
      </c>
      <c r="G3061" s="12">
        <v>3059</v>
      </c>
      <c r="H3061" s="12">
        <f t="shared" si="94"/>
        <v>21</v>
      </c>
      <c r="I3061" s="12">
        <f t="shared" si="95"/>
        <v>4</v>
      </c>
    </row>
    <row r="3062" spans="1:9" s="47" customFormat="1" ht="27" customHeight="1" x14ac:dyDescent="0.4">
      <c r="A3062" s="22" t="s">
        <v>3503</v>
      </c>
      <c r="B3062" s="22" t="s">
        <v>5997</v>
      </c>
      <c r="C3062" s="22" t="s">
        <v>5998</v>
      </c>
      <c r="D3062" s="10">
        <v>1444240008</v>
      </c>
      <c r="E3062" s="11">
        <v>46387</v>
      </c>
      <c r="F3062" s="22" t="s">
        <v>117</v>
      </c>
      <c r="G3062" s="5">
        <v>3060</v>
      </c>
      <c r="H3062" s="12">
        <f t="shared" si="94"/>
        <v>11</v>
      </c>
      <c r="I3062" s="12">
        <f t="shared" si="95"/>
        <v>11</v>
      </c>
    </row>
    <row r="3063" spans="1:9" s="47" customFormat="1" ht="27" customHeight="1" x14ac:dyDescent="0.4">
      <c r="A3063" s="22" t="s">
        <v>3503</v>
      </c>
      <c r="B3063" s="22" t="s">
        <v>5999</v>
      </c>
      <c r="C3063" s="22" t="s">
        <v>6000</v>
      </c>
      <c r="D3063" s="10">
        <v>1444200317</v>
      </c>
      <c r="E3063" s="11">
        <v>46446</v>
      </c>
      <c r="F3063" s="22" t="s">
        <v>117</v>
      </c>
      <c r="G3063" s="12">
        <v>3061</v>
      </c>
      <c r="H3063" s="12">
        <f t="shared" si="94"/>
        <v>13</v>
      </c>
      <c r="I3063" s="12">
        <f t="shared" si="95"/>
        <v>8</v>
      </c>
    </row>
    <row r="3064" spans="1:9" s="47" customFormat="1" ht="27" customHeight="1" x14ac:dyDescent="0.4">
      <c r="A3064" s="22" t="s">
        <v>3503</v>
      </c>
      <c r="B3064" s="22" t="s">
        <v>6001</v>
      </c>
      <c r="C3064" s="22" t="s">
        <v>6002</v>
      </c>
      <c r="D3064" s="10">
        <v>1444240396</v>
      </c>
      <c r="E3064" s="11">
        <v>47514</v>
      </c>
      <c r="F3064" s="22" t="s">
        <v>117</v>
      </c>
      <c r="G3064" s="5">
        <v>3062</v>
      </c>
      <c r="H3064" s="12">
        <f t="shared" si="94"/>
        <v>12</v>
      </c>
      <c r="I3064" s="12">
        <f t="shared" si="95"/>
        <v>14</v>
      </c>
    </row>
    <row r="3065" spans="1:9" s="47" customFormat="1" ht="27" customHeight="1" x14ac:dyDescent="0.4">
      <c r="A3065" s="22" t="s">
        <v>3503</v>
      </c>
      <c r="B3065" s="22" t="s">
        <v>6003</v>
      </c>
      <c r="C3065" s="22" t="s">
        <v>6004</v>
      </c>
      <c r="D3065" s="10">
        <v>1444240057</v>
      </c>
      <c r="E3065" s="11">
        <v>46387</v>
      </c>
      <c r="F3065" s="22" t="s">
        <v>117</v>
      </c>
      <c r="G3065" s="12">
        <v>3063</v>
      </c>
      <c r="H3065" s="12">
        <f t="shared" si="94"/>
        <v>15</v>
      </c>
      <c r="I3065" s="12">
        <f t="shared" si="95"/>
        <v>15</v>
      </c>
    </row>
    <row r="3066" spans="1:9" s="47" customFormat="1" ht="27" customHeight="1" x14ac:dyDescent="0.4">
      <c r="A3066" s="22" t="s">
        <v>3503</v>
      </c>
      <c r="B3066" s="22" t="s">
        <v>6005</v>
      </c>
      <c r="C3066" s="22" t="s">
        <v>6006</v>
      </c>
      <c r="D3066" s="10">
        <v>1444240438</v>
      </c>
      <c r="E3066" s="11">
        <v>47968</v>
      </c>
      <c r="F3066" s="22" t="s">
        <v>117</v>
      </c>
      <c r="G3066" s="5">
        <v>3064</v>
      </c>
      <c r="H3066" s="12">
        <f t="shared" si="94"/>
        <v>14</v>
      </c>
      <c r="I3066" s="12">
        <f t="shared" si="95"/>
        <v>10</v>
      </c>
    </row>
    <row r="3067" spans="1:9" s="47" customFormat="1" ht="27" customHeight="1" x14ac:dyDescent="0.4">
      <c r="A3067" s="22" t="s">
        <v>3503</v>
      </c>
      <c r="B3067" s="22" t="s">
        <v>6007</v>
      </c>
      <c r="C3067" s="22" t="s">
        <v>6008</v>
      </c>
      <c r="D3067" s="10">
        <v>1444240230</v>
      </c>
      <c r="E3067" s="11">
        <v>47422</v>
      </c>
      <c r="F3067" s="22" t="s">
        <v>117</v>
      </c>
      <c r="G3067" s="12">
        <v>3065</v>
      </c>
      <c r="H3067" s="12">
        <f t="shared" si="94"/>
        <v>14</v>
      </c>
      <c r="I3067" s="12">
        <f t="shared" si="95"/>
        <v>11</v>
      </c>
    </row>
    <row r="3068" spans="1:9" s="47" customFormat="1" ht="27" customHeight="1" x14ac:dyDescent="0.4">
      <c r="A3068" s="22" t="s">
        <v>3503</v>
      </c>
      <c r="B3068" s="22" t="s">
        <v>6009</v>
      </c>
      <c r="C3068" s="22" t="s">
        <v>6010</v>
      </c>
      <c r="D3068" s="10">
        <v>1444200283</v>
      </c>
      <c r="E3068" s="11">
        <v>46387</v>
      </c>
      <c r="F3068" s="22" t="s">
        <v>117</v>
      </c>
      <c r="G3068" s="5">
        <v>3066</v>
      </c>
      <c r="H3068" s="12">
        <f t="shared" si="94"/>
        <v>14</v>
      </c>
      <c r="I3068" s="12">
        <f t="shared" si="95"/>
        <v>13</v>
      </c>
    </row>
    <row r="3069" spans="1:9" s="47" customFormat="1" ht="27" customHeight="1" x14ac:dyDescent="0.4">
      <c r="A3069" s="22" t="s">
        <v>3503</v>
      </c>
      <c r="B3069" s="22" t="s">
        <v>6011</v>
      </c>
      <c r="C3069" s="22" t="s">
        <v>6012</v>
      </c>
      <c r="D3069" s="10">
        <v>1444280566</v>
      </c>
      <c r="E3069" s="11">
        <v>46387</v>
      </c>
      <c r="F3069" s="22" t="s">
        <v>117</v>
      </c>
      <c r="G3069" s="12">
        <v>3067</v>
      </c>
      <c r="H3069" s="12">
        <f t="shared" si="94"/>
        <v>26</v>
      </c>
      <c r="I3069" s="12">
        <f t="shared" si="95"/>
        <v>6</v>
      </c>
    </row>
    <row r="3070" spans="1:9" s="47" customFormat="1" ht="27" customHeight="1" x14ac:dyDescent="0.4">
      <c r="A3070" s="22" t="s">
        <v>3503</v>
      </c>
      <c r="B3070" s="22" t="s">
        <v>6013</v>
      </c>
      <c r="C3070" s="22" t="s">
        <v>6014</v>
      </c>
      <c r="D3070" s="10">
        <v>1444240172</v>
      </c>
      <c r="E3070" s="11">
        <v>48304</v>
      </c>
      <c r="F3070" s="22" t="s">
        <v>117</v>
      </c>
      <c r="G3070" s="5">
        <v>3068</v>
      </c>
      <c r="H3070" s="12">
        <f t="shared" si="94"/>
        <v>14</v>
      </c>
      <c r="I3070" s="12">
        <f t="shared" si="95"/>
        <v>13</v>
      </c>
    </row>
    <row r="3071" spans="1:9" s="47" customFormat="1" ht="27" customHeight="1" x14ac:dyDescent="0.4">
      <c r="A3071" s="22" t="s">
        <v>3503</v>
      </c>
      <c r="B3071" s="22" t="s">
        <v>6015</v>
      </c>
      <c r="C3071" s="22" t="s">
        <v>6016</v>
      </c>
      <c r="D3071" s="10">
        <v>1444200382</v>
      </c>
      <c r="E3071" s="11">
        <v>46387</v>
      </c>
      <c r="F3071" s="22" t="s">
        <v>117</v>
      </c>
      <c r="G3071" s="12">
        <v>3069</v>
      </c>
      <c r="H3071" s="12">
        <f t="shared" si="94"/>
        <v>14</v>
      </c>
      <c r="I3071" s="12">
        <f t="shared" si="95"/>
        <v>10</v>
      </c>
    </row>
    <row r="3072" spans="1:9" s="47" customFormat="1" ht="27" customHeight="1" x14ac:dyDescent="0.4">
      <c r="A3072" s="22" t="s">
        <v>3503</v>
      </c>
      <c r="B3072" s="22" t="s">
        <v>6017</v>
      </c>
      <c r="C3072" s="50" t="s">
        <v>6018</v>
      </c>
      <c r="D3072" s="10">
        <v>1444240420</v>
      </c>
      <c r="E3072" s="11">
        <v>47848</v>
      </c>
      <c r="F3072" s="22" t="s">
        <v>117</v>
      </c>
      <c r="G3072" s="5">
        <v>3070</v>
      </c>
      <c r="H3072" s="12">
        <f t="shared" si="94"/>
        <v>36</v>
      </c>
      <c r="I3072" s="12">
        <f t="shared" si="95"/>
        <v>17</v>
      </c>
    </row>
    <row r="3073" spans="1:9" s="47" customFormat="1" ht="27" customHeight="1" x14ac:dyDescent="0.4">
      <c r="A3073" s="22" t="s">
        <v>3503</v>
      </c>
      <c r="B3073" s="22" t="s">
        <v>6019</v>
      </c>
      <c r="C3073" s="22" t="s">
        <v>6020</v>
      </c>
      <c r="D3073" s="10">
        <v>1444280772</v>
      </c>
      <c r="E3073" s="11">
        <v>46387</v>
      </c>
      <c r="F3073" s="22" t="s">
        <v>117</v>
      </c>
      <c r="G3073" s="12">
        <v>3071</v>
      </c>
      <c r="H3073" s="12">
        <f t="shared" si="94"/>
        <v>16</v>
      </c>
      <c r="I3073" s="12">
        <f t="shared" si="95"/>
        <v>13</v>
      </c>
    </row>
    <row r="3074" spans="1:9" s="47" customFormat="1" ht="27" customHeight="1" x14ac:dyDescent="0.4">
      <c r="A3074" s="22" t="s">
        <v>3503</v>
      </c>
      <c r="B3074" s="22" t="s">
        <v>6021</v>
      </c>
      <c r="C3074" s="22" t="s">
        <v>6022</v>
      </c>
      <c r="D3074" s="10">
        <v>1444240263</v>
      </c>
      <c r="E3074" s="11">
        <v>47999</v>
      </c>
      <c r="F3074" s="22" t="s">
        <v>117</v>
      </c>
      <c r="G3074" s="5">
        <v>3072</v>
      </c>
      <c r="H3074" s="12">
        <f t="shared" si="94"/>
        <v>14</v>
      </c>
      <c r="I3074" s="12">
        <f t="shared" si="95"/>
        <v>15</v>
      </c>
    </row>
    <row r="3075" spans="1:9" s="47" customFormat="1" ht="27" customHeight="1" x14ac:dyDescent="0.4">
      <c r="A3075" s="22" t="s">
        <v>3503</v>
      </c>
      <c r="B3075" s="22" t="s">
        <v>6023</v>
      </c>
      <c r="C3075" s="22" t="s">
        <v>6024</v>
      </c>
      <c r="D3075" s="10">
        <v>1444240099</v>
      </c>
      <c r="E3075" s="11">
        <v>46477</v>
      </c>
      <c r="F3075" s="22" t="s">
        <v>117</v>
      </c>
      <c r="G3075" s="12">
        <v>3073</v>
      </c>
      <c r="H3075" s="12">
        <f t="shared" si="94"/>
        <v>15</v>
      </c>
      <c r="I3075" s="12">
        <f t="shared" si="95"/>
        <v>9</v>
      </c>
    </row>
    <row r="3076" spans="1:9" s="47" customFormat="1" ht="27" customHeight="1" x14ac:dyDescent="0.4">
      <c r="A3076" s="22" t="s">
        <v>3503</v>
      </c>
      <c r="B3076" s="22" t="s">
        <v>6025</v>
      </c>
      <c r="C3076" s="22" t="s">
        <v>6024</v>
      </c>
      <c r="D3076" s="10">
        <v>1444240354</v>
      </c>
      <c r="E3076" s="11">
        <v>47269</v>
      </c>
      <c r="F3076" s="22" t="s">
        <v>117</v>
      </c>
      <c r="G3076" s="5">
        <v>3074</v>
      </c>
      <c r="H3076" s="12">
        <f t="shared" ref="H3076:H3139" si="96">LEN(C3076)</f>
        <v>15</v>
      </c>
      <c r="I3076" s="12">
        <f t="shared" ref="I3076:I3139" si="97">LEN(B3076)</f>
        <v>11</v>
      </c>
    </row>
    <row r="3077" spans="1:9" s="47" customFormat="1" ht="27" customHeight="1" x14ac:dyDescent="0.4">
      <c r="A3077" s="22" t="s">
        <v>3503</v>
      </c>
      <c r="B3077" s="22" t="s">
        <v>6026</v>
      </c>
      <c r="C3077" s="22" t="s">
        <v>6027</v>
      </c>
      <c r="D3077" s="10">
        <v>1444280418</v>
      </c>
      <c r="E3077" s="11">
        <v>46387</v>
      </c>
      <c r="F3077" s="22" t="s">
        <v>117</v>
      </c>
      <c r="G3077" s="12">
        <v>3075</v>
      </c>
      <c r="H3077" s="12">
        <f t="shared" si="96"/>
        <v>15</v>
      </c>
      <c r="I3077" s="12">
        <f t="shared" si="97"/>
        <v>6</v>
      </c>
    </row>
    <row r="3078" spans="1:9" s="47" customFormat="1" ht="27" customHeight="1" x14ac:dyDescent="0.4">
      <c r="A3078" s="22" t="s">
        <v>3503</v>
      </c>
      <c r="B3078" s="22" t="s">
        <v>6028</v>
      </c>
      <c r="C3078" s="22" t="s">
        <v>6029</v>
      </c>
      <c r="D3078" s="10">
        <v>1444280509</v>
      </c>
      <c r="E3078" s="11">
        <v>46387</v>
      </c>
      <c r="F3078" s="22" t="s">
        <v>117</v>
      </c>
      <c r="G3078" s="5">
        <v>3076</v>
      </c>
      <c r="H3078" s="12">
        <f t="shared" si="96"/>
        <v>17</v>
      </c>
      <c r="I3078" s="12">
        <f t="shared" si="97"/>
        <v>5</v>
      </c>
    </row>
    <row r="3079" spans="1:9" s="47" customFormat="1" ht="27" customHeight="1" x14ac:dyDescent="0.4">
      <c r="A3079" s="22" t="s">
        <v>3503</v>
      </c>
      <c r="B3079" s="22" t="s">
        <v>6030</v>
      </c>
      <c r="C3079" s="22" t="s">
        <v>6031</v>
      </c>
      <c r="D3079" s="10">
        <v>1444280616</v>
      </c>
      <c r="E3079" s="11">
        <v>46387</v>
      </c>
      <c r="F3079" s="22" t="s">
        <v>117</v>
      </c>
      <c r="G3079" s="12">
        <v>3077</v>
      </c>
      <c r="H3079" s="12">
        <f t="shared" si="96"/>
        <v>13</v>
      </c>
      <c r="I3079" s="12">
        <f t="shared" si="97"/>
        <v>11</v>
      </c>
    </row>
    <row r="3080" spans="1:9" s="47" customFormat="1" ht="27" customHeight="1" x14ac:dyDescent="0.4">
      <c r="A3080" s="22" t="s">
        <v>3503</v>
      </c>
      <c r="B3080" s="22" t="s">
        <v>6032</v>
      </c>
      <c r="C3080" s="22" t="s">
        <v>6033</v>
      </c>
      <c r="D3080" s="10">
        <v>1444240388</v>
      </c>
      <c r="E3080" s="11">
        <v>47483</v>
      </c>
      <c r="F3080" s="22" t="s">
        <v>117</v>
      </c>
      <c r="G3080" s="5">
        <v>3078</v>
      </c>
      <c r="H3080" s="12">
        <f t="shared" si="96"/>
        <v>13</v>
      </c>
      <c r="I3080" s="12">
        <f t="shared" si="97"/>
        <v>11</v>
      </c>
    </row>
    <row r="3081" spans="1:9" s="47" customFormat="1" ht="27" customHeight="1" x14ac:dyDescent="0.4">
      <c r="A3081" s="22" t="s">
        <v>3503</v>
      </c>
      <c r="B3081" s="22" t="s">
        <v>6034</v>
      </c>
      <c r="C3081" s="22" t="s">
        <v>6035</v>
      </c>
      <c r="D3081" s="10">
        <v>1444240214</v>
      </c>
      <c r="E3081" s="11">
        <v>47391</v>
      </c>
      <c r="F3081" s="22" t="s">
        <v>117</v>
      </c>
      <c r="G3081" s="12">
        <v>3079</v>
      </c>
      <c r="H3081" s="12">
        <f t="shared" si="96"/>
        <v>15</v>
      </c>
      <c r="I3081" s="12">
        <f t="shared" si="97"/>
        <v>14</v>
      </c>
    </row>
    <row r="3082" spans="1:9" s="47" customFormat="1" ht="27" customHeight="1" x14ac:dyDescent="0.4">
      <c r="A3082" s="22" t="s">
        <v>3503</v>
      </c>
      <c r="B3082" s="22" t="s">
        <v>5489</v>
      </c>
      <c r="C3082" s="22" t="s">
        <v>6036</v>
      </c>
      <c r="D3082" s="10">
        <v>1444200119</v>
      </c>
      <c r="E3082" s="11">
        <v>46387</v>
      </c>
      <c r="F3082" s="22" t="s">
        <v>117</v>
      </c>
      <c r="G3082" s="5">
        <v>3080</v>
      </c>
      <c r="H3082" s="12">
        <f t="shared" si="96"/>
        <v>13</v>
      </c>
      <c r="I3082" s="12">
        <f t="shared" si="97"/>
        <v>6</v>
      </c>
    </row>
    <row r="3083" spans="1:9" s="47" customFormat="1" ht="27" customHeight="1" x14ac:dyDescent="0.4">
      <c r="A3083" s="22" t="s">
        <v>3503</v>
      </c>
      <c r="B3083" s="22" t="s">
        <v>6037</v>
      </c>
      <c r="C3083" s="22" t="s">
        <v>6038</v>
      </c>
      <c r="D3083" s="10">
        <v>1444240040</v>
      </c>
      <c r="E3083" s="11">
        <v>46387</v>
      </c>
      <c r="F3083" s="22" t="s">
        <v>117</v>
      </c>
      <c r="G3083" s="12">
        <v>3081</v>
      </c>
      <c r="H3083" s="12">
        <f t="shared" si="96"/>
        <v>12</v>
      </c>
      <c r="I3083" s="12">
        <f t="shared" si="97"/>
        <v>12</v>
      </c>
    </row>
    <row r="3084" spans="1:9" s="47" customFormat="1" ht="27" customHeight="1" x14ac:dyDescent="0.4">
      <c r="A3084" s="22" t="s">
        <v>3503</v>
      </c>
      <c r="B3084" s="22" t="s">
        <v>6039</v>
      </c>
      <c r="C3084" s="22" t="s">
        <v>6040</v>
      </c>
      <c r="D3084" s="10">
        <v>1444180741</v>
      </c>
      <c r="E3084" s="11">
        <v>46387</v>
      </c>
      <c r="F3084" s="22" t="s">
        <v>122</v>
      </c>
      <c r="G3084" s="5">
        <v>3082</v>
      </c>
      <c r="H3084" s="12">
        <f t="shared" si="96"/>
        <v>14</v>
      </c>
      <c r="I3084" s="12">
        <f t="shared" si="97"/>
        <v>13</v>
      </c>
    </row>
    <row r="3085" spans="1:9" s="47" customFormat="1" ht="27" customHeight="1" x14ac:dyDescent="0.4">
      <c r="A3085" s="22" t="s">
        <v>3503</v>
      </c>
      <c r="B3085" s="22" t="s">
        <v>6041</v>
      </c>
      <c r="C3085" s="22" t="s">
        <v>6042</v>
      </c>
      <c r="D3085" s="10">
        <v>1444140190</v>
      </c>
      <c r="E3085" s="11">
        <v>46568</v>
      </c>
      <c r="F3085" s="22" t="s">
        <v>122</v>
      </c>
      <c r="G3085" s="12">
        <v>3083</v>
      </c>
      <c r="H3085" s="12">
        <f t="shared" si="96"/>
        <v>13</v>
      </c>
      <c r="I3085" s="12">
        <f t="shared" si="97"/>
        <v>12</v>
      </c>
    </row>
    <row r="3086" spans="1:9" s="47" customFormat="1" ht="27" customHeight="1" x14ac:dyDescent="0.4">
      <c r="A3086" s="22" t="s">
        <v>3503</v>
      </c>
      <c r="B3086" s="22" t="s">
        <v>6043</v>
      </c>
      <c r="C3086" s="22" t="s">
        <v>6044</v>
      </c>
      <c r="D3086" s="10">
        <v>1444140216</v>
      </c>
      <c r="E3086" s="11">
        <v>47087</v>
      </c>
      <c r="F3086" s="22" t="s">
        <v>122</v>
      </c>
      <c r="G3086" s="5">
        <v>3084</v>
      </c>
      <c r="H3086" s="12">
        <f t="shared" si="96"/>
        <v>12</v>
      </c>
      <c r="I3086" s="12">
        <f t="shared" si="97"/>
        <v>10</v>
      </c>
    </row>
    <row r="3087" spans="1:9" s="47" customFormat="1" ht="27" customHeight="1" x14ac:dyDescent="0.4">
      <c r="A3087" s="22" t="s">
        <v>3503</v>
      </c>
      <c r="B3087" s="22" t="s">
        <v>6045</v>
      </c>
      <c r="C3087" s="22" t="s">
        <v>6046</v>
      </c>
      <c r="D3087" s="10">
        <v>1444180576</v>
      </c>
      <c r="E3087" s="11">
        <v>46387</v>
      </c>
      <c r="F3087" s="22" t="s">
        <v>122</v>
      </c>
      <c r="G3087" s="12">
        <v>3085</v>
      </c>
      <c r="H3087" s="12">
        <f t="shared" si="96"/>
        <v>14</v>
      </c>
      <c r="I3087" s="12">
        <f t="shared" si="97"/>
        <v>5</v>
      </c>
    </row>
    <row r="3088" spans="1:9" s="47" customFormat="1" ht="27" customHeight="1" x14ac:dyDescent="0.4">
      <c r="A3088" s="22" t="s">
        <v>3503</v>
      </c>
      <c r="B3088" s="22" t="s">
        <v>6047</v>
      </c>
      <c r="C3088" s="22" t="s">
        <v>6048</v>
      </c>
      <c r="D3088" s="10">
        <v>1444180733</v>
      </c>
      <c r="E3088" s="11">
        <v>46387</v>
      </c>
      <c r="F3088" s="22" t="s">
        <v>122</v>
      </c>
      <c r="G3088" s="5">
        <v>3086</v>
      </c>
      <c r="H3088" s="12">
        <f t="shared" si="96"/>
        <v>13</v>
      </c>
      <c r="I3088" s="12">
        <f t="shared" si="97"/>
        <v>15</v>
      </c>
    </row>
    <row r="3089" spans="1:9" s="47" customFormat="1" ht="27" customHeight="1" x14ac:dyDescent="0.4">
      <c r="A3089" s="22" t="s">
        <v>3503</v>
      </c>
      <c r="B3089" s="22" t="s">
        <v>6049</v>
      </c>
      <c r="C3089" s="22" t="s">
        <v>6050</v>
      </c>
      <c r="D3089" s="10">
        <v>1444140034</v>
      </c>
      <c r="E3089" s="11">
        <v>46387</v>
      </c>
      <c r="F3089" s="22" t="s">
        <v>122</v>
      </c>
      <c r="G3089" s="12">
        <v>3087</v>
      </c>
      <c r="H3089" s="12">
        <f t="shared" si="96"/>
        <v>15</v>
      </c>
      <c r="I3089" s="12">
        <f t="shared" si="97"/>
        <v>15</v>
      </c>
    </row>
    <row r="3090" spans="1:9" s="47" customFormat="1" ht="27" customHeight="1" x14ac:dyDescent="0.4">
      <c r="A3090" s="22" t="s">
        <v>3503</v>
      </c>
      <c r="B3090" s="22" t="s">
        <v>6051</v>
      </c>
      <c r="C3090" s="22" t="s">
        <v>6052</v>
      </c>
      <c r="D3090" s="10">
        <v>1444180600</v>
      </c>
      <c r="E3090" s="11">
        <v>46387</v>
      </c>
      <c r="F3090" s="22" t="s">
        <v>122</v>
      </c>
      <c r="G3090" s="5">
        <v>3088</v>
      </c>
      <c r="H3090" s="12">
        <f t="shared" si="96"/>
        <v>12</v>
      </c>
      <c r="I3090" s="12">
        <f t="shared" si="97"/>
        <v>4</v>
      </c>
    </row>
    <row r="3091" spans="1:9" s="47" customFormat="1" ht="27" customHeight="1" x14ac:dyDescent="0.4">
      <c r="A3091" s="22" t="s">
        <v>3503</v>
      </c>
      <c r="B3091" s="22" t="s">
        <v>6053</v>
      </c>
      <c r="C3091" s="22" t="s">
        <v>6054</v>
      </c>
      <c r="D3091" s="10">
        <v>1444140240</v>
      </c>
      <c r="E3091" s="11">
        <v>47514</v>
      </c>
      <c r="F3091" s="22" t="s">
        <v>122</v>
      </c>
      <c r="G3091" s="12">
        <v>3089</v>
      </c>
      <c r="H3091" s="12">
        <f t="shared" si="96"/>
        <v>14</v>
      </c>
      <c r="I3091" s="12">
        <f t="shared" si="97"/>
        <v>14</v>
      </c>
    </row>
    <row r="3092" spans="1:9" s="47" customFormat="1" ht="27" customHeight="1" x14ac:dyDescent="0.4">
      <c r="A3092" s="22" t="s">
        <v>3503</v>
      </c>
      <c r="B3092" s="22" t="s">
        <v>6055</v>
      </c>
      <c r="C3092" s="22" t="s">
        <v>6056</v>
      </c>
      <c r="D3092" s="10">
        <v>1444140109</v>
      </c>
      <c r="E3092" s="11">
        <v>47542</v>
      </c>
      <c r="F3092" s="22" t="s">
        <v>122</v>
      </c>
      <c r="G3092" s="5">
        <v>3090</v>
      </c>
      <c r="H3092" s="12">
        <f t="shared" si="96"/>
        <v>15</v>
      </c>
      <c r="I3092" s="12">
        <f t="shared" si="97"/>
        <v>14</v>
      </c>
    </row>
    <row r="3093" spans="1:9" s="47" customFormat="1" ht="27" customHeight="1" x14ac:dyDescent="0.4">
      <c r="A3093" s="22" t="s">
        <v>3503</v>
      </c>
      <c r="B3093" s="22" t="s">
        <v>6057</v>
      </c>
      <c r="C3093" s="22" t="s">
        <v>6058</v>
      </c>
      <c r="D3093" s="10">
        <v>1444180535</v>
      </c>
      <c r="E3093" s="11">
        <v>46387</v>
      </c>
      <c r="F3093" s="22" t="s">
        <v>122</v>
      </c>
      <c r="G3093" s="12">
        <v>3091</v>
      </c>
      <c r="H3093" s="12">
        <f t="shared" si="96"/>
        <v>11</v>
      </c>
      <c r="I3093" s="12">
        <f t="shared" si="97"/>
        <v>4</v>
      </c>
    </row>
    <row r="3094" spans="1:9" s="47" customFormat="1" ht="27" customHeight="1" x14ac:dyDescent="0.4">
      <c r="A3094" s="22" t="s">
        <v>3503</v>
      </c>
      <c r="B3094" s="22" t="s">
        <v>4698</v>
      </c>
      <c r="C3094" s="22" t="s">
        <v>6059</v>
      </c>
      <c r="D3094" s="10">
        <v>1444140257</v>
      </c>
      <c r="E3094" s="11">
        <v>47756</v>
      </c>
      <c r="F3094" s="22" t="s">
        <v>122</v>
      </c>
      <c r="G3094" s="5">
        <v>3092</v>
      </c>
      <c r="H3094" s="12">
        <f t="shared" si="96"/>
        <v>12</v>
      </c>
      <c r="I3094" s="12">
        <f t="shared" si="97"/>
        <v>8</v>
      </c>
    </row>
    <row r="3095" spans="1:9" s="47" customFormat="1" ht="27" customHeight="1" x14ac:dyDescent="0.4">
      <c r="A3095" s="22" t="s">
        <v>3503</v>
      </c>
      <c r="B3095" s="22" t="s">
        <v>6060</v>
      </c>
      <c r="C3095" s="22" t="s">
        <v>6061</v>
      </c>
      <c r="D3095" s="10">
        <v>1444180436</v>
      </c>
      <c r="E3095" s="11">
        <v>46387</v>
      </c>
      <c r="F3095" s="22" t="s">
        <v>122</v>
      </c>
      <c r="G3095" s="12">
        <v>3093</v>
      </c>
      <c r="H3095" s="12">
        <f t="shared" si="96"/>
        <v>13</v>
      </c>
      <c r="I3095" s="12">
        <f t="shared" si="97"/>
        <v>8</v>
      </c>
    </row>
    <row r="3096" spans="1:9" s="47" customFormat="1" ht="27" customHeight="1" x14ac:dyDescent="0.4">
      <c r="A3096" s="22" t="s">
        <v>3503</v>
      </c>
      <c r="B3096" s="22" t="s">
        <v>6062</v>
      </c>
      <c r="C3096" s="22" t="s">
        <v>6063</v>
      </c>
      <c r="D3096" s="10">
        <v>1444180840</v>
      </c>
      <c r="E3096" s="11">
        <v>47118</v>
      </c>
      <c r="F3096" s="22" t="s">
        <v>122</v>
      </c>
      <c r="G3096" s="5">
        <v>3094</v>
      </c>
      <c r="H3096" s="12">
        <f t="shared" si="96"/>
        <v>12</v>
      </c>
      <c r="I3096" s="12">
        <f t="shared" si="97"/>
        <v>21</v>
      </c>
    </row>
    <row r="3097" spans="1:9" s="47" customFormat="1" ht="27" customHeight="1" x14ac:dyDescent="0.4">
      <c r="A3097" s="22" t="s">
        <v>3503</v>
      </c>
      <c r="B3097" s="22" t="s">
        <v>6064</v>
      </c>
      <c r="C3097" s="22" t="s">
        <v>6065</v>
      </c>
      <c r="D3097" s="10">
        <v>1444100251</v>
      </c>
      <c r="E3097" s="11">
        <v>46387</v>
      </c>
      <c r="F3097" s="22" t="s">
        <v>122</v>
      </c>
      <c r="G3097" s="12">
        <v>3095</v>
      </c>
      <c r="H3097" s="12">
        <f t="shared" si="96"/>
        <v>12</v>
      </c>
      <c r="I3097" s="12">
        <f t="shared" si="97"/>
        <v>5</v>
      </c>
    </row>
    <row r="3098" spans="1:9" s="47" customFormat="1" ht="27" customHeight="1" x14ac:dyDescent="0.4">
      <c r="A3098" s="22" t="s">
        <v>3503</v>
      </c>
      <c r="B3098" s="22" t="s">
        <v>6066</v>
      </c>
      <c r="C3098" s="22" t="s">
        <v>6067</v>
      </c>
      <c r="D3098" s="10">
        <v>1444140083</v>
      </c>
      <c r="E3098" s="11">
        <v>47208</v>
      </c>
      <c r="F3098" s="22" t="s">
        <v>122</v>
      </c>
      <c r="G3098" s="5">
        <v>3096</v>
      </c>
      <c r="H3098" s="12">
        <f t="shared" si="96"/>
        <v>12</v>
      </c>
      <c r="I3098" s="12">
        <f t="shared" si="97"/>
        <v>5</v>
      </c>
    </row>
    <row r="3099" spans="1:9" s="47" customFormat="1" ht="27" customHeight="1" x14ac:dyDescent="0.4">
      <c r="A3099" s="22" t="s">
        <v>3503</v>
      </c>
      <c r="B3099" s="22" t="s">
        <v>6068</v>
      </c>
      <c r="C3099" s="22" t="s">
        <v>6069</v>
      </c>
      <c r="D3099" s="10">
        <v>1444140133</v>
      </c>
      <c r="E3099" s="11">
        <v>48152</v>
      </c>
      <c r="F3099" s="22" t="s">
        <v>122</v>
      </c>
      <c r="G3099" s="12">
        <v>3097</v>
      </c>
      <c r="H3099" s="12">
        <f t="shared" si="96"/>
        <v>12</v>
      </c>
      <c r="I3099" s="12">
        <f t="shared" si="97"/>
        <v>10</v>
      </c>
    </row>
    <row r="3100" spans="1:9" s="47" customFormat="1" ht="27" customHeight="1" x14ac:dyDescent="0.4">
      <c r="A3100" s="22" t="s">
        <v>3503</v>
      </c>
      <c r="B3100" s="22" t="s">
        <v>3566</v>
      </c>
      <c r="C3100" s="22" t="s">
        <v>6070</v>
      </c>
      <c r="D3100" s="10">
        <v>1444180642</v>
      </c>
      <c r="E3100" s="11">
        <v>46387</v>
      </c>
      <c r="F3100" s="22" t="s">
        <v>122</v>
      </c>
      <c r="G3100" s="5">
        <v>3098</v>
      </c>
      <c r="H3100" s="12">
        <f t="shared" si="96"/>
        <v>12</v>
      </c>
      <c r="I3100" s="12">
        <f t="shared" si="97"/>
        <v>6</v>
      </c>
    </row>
    <row r="3101" spans="1:9" s="47" customFormat="1" ht="27" customHeight="1" x14ac:dyDescent="0.4">
      <c r="A3101" s="22" t="s">
        <v>3503</v>
      </c>
      <c r="B3101" s="22" t="s">
        <v>3739</v>
      </c>
      <c r="C3101" s="22" t="s">
        <v>6071</v>
      </c>
      <c r="D3101" s="10">
        <v>1444180824</v>
      </c>
      <c r="E3101" s="11">
        <v>46387</v>
      </c>
      <c r="F3101" s="22" t="s">
        <v>122</v>
      </c>
      <c r="G3101" s="12">
        <v>3099</v>
      </c>
      <c r="H3101" s="12">
        <f t="shared" si="96"/>
        <v>13</v>
      </c>
      <c r="I3101" s="12">
        <f t="shared" si="97"/>
        <v>6</v>
      </c>
    </row>
    <row r="3102" spans="1:9" s="47" customFormat="1" ht="27" customHeight="1" x14ac:dyDescent="0.4">
      <c r="A3102" s="22" t="s">
        <v>3503</v>
      </c>
      <c r="B3102" s="22" t="s">
        <v>6072</v>
      </c>
      <c r="C3102" s="22" t="s">
        <v>6073</v>
      </c>
      <c r="D3102" s="10">
        <v>1444180592</v>
      </c>
      <c r="E3102" s="11">
        <v>46387</v>
      </c>
      <c r="F3102" s="22" t="s">
        <v>122</v>
      </c>
      <c r="G3102" s="5">
        <v>3100</v>
      </c>
      <c r="H3102" s="12">
        <f t="shared" si="96"/>
        <v>13</v>
      </c>
      <c r="I3102" s="12">
        <f t="shared" si="97"/>
        <v>8</v>
      </c>
    </row>
    <row r="3103" spans="1:9" s="47" customFormat="1" ht="27" customHeight="1" x14ac:dyDescent="0.4">
      <c r="A3103" s="22" t="s">
        <v>3503</v>
      </c>
      <c r="B3103" s="22" t="s">
        <v>6074</v>
      </c>
      <c r="C3103" s="22" t="s">
        <v>6075</v>
      </c>
      <c r="D3103" s="10">
        <v>1444180501</v>
      </c>
      <c r="E3103" s="11">
        <v>46387</v>
      </c>
      <c r="F3103" s="22" t="s">
        <v>122</v>
      </c>
      <c r="G3103" s="12">
        <v>3101</v>
      </c>
      <c r="H3103" s="12">
        <f t="shared" si="96"/>
        <v>14</v>
      </c>
      <c r="I3103" s="12">
        <f t="shared" si="97"/>
        <v>6</v>
      </c>
    </row>
    <row r="3104" spans="1:9" s="47" customFormat="1" ht="27" customHeight="1" x14ac:dyDescent="0.4">
      <c r="A3104" s="22" t="s">
        <v>3503</v>
      </c>
      <c r="B3104" s="22" t="s">
        <v>6076</v>
      </c>
      <c r="C3104" s="22" t="s">
        <v>6077</v>
      </c>
      <c r="D3104" s="10">
        <v>1444140166</v>
      </c>
      <c r="E3104" s="11">
        <v>48304</v>
      </c>
      <c r="F3104" s="22" t="s">
        <v>122</v>
      </c>
      <c r="G3104" s="5">
        <v>3102</v>
      </c>
      <c r="H3104" s="12">
        <f t="shared" si="96"/>
        <v>17</v>
      </c>
      <c r="I3104" s="12">
        <f t="shared" si="97"/>
        <v>14</v>
      </c>
    </row>
    <row r="3105" spans="1:9" s="47" customFormat="1" ht="27" customHeight="1" x14ac:dyDescent="0.4">
      <c r="A3105" s="22" t="s">
        <v>3503</v>
      </c>
      <c r="B3105" s="22" t="s">
        <v>6078</v>
      </c>
      <c r="C3105" s="22" t="s">
        <v>6079</v>
      </c>
      <c r="D3105" s="10">
        <v>1444140174</v>
      </c>
      <c r="E3105" s="11">
        <v>46477</v>
      </c>
      <c r="F3105" s="22" t="s">
        <v>122</v>
      </c>
      <c r="G3105" s="12">
        <v>3103</v>
      </c>
      <c r="H3105" s="12">
        <f t="shared" si="96"/>
        <v>13</v>
      </c>
      <c r="I3105" s="12">
        <f t="shared" si="97"/>
        <v>14</v>
      </c>
    </row>
    <row r="3106" spans="1:9" s="47" customFormat="1" ht="27" customHeight="1" x14ac:dyDescent="0.4">
      <c r="A3106" s="22" t="s">
        <v>3503</v>
      </c>
      <c r="B3106" s="22" t="s">
        <v>6080</v>
      </c>
      <c r="C3106" s="22" t="s">
        <v>6081</v>
      </c>
      <c r="D3106" s="10">
        <v>1444140208</v>
      </c>
      <c r="E3106" s="11">
        <v>46630</v>
      </c>
      <c r="F3106" s="22" t="s">
        <v>122</v>
      </c>
      <c r="G3106" s="5">
        <v>3104</v>
      </c>
      <c r="H3106" s="12">
        <f t="shared" si="96"/>
        <v>16</v>
      </c>
      <c r="I3106" s="12">
        <f t="shared" si="97"/>
        <v>11</v>
      </c>
    </row>
    <row r="3107" spans="1:9" s="47" customFormat="1" ht="27" customHeight="1" x14ac:dyDescent="0.4">
      <c r="A3107" s="22" t="s">
        <v>3503</v>
      </c>
      <c r="B3107" s="22" t="s">
        <v>6082</v>
      </c>
      <c r="C3107" s="22" t="s">
        <v>6083</v>
      </c>
      <c r="D3107" s="10">
        <v>1444180832</v>
      </c>
      <c r="E3107" s="11">
        <v>46418</v>
      </c>
      <c r="F3107" s="22" t="s">
        <v>122</v>
      </c>
      <c r="G3107" s="12">
        <v>3105</v>
      </c>
      <c r="H3107" s="12">
        <f t="shared" si="96"/>
        <v>13</v>
      </c>
      <c r="I3107" s="12">
        <f t="shared" si="97"/>
        <v>16</v>
      </c>
    </row>
    <row r="3108" spans="1:9" s="47" customFormat="1" ht="27" customHeight="1" x14ac:dyDescent="0.4">
      <c r="A3108" s="22" t="s">
        <v>3503</v>
      </c>
      <c r="B3108" s="22" t="s">
        <v>6084</v>
      </c>
      <c r="C3108" s="22" t="s">
        <v>6085</v>
      </c>
      <c r="D3108" s="10">
        <v>1444140125</v>
      </c>
      <c r="E3108" s="11">
        <v>48334</v>
      </c>
      <c r="F3108" s="22" t="s">
        <v>122</v>
      </c>
      <c r="G3108" s="5">
        <v>3106</v>
      </c>
      <c r="H3108" s="12">
        <f t="shared" si="96"/>
        <v>13</v>
      </c>
      <c r="I3108" s="12">
        <f t="shared" si="97"/>
        <v>9</v>
      </c>
    </row>
    <row r="3109" spans="1:9" s="47" customFormat="1" ht="27" customHeight="1" x14ac:dyDescent="0.4">
      <c r="A3109" s="22" t="s">
        <v>3503</v>
      </c>
      <c r="B3109" s="22" t="s">
        <v>6086</v>
      </c>
      <c r="C3109" s="22" t="s">
        <v>6087</v>
      </c>
      <c r="D3109" s="10">
        <v>1444140117</v>
      </c>
      <c r="E3109" s="11">
        <v>47573</v>
      </c>
      <c r="F3109" s="22" t="s">
        <v>122</v>
      </c>
      <c r="G3109" s="12">
        <v>3107</v>
      </c>
      <c r="H3109" s="12">
        <f t="shared" si="96"/>
        <v>16</v>
      </c>
      <c r="I3109" s="12">
        <f t="shared" si="97"/>
        <v>10</v>
      </c>
    </row>
    <row r="3110" spans="1:9" s="47" customFormat="1" ht="27" customHeight="1" x14ac:dyDescent="0.4">
      <c r="A3110" s="22" t="s">
        <v>3503</v>
      </c>
      <c r="B3110" s="22" t="s">
        <v>6088</v>
      </c>
      <c r="C3110" s="22" t="s">
        <v>6089</v>
      </c>
      <c r="D3110" s="10">
        <v>1444140018</v>
      </c>
      <c r="E3110" s="11">
        <v>46387</v>
      </c>
      <c r="F3110" s="22" t="s">
        <v>122</v>
      </c>
      <c r="G3110" s="5">
        <v>3108</v>
      </c>
      <c r="H3110" s="12">
        <f t="shared" si="96"/>
        <v>13</v>
      </c>
      <c r="I3110" s="12">
        <f t="shared" si="97"/>
        <v>12</v>
      </c>
    </row>
    <row r="3111" spans="1:9" s="47" customFormat="1" ht="27" customHeight="1" x14ac:dyDescent="0.4">
      <c r="A3111" s="22" t="s">
        <v>3503</v>
      </c>
      <c r="B3111" s="22" t="s">
        <v>6090</v>
      </c>
      <c r="C3111" s="22" t="s">
        <v>6091</v>
      </c>
      <c r="D3111" s="10">
        <v>1444140182</v>
      </c>
      <c r="E3111" s="11">
        <v>46538</v>
      </c>
      <c r="F3111" s="22" t="s">
        <v>122</v>
      </c>
      <c r="G3111" s="12">
        <v>3109</v>
      </c>
      <c r="H3111" s="12">
        <f t="shared" si="96"/>
        <v>20</v>
      </c>
      <c r="I3111" s="12">
        <f t="shared" si="97"/>
        <v>12</v>
      </c>
    </row>
    <row r="3112" spans="1:9" s="47" customFormat="1" ht="27" customHeight="1" x14ac:dyDescent="0.4">
      <c r="A3112" s="22" t="s">
        <v>3503</v>
      </c>
      <c r="B3112" s="22" t="s">
        <v>6092</v>
      </c>
      <c r="C3112" s="50" t="s">
        <v>6093</v>
      </c>
      <c r="D3112" s="10">
        <v>1444180808</v>
      </c>
      <c r="E3112" s="11">
        <v>46387</v>
      </c>
      <c r="F3112" s="22" t="s">
        <v>122</v>
      </c>
      <c r="G3112" s="5">
        <v>3110</v>
      </c>
      <c r="H3112" s="12">
        <f t="shared" si="96"/>
        <v>35</v>
      </c>
      <c r="I3112" s="12">
        <f t="shared" si="97"/>
        <v>13</v>
      </c>
    </row>
    <row r="3113" spans="1:9" s="47" customFormat="1" ht="27" customHeight="1" x14ac:dyDescent="0.4">
      <c r="A3113" s="22" t="s">
        <v>3503</v>
      </c>
      <c r="B3113" s="22" t="s">
        <v>6094</v>
      </c>
      <c r="C3113" s="22" t="s">
        <v>6095</v>
      </c>
      <c r="D3113" s="10">
        <v>1444140075</v>
      </c>
      <c r="E3113" s="11">
        <v>46387</v>
      </c>
      <c r="F3113" s="22" t="s">
        <v>122</v>
      </c>
      <c r="G3113" s="12">
        <v>3111</v>
      </c>
      <c r="H3113" s="12">
        <f t="shared" si="96"/>
        <v>14</v>
      </c>
      <c r="I3113" s="12">
        <f t="shared" si="97"/>
        <v>12</v>
      </c>
    </row>
    <row r="3114" spans="1:9" s="47" customFormat="1" ht="27" customHeight="1" x14ac:dyDescent="0.4">
      <c r="A3114" s="22" t="s">
        <v>3503</v>
      </c>
      <c r="B3114" s="22" t="s">
        <v>6096</v>
      </c>
      <c r="C3114" s="22" t="s">
        <v>6097</v>
      </c>
      <c r="D3114" s="10">
        <v>1444140067</v>
      </c>
      <c r="E3114" s="11">
        <v>46387</v>
      </c>
      <c r="F3114" s="22" t="s">
        <v>122</v>
      </c>
      <c r="G3114" s="5">
        <v>3112</v>
      </c>
      <c r="H3114" s="12">
        <f t="shared" si="96"/>
        <v>29</v>
      </c>
      <c r="I3114" s="12">
        <f t="shared" si="97"/>
        <v>13</v>
      </c>
    </row>
    <row r="3115" spans="1:9" s="47" customFormat="1" ht="27" customHeight="1" x14ac:dyDescent="0.4">
      <c r="A3115" s="22" t="s">
        <v>3503</v>
      </c>
      <c r="B3115" s="22" t="s">
        <v>6098</v>
      </c>
      <c r="C3115" s="22" t="s">
        <v>6099</v>
      </c>
      <c r="D3115" s="10">
        <v>1444180816</v>
      </c>
      <c r="E3115" s="11">
        <v>46387</v>
      </c>
      <c r="F3115" s="22" t="s">
        <v>122</v>
      </c>
      <c r="G3115" s="12">
        <v>3113</v>
      </c>
      <c r="H3115" s="12">
        <f t="shared" si="96"/>
        <v>14</v>
      </c>
      <c r="I3115" s="12">
        <f t="shared" si="97"/>
        <v>9</v>
      </c>
    </row>
    <row r="3116" spans="1:9" s="47" customFormat="1" ht="27" customHeight="1" x14ac:dyDescent="0.4">
      <c r="A3116" s="22" t="s">
        <v>3503</v>
      </c>
      <c r="B3116" s="22" t="s">
        <v>6100</v>
      </c>
      <c r="C3116" s="22" t="s">
        <v>6101</v>
      </c>
      <c r="D3116" s="10">
        <v>1444180618</v>
      </c>
      <c r="E3116" s="11">
        <v>46387</v>
      </c>
      <c r="F3116" s="22" t="s">
        <v>122</v>
      </c>
      <c r="G3116" s="5">
        <v>3114</v>
      </c>
      <c r="H3116" s="12">
        <f t="shared" si="96"/>
        <v>14</v>
      </c>
      <c r="I3116" s="12">
        <f t="shared" si="97"/>
        <v>11</v>
      </c>
    </row>
    <row r="3117" spans="1:9" s="47" customFormat="1" ht="27" customHeight="1" x14ac:dyDescent="0.4">
      <c r="A3117" s="22" t="s">
        <v>3503</v>
      </c>
      <c r="B3117" s="22" t="s">
        <v>6102</v>
      </c>
      <c r="C3117" s="22" t="s">
        <v>6103</v>
      </c>
      <c r="D3117" s="10">
        <v>1444180758</v>
      </c>
      <c r="E3117" s="11">
        <v>46387</v>
      </c>
      <c r="F3117" s="22" t="s">
        <v>122</v>
      </c>
      <c r="G3117" s="12">
        <v>3115</v>
      </c>
      <c r="H3117" s="12">
        <f t="shared" si="96"/>
        <v>13</v>
      </c>
      <c r="I3117" s="12">
        <f t="shared" si="97"/>
        <v>13</v>
      </c>
    </row>
    <row r="3118" spans="1:9" s="47" customFormat="1" ht="27" customHeight="1" x14ac:dyDescent="0.4">
      <c r="A3118" s="22" t="s">
        <v>3503</v>
      </c>
      <c r="B3118" s="22" t="s">
        <v>6104</v>
      </c>
      <c r="C3118" s="22" t="s">
        <v>6105</v>
      </c>
      <c r="D3118" s="10">
        <v>1444180790</v>
      </c>
      <c r="E3118" s="11">
        <v>46387</v>
      </c>
      <c r="F3118" s="22" t="s">
        <v>122</v>
      </c>
      <c r="G3118" s="5">
        <v>3116</v>
      </c>
      <c r="H3118" s="12">
        <f t="shared" si="96"/>
        <v>11</v>
      </c>
      <c r="I3118" s="12">
        <f t="shared" si="97"/>
        <v>17</v>
      </c>
    </row>
    <row r="3119" spans="1:9" s="47" customFormat="1" ht="27" customHeight="1" x14ac:dyDescent="0.4">
      <c r="A3119" s="22" t="s">
        <v>3503</v>
      </c>
      <c r="B3119" s="22" t="s">
        <v>6106</v>
      </c>
      <c r="C3119" s="22" t="s">
        <v>6107</v>
      </c>
      <c r="D3119" s="10">
        <v>1444180683</v>
      </c>
      <c r="E3119" s="11">
        <v>46387</v>
      </c>
      <c r="F3119" s="22" t="s">
        <v>122</v>
      </c>
      <c r="G3119" s="12">
        <v>3117</v>
      </c>
      <c r="H3119" s="12">
        <f t="shared" si="96"/>
        <v>12</v>
      </c>
      <c r="I3119" s="12">
        <f t="shared" si="97"/>
        <v>11</v>
      </c>
    </row>
    <row r="3120" spans="1:9" s="47" customFormat="1" ht="27" customHeight="1" x14ac:dyDescent="0.4">
      <c r="A3120" s="22" t="s">
        <v>3503</v>
      </c>
      <c r="B3120" s="22" t="s">
        <v>6108</v>
      </c>
      <c r="C3120" s="22" t="s">
        <v>6109</v>
      </c>
      <c r="D3120" s="10">
        <v>1444180543</v>
      </c>
      <c r="E3120" s="11">
        <v>46387</v>
      </c>
      <c r="F3120" s="22" t="s">
        <v>122</v>
      </c>
      <c r="G3120" s="5">
        <v>3118</v>
      </c>
      <c r="H3120" s="12">
        <f t="shared" si="96"/>
        <v>15</v>
      </c>
      <c r="I3120" s="12">
        <f t="shared" si="97"/>
        <v>4</v>
      </c>
    </row>
    <row r="3121" spans="1:9" s="47" customFormat="1" ht="27" customHeight="1" x14ac:dyDescent="0.4">
      <c r="A3121" s="22" t="s">
        <v>3503</v>
      </c>
      <c r="B3121" s="22" t="s">
        <v>6110</v>
      </c>
      <c r="C3121" s="22" t="s">
        <v>6111</v>
      </c>
      <c r="D3121" s="10">
        <v>1444140091</v>
      </c>
      <c r="E3121" s="11">
        <v>47483</v>
      </c>
      <c r="F3121" s="22" t="s">
        <v>122</v>
      </c>
      <c r="G3121" s="12">
        <v>3119</v>
      </c>
      <c r="H3121" s="12">
        <f t="shared" si="96"/>
        <v>11</v>
      </c>
      <c r="I3121" s="12">
        <f t="shared" si="97"/>
        <v>12</v>
      </c>
    </row>
    <row r="3122" spans="1:9" s="47" customFormat="1" ht="27" customHeight="1" x14ac:dyDescent="0.4">
      <c r="A3122" s="22" t="s">
        <v>3503</v>
      </c>
      <c r="B3122" s="22" t="s">
        <v>6112</v>
      </c>
      <c r="C3122" s="22" t="s">
        <v>6113</v>
      </c>
      <c r="D3122" s="10">
        <v>1444140224</v>
      </c>
      <c r="E3122" s="11">
        <v>47177</v>
      </c>
      <c r="F3122" s="22" t="s">
        <v>122</v>
      </c>
      <c r="G3122" s="5">
        <v>3120</v>
      </c>
      <c r="H3122" s="12">
        <f t="shared" si="96"/>
        <v>11</v>
      </c>
      <c r="I3122" s="12">
        <f t="shared" si="97"/>
        <v>15</v>
      </c>
    </row>
    <row r="3123" spans="1:9" s="47" customFormat="1" ht="27" customHeight="1" x14ac:dyDescent="0.4">
      <c r="A3123" s="22" t="s">
        <v>3503</v>
      </c>
      <c r="B3123" s="22" t="s">
        <v>6114</v>
      </c>
      <c r="C3123" s="22" t="s">
        <v>6115</v>
      </c>
      <c r="D3123" s="10">
        <v>1444180634</v>
      </c>
      <c r="E3123" s="11">
        <v>46387</v>
      </c>
      <c r="F3123" s="22" t="s">
        <v>122</v>
      </c>
      <c r="G3123" s="12">
        <v>3121</v>
      </c>
      <c r="H3123" s="12">
        <f t="shared" si="96"/>
        <v>14</v>
      </c>
      <c r="I3123" s="12">
        <f t="shared" si="97"/>
        <v>6</v>
      </c>
    </row>
    <row r="3124" spans="1:9" s="47" customFormat="1" ht="27" customHeight="1" x14ac:dyDescent="0.4">
      <c r="A3124" s="22" t="s">
        <v>3503</v>
      </c>
      <c r="B3124" s="22" t="s">
        <v>6116</v>
      </c>
      <c r="C3124" s="22" t="s">
        <v>6117</v>
      </c>
      <c r="D3124" s="10">
        <v>1444180444</v>
      </c>
      <c r="E3124" s="11">
        <v>46387</v>
      </c>
      <c r="F3124" s="22" t="s">
        <v>122</v>
      </c>
      <c r="G3124" s="5">
        <v>3122</v>
      </c>
      <c r="H3124" s="12">
        <f t="shared" si="96"/>
        <v>13</v>
      </c>
      <c r="I3124" s="12">
        <f t="shared" si="97"/>
        <v>11</v>
      </c>
    </row>
    <row r="3125" spans="1:9" s="47" customFormat="1" ht="27" customHeight="1" x14ac:dyDescent="0.4">
      <c r="A3125" s="22" t="s">
        <v>3503</v>
      </c>
      <c r="B3125" s="22" t="s">
        <v>6118</v>
      </c>
      <c r="C3125" s="22" t="s">
        <v>6119</v>
      </c>
      <c r="D3125" s="10">
        <v>1444140158</v>
      </c>
      <c r="E3125" s="11">
        <v>48182</v>
      </c>
      <c r="F3125" s="22" t="s">
        <v>122</v>
      </c>
      <c r="G3125" s="12">
        <v>3123</v>
      </c>
      <c r="H3125" s="12">
        <f t="shared" si="96"/>
        <v>27</v>
      </c>
      <c r="I3125" s="12">
        <f t="shared" si="97"/>
        <v>17</v>
      </c>
    </row>
    <row r="3126" spans="1:9" s="47" customFormat="1" ht="27" customHeight="1" x14ac:dyDescent="0.4">
      <c r="A3126" s="22" t="s">
        <v>3503</v>
      </c>
      <c r="B3126" s="22" t="s">
        <v>6120</v>
      </c>
      <c r="C3126" s="22" t="s">
        <v>6121</v>
      </c>
      <c r="D3126" s="10">
        <v>1444180519</v>
      </c>
      <c r="E3126" s="11">
        <v>46387</v>
      </c>
      <c r="F3126" s="22" t="s">
        <v>122</v>
      </c>
      <c r="G3126" s="5">
        <v>3124</v>
      </c>
      <c r="H3126" s="12">
        <f t="shared" si="96"/>
        <v>24</v>
      </c>
      <c r="I3126" s="12">
        <f t="shared" si="97"/>
        <v>8</v>
      </c>
    </row>
    <row r="3127" spans="1:9" s="47" customFormat="1" ht="27" customHeight="1" x14ac:dyDescent="0.4">
      <c r="A3127" s="22" t="s">
        <v>3503</v>
      </c>
      <c r="B3127" s="22" t="s">
        <v>6122</v>
      </c>
      <c r="C3127" s="22" t="s">
        <v>6123</v>
      </c>
      <c r="D3127" s="10">
        <v>1444180485</v>
      </c>
      <c r="E3127" s="11">
        <v>46387</v>
      </c>
      <c r="F3127" s="22" t="s">
        <v>122</v>
      </c>
      <c r="G3127" s="12">
        <v>3125</v>
      </c>
      <c r="H3127" s="12">
        <f t="shared" si="96"/>
        <v>12</v>
      </c>
      <c r="I3127" s="12">
        <f t="shared" si="97"/>
        <v>12</v>
      </c>
    </row>
    <row r="3128" spans="1:9" s="47" customFormat="1" ht="27" customHeight="1" x14ac:dyDescent="0.4">
      <c r="A3128" s="22" t="s">
        <v>3503</v>
      </c>
      <c r="B3128" s="22" t="s">
        <v>6124</v>
      </c>
      <c r="C3128" s="22" t="s">
        <v>6125</v>
      </c>
      <c r="D3128" s="10">
        <v>1444180410</v>
      </c>
      <c r="E3128" s="11">
        <v>46387</v>
      </c>
      <c r="F3128" s="22" t="s">
        <v>122</v>
      </c>
      <c r="G3128" s="5">
        <v>3126</v>
      </c>
      <c r="H3128" s="12">
        <f t="shared" si="96"/>
        <v>16</v>
      </c>
      <c r="I3128" s="12">
        <f t="shared" si="97"/>
        <v>8</v>
      </c>
    </row>
    <row r="3129" spans="1:9" s="47" customFormat="1" ht="27" customHeight="1" x14ac:dyDescent="0.4">
      <c r="A3129" s="22" t="s">
        <v>3503</v>
      </c>
      <c r="B3129" s="22" t="s">
        <v>6126</v>
      </c>
      <c r="C3129" s="22" t="s">
        <v>2477</v>
      </c>
      <c r="D3129" s="10">
        <v>1444140000</v>
      </c>
      <c r="E3129" s="11">
        <v>46387</v>
      </c>
      <c r="F3129" s="22" t="s">
        <v>122</v>
      </c>
      <c r="G3129" s="12">
        <v>3127</v>
      </c>
      <c r="H3129" s="12">
        <f t="shared" si="96"/>
        <v>12</v>
      </c>
      <c r="I3129" s="12">
        <f t="shared" si="97"/>
        <v>9</v>
      </c>
    </row>
    <row r="3130" spans="1:9" s="47" customFormat="1" ht="27" customHeight="1" x14ac:dyDescent="0.4">
      <c r="A3130" s="22" t="s">
        <v>3503</v>
      </c>
      <c r="B3130" s="22" t="s">
        <v>6127</v>
      </c>
      <c r="C3130" s="22" t="s">
        <v>6128</v>
      </c>
      <c r="D3130" s="10">
        <v>1444140059</v>
      </c>
      <c r="E3130" s="11">
        <v>46873</v>
      </c>
      <c r="F3130" s="22" t="s">
        <v>122</v>
      </c>
      <c r="G3130" s="5">
        <v>3128</v>
      </c>
      <c r="H3130" s="12">
        <f t="shared" si="96"/>
        <v>12</v>
      </c>
      <c r="I3130" s="12">
        <f t="shared" si="97"/>
        <v>9</v>
      </c>
    </row>
    <row r="3131" spans="1:9" s="47" customFormat="1" ht="27" customHeight="1" x14ac:dyDescent="0.4">
      <c r="A3131" s="22" t="s">
        <v>3503</v>
      </c>
      <c r="B3131" s="22" t="s">
        <v>6129</v>
      </c>
      <c r="C3131" s="22" t="s">
        <v>6130</v>
      </c>
      <c r="D3131" s="10">
        <v>1444100228</v>
      </c>
      <c r="E3131" s="11">
        <v>46387</v>
      </c>
      <c r="F3131" s="22" t="s">
        <v>122</v>
      </c>
      <c r="G3131" s="12">
        <v>3129</v>
      </c>
      <c r="H3131" s="12">
        <f t="shared" si="96"/>
        <v>13</v>
      </c>
      <c r="I3131" s="12">
        <f t="shared" si="97"/>
        <v>10</v>
      </c>
    </row>
    <row r="3132" spans="1:9" s="47" customFormat="1" ht="27" customHeight="1" x14ac:dyDescent="0.4">
      <c r="A3132" s="22" t="s">
        <v>3503</v>
      </c>
      <c r="B3132" s="22" t="s">
        <v>6131</v>
      </c>
      <c r="C3132" s="22" t="s">
        <v>6132</v>
      </c>
      <c r="D3132" s="10">
        <v>1444340055</v>
      </c>
      <c r="E3132" s="11">
        <v>48457</v>
      </c>
      <c r="F3132" s="22" t="s">
        <v>127</v>
      </c>
      <c r="G3132" s="5">
        <v>3130</v>
      </c>
      <c r="H3132" s="12">
        <f t="shared" si="96"/>
        <v>10</v>
      </c>
      <c r="I3132" s="12">
        <f t="shared" si="97"/>
        <v>8</v>
      </c>
    </row>
    <row r="3133" spans="1:9" s="47" customFormat="1" ht="27" customHeight="1" x14ac:dyDescent="0.4">
      <c r="A3133" s="22" t="s">
        <v>3503</v>
      </c>
      <c r="B3133" s="22" t="s">
        <v>6133</v>
      </c>
      <c r="C3133" s="22" t="s">
        <v>6134</v>
      </c>
      <c r="D3133" s="10">
        <v>1444300174</v>
      </c>
      <c r="E3133" s="11">
        <v>46387</v>
      </c>
      <c r="F3133" s="22" t="s">
        <v>127</v>
      </c>
      <c r="G3133" s="12">
        <v>3131</v>
      </c>
      <c r="H3133" s="12">
        <f t="shared" si="96"/>
        <v>11</v>
      </c>
      <c r="I3133" s="12">
        <f t="shared" si="97"/>
        <v>7</v>
      </c>
    </row>
    <row r="3134" spans="1:9" s="47" customFormat="1" ht="27" customHeight="1" x14ac:dyDescent="0.4">
      <c r="A3134" s="22" t="s">
        <v>3503</v>
      </c>
      <c r="B3134" s="22" t="s">
        <v>6135</v>
      </c>
      <c r="C3134" s="22" t="s">
        <v>6136</v>
      </c>
      <c r="D3134" s="10">
        <v>1444340030</v>
      </c>
      <c r="E3134" s="11">
        <v>47299</v>
      </c>
      <c r="F3134" s="22" t="s">
        <v>127</v>
      </c>
      <c r="G3134" s="5">
        <v>3132</v>
      </c>
      <c r="H3134" s="12">
        <f t="shared" si="96"/>
        <v>18</v>
      </c>
      <c r="I3134" s="12">
        <f t="shared" si="97"/>
        <v>14</v>
      </c>
    </row>
    <row r="3135" spans="1:9" s="47" customFormat="1" ht="27" customHeight="1" x14ac:dyDescent="0.4">
      <c r="A3135" s="22" t="s">
        <v>3503</v>
      </c>
      <c r="B3135" s="22" t="s">
        <v>6137</v>
      </c>
      <c r="C3135" s="22" t="s">
        <v>6138</v>
      </c>
      <c r="D3135" s="10">
        <v>1444380309</v>
      </c>
      <c r="E3135" s="11">
        <v>46387</v>
      </c>
      <c r="F3135" s="22" t="s">
        <v>127</v>
      </c>
      <c r="G3135" s="12">
        <v>3133</v>
      </c>
      <c r="H3135" s="12">
        <f t="shared" si="96"/>
        <v>11</v>
      </c>
      <c r="I3135" s="12">
        <f t="shared" si="97"/>
        <v>11</v>
      </c>
    </row>
    <row r="3136" spans="1:9" s="47" customFormat="1" ht="27" customHeight="1" x14ac:dyDescent="0.4">
      <c r="A3136" s="22" t="s">
        <v>3503</v>
      </c>
      <c r="B3136" s="22" t="s">
        <v>6139</v>
      </c>
      <c r="C3136" s="22" t="s">
        <v>6140</v>
      </c>
      <c r="D3136" s="10">
        <v>1444300208</v>
      </c>
      <c r="E3136" s="11">
        <v>46387</v>
      </c>
      <c r="F3136" s="22" t="s">
        <v>127</v>
      </c>
      <c r="G3136" s="5">
        <v>3134</v>
      </c>
      <c r="H3136" s="12">
        <f t="shared" si="96"/>
        <v>11</v>
      </c>
      <c r="I3136" s="12">
        <f t="shared" si="97"/>
        <v>5</v>
      </c>
    </row>
    <row r="3137" spans="1:9" s="47" customFormat="1" ht="27" customHeight="1" x14ac:dyDescent="0.4">
      <c r="A3137" s="22" t="s">
        <v>3503</v>
      </c>
      <c r="B3137" s="22" t="s">
        <v>3739</v>
      </c>
      <c r="C3137" s="22" t="s">
        <v>6141</v>
      </c>
      <c r="D3137" s="10">
        <v>1444380291</v>
      </c>
      <c r="E3137" s="11">
        <v>46387</v>
      </c>
      <c r="F3137" s="22" t="s">
        <v>127</v>
      </c>
      <c r="G3137" s="12">
        <v>3135</v>
      </c>
      <c r="H3137" s="12">
        <f t="shared" si="96"/>
        <v>11</v>
      </c>
      <c r="I3137" s="12">
        <f t="shared" si="97"/>
        <v>6</v>
      </c>
    </row>
    <row r="3138" spans="1:9" s="47" customFormat="1" ht="27" customHeight="1" x14ac:dyDescent="0.4">
      <c r="A3138" s="22" t="s">
        <v>3503</v>
      </c>
      <c r="B3138" s="22" t="s">
        <v>6142</v>
      </c>
      <c r="C3138" s="22" t="s">
        <v>6143</v>
      </c>
      <c r="D3138" s="10">
        <v>1444380283</v>
      </c>
      <c r="E3138" s="11">
        <v>46387</v>
      </c>
      <c r="F3138" s="22" t="s">
        <v>127</v>
      </c>
      <c r="G3138" s="5">
        <v>3136</v>
      </c>
      <c r="H3138" s="12">
        <f t="shared" si="96"/>
        <v>9</v>
      </c>
      <c r="I3138" s="12">
        <f t="shared" si="97"/>
        <v>6</v>
      </c>
    </row>
    <row r="3139" spans="1:9" s="47" customFormat="1" ht="27" customHeight="1" x14ac:dyDescent="0.4">
      <c r="A3139" s="22" t="s">
        <v>3503</v>
      </c>
      <c r="B3139" s="22" t="s">
        <v>4132</v>
      </c>
      <c r="C3139" s="22" t="s">
        <v>6144</v>
      </c>
      <c r="D3139" s="10">
        <v>1444380275</v>
      </c>
      <c r="E3139" s="11">
        <v>46387</v>
      </c>
      <c r="F3139" s="22" t="s">
        <v>127</v>
      </c>
      <c r="G3139" s="12">
        <v>3137</v>
      </c>
      <c r="H3139" s="12">
        <f t="shared" si="96"/>
        <v>11</v>
      </c>
      <c r="I3139" s="12">
        <f t="shared" si="97"/>
        <v>5</v>
      </c>
    </row>
    <row r="3140" spans="1:9" s="47" customFormat="1" ht="27" customHeight="1" x14ac:dyDescent="0.4">
      <c r="A3140" s="22" t="s">
        <v>3503</v>
      </c>
      <c r="B3140" s="22" t="s">
        <v>6145</v>
      </c>
      <c r="C3140" s="22" t="s">
        <v>6146</v>
      </c>
      <c r="D3140" s="10">
        <v>1444340006</v>
      </c>
      <c r="E3140" s="11">
        <v>46599</v>
      </c>
      <c r="F3140" s="22" t="s">
        <v>127</v>
      </c>
      <c r="G3140" s="5">
        <v>3138</v>
      </c>
      <c r="H3140" s="12">
        <f t="shared" ref="H3140:H3203" si="98">LEN(C3140)</f>
        <v>20</v>
      </c>
      <c r="I3140" s="12">
        <f t="shared" ref="I3140:I3203" si="99">LEN(B3140)</f>
        <v>5</v>
      </c>
    </row>
    <row r="3141" spans="1:9" s="47" customFormat="1" ht="27" customHeight="1" x14ac:dyDescent="0.4">
      <c r="A3141" s="22" t="s">
        <v>3503</v>
      </c>
      <c r="B3141" s="22" t="s">
        <v>6147</v>
      </c>
      <c r="C3141" s="22" t="s">
        <v>2501</v>
      </c>
      <c r="D3141" s="10">
        <v>1444300075</v>
      </c>
      <c r="E3141" s="11">
        <v>46387</v>
      </c>
      <c r="F3141" s="22" t="s">
        <v>127</v>
      </c>
      <c r="G3141" s="12">
        <v>3139</v>
      </c>
      <c r="H3141" s="12">
        <f t="shared" si="98"/>
        <v>9</v>
      </c>
      <c r="I3141" s="12">
        <f t="shared" si="99"/>
        <v>8</v>
      </c>
    </row>
    <row r="3142" spans="1:9" s="47" customFormat="1" ht="27" customHeight="1" x14ac:dyDescent="0.4">
      <c r="A3142" s="22" t="s">
        <v>3503</v>
      </c>
      <c r="B3142" s="22" t="s">
        <v>4532</v>
      </c>
      <c r="C3142" s="22" t="s">
        <v>6148</v>
      </c>
      <c r="D3142" s="10">
        <v>1444340022</v>
      </c>
      <c r="E3142" s="11">
        <v>46387</v>
      </c>
      <c r="F3142" s="22" t="s">
        <v>127</v>
      </c>
      <c r="G3142" s="5">
        <v>3140</v>
      </c>
      <c r="H3142" s="12">
        <f t="shared" si="98"/>
        <v>11</v>
      </c>
      <c r="I3142" s="12">
        <f t="shared" si="99"/>
        <v>5</v>
      </c>
    </row>
    <row r="3143" spans="1:9" s="47" customFormat="1" ht="27" customHeight="1" x14ac:dyDescent="0.4">
      <c r="A3143" s="22" t="s">
        <v>3503</v>
      </c>
      <c r="B3143" s="22" t="s">
        <v>6149</v>
      </c>
      <c r="C3143" s="22" t="s">
        <v>6150</v>
      </c>
      <c r="D3143" s="10">
        <v>1444340014</v>
      </c>
      <c r="E3143" s="11">
        <v>46387</v>
      </c>
      <c r="F3143" s="22" t="s">
        <v>127</v>
      </c>
      <c r="G3143" s="12">
        <v>3141</v>
      </c>
      <c r="H3143" s="12">
        <f t="shared" si="98"/>
        <v>10</v>
      </c>
      <c r="I3143" s="12">
        <f t="shared" si="99"/>
        <v>4</v>
      </c>
    </row>
    <row r="3144" spans="1:9" s="47" customFormat="1" ht="27" customHeight="1" x14ac:dyDescent="0.4">
      <c r="A3144" s="22" t="s">
        <v>3503</v>
      </c>
      <c r="B3144" s="22" t="s">
        <v>6151</v>
      </c>
      <c r="C3144" s="22" t="s">
        <v>6152</v>
      </c>
      <c r="D3144" s="10">
        <v>1444380226</v>
      </c>
      <c r="E3144" s="11">
        <v>46387</v>
      </c>
      <c r="F3144" s="22" t="s">
        <v>127</v>
      </c>
      <c r="G3144" s="5">
        <v>3142</v>
      </c>
      <c r="H3144" s="12">
        <f t="shared" si="98"/>
        <v>11</v>
      </c>
      <c r="I3144" s="12">
        <f t="shared" si="99"/>
        <v>5</v>
      </c>
    </row>
    <row r="3145" spans="1:9" s="47" customFormat="1" ht="27" customHeight="1" x14ac:dyDescent="0.4">
      <c r="A3145" s="22" t="s">
        <v>3503</v>
      </c>
      <c r="B3145" s="22" t="s">
        <v>6153</v>
      </c>
      <c r="C3145" s="22" t="s">
        <v>2513</v>
      </c>
      <c r="D3145" s="10">
        <v>1444480372</v>
      </c>
      <c r="E3145" s="11">
        <v>46387</v>
      </c>
      <c r="F3145" s="22" t="s">
        <v>130</v>
      </c>
      <c r="G3145" s="12">
        <v>3143</v>
      </c>
      <c r="H3145" s="12">
        <f t="shared" si="98"/>
        <v>12</v>
      </c>
      <c r="I3145" s="12">
        <f t="shared" si="99"/>
        <v>9</v>
      </c>
    </row>
    <row r="3146" spans="1:9" s="47" customFormat="1" ht="27" customHeight="1" x14ac:dyDescent="0.4">
      <c r="A3146" s="22" t="s">
        <v>3503</v>
      </c>
      <c r="B3146" s="22" t="s">
        <v>6154</v>
      </c>
      <c r="C3146" s="22" t="s">
        <v>6155</v>
      </c>
      <c r="D3146" s="10">
        <v>1444440186</v>
      </c>
      <c r="E3146" s="11">
        <v>47483</v>
      </c>
      <c r="F3146" s="22" t="s">
        <v>130</v>
      </c>
      <c r="G3146" s="5">
        <v>3144</v>
      </c>
      <c r="H3146" s="12">
        <f t="shared" si="98"/>
        <v>13</v>
      </c>
      <c r="I3146" s="12">
        <f t="shared" si="99"/>
        <v>6</v>
      </c>
    </row>
    <row r="3147" spans="1:9" s="47" customFormat="1" ht="27" customHeight="1" x14ac:dyDescent="0.4">
      <c r="A3147" s="22" t="s">
        <v>3503</v>
      </c>
      <c r="B3147" s="22" t="s">
        <v>6156</v>
      </c>
      <c r="C3147" s="22" t="s">
        <v>6157</v>
      </c>
      <c r="D3147" s="10">
        <v>1444440111</v>
      </c>
      <c r="E3147" s="11">
        <v>46630</v>
      </c>
      <c r="F3147" s="22" t="s">
        <v>130</v>
      </c>
      <c r="G3147" s="12">
        <v>3145</v>
      </c>
      <c r="H3147" s="12">
        <f t="shared" si="98"/>
        <v>14</v>
      </c>
      <c r="I3147" s="12">
        <f t="shared" si="99"/>
        <v>14</v>
      </c>
    </row>
    <row r="3148" spans="1:9" s="47" customFormat="1" ht="27" customHeight="1" x14ac:dyDescent="0.4">
      <c r="A3148" s="22" t="s">
        <v>3503</v>
      </c>
      <c r="B3148" s="22" t="s">
        <v>6158</v>
      </c>
      <c r="C3148" s="22" t="s">
        <v>6159</v>
      </c>
      <c r="D3148" s="10">
        <v>1444440152</v>
      </c>
      <c r="E3148" s="11">
        <v>47391</v>
      </c>
      <c r="F3148" s="22" t="s">
        <v>130</v>
      </c>
      <c r="G3148" s="5">
        <v>3146</v>
      </c>
      <c r="H3148" s="12">
        <f t="shared" si="98"/>
        <v>13</v>
      </c>
      <c r="I3148" s="12">
        <f t="shared" si="99"/>
        <v>10</v>
      </c>
    </row>
    <row r="3149" spans="1:9" s="47" customFormat="1" ht="27" customHeight="1" x14ac:dyDescent="0.4">
      <c r="A3149" s="22" t="s">
        <v>3503</v>
      </c>
      <c r="B3149" s="22" t="s">
        <v>6160</v>
      </c>
      <c r="C3149" s="22" t="s">
        <v>6161</v>
      </c>
      <c r="D3149" s="10">
        <v>1444440145</v>
      </c>
      <c r="E3149" s="11">
        <v>46996</v>
      </c>
      <c r="F3149" s="22" t="s">
        <v>130</v>
      </c>
      <c r="G3149" s="12">
        <v>3147</v>
      </c>
      <c r="H3149" s="12">
        <f t="shared" si="98"/>
        <v>13</v>
      </c>
      <c r="I3149" s="12">
        <f t="shared" si="99"/>
        <v>14</v>
      </c>
    </row>
    <row r="3150" spans="1:9" s="47" customFormat="1" ht="27" customHeight="1" x14ac:dyDescent="0.4">
      <c r="A3150" s="22" t="s">
        <v>3503</v>
      </c>
      <c r="B3150" s="22" t="s">
        <v>6162</v>
      </c>
      <c r="C3150" s="22" t="s">
        <v>6163</v>
      </c>
      <c r="D3150" s="10">
        <v>1444440160</v>
      </c>
      <c r="E3150" s="11">
        <v>47483</v>
      </c>
      <c r="F3150" s="22" t="s">
        <v>130</v>
      </c>
      <c r="G3150" s="5">
        <v>3148</v>
      </c>
      <c r="H3150" s="12">
        <f t="shared" si="98"/>
        <v>16</v>
      </c>
      <c r="I3150" s="12">
        <f t="shared" si="99"/>
        <v>10</v>
      </c>
    </row>
    <row r="3151" spans="1:9" s="47" customFormat="1" ht="27" customHeight="1" x14ac:dyDescent="0.4">
      <c r="A3151" s="22" t="s">
        <v>3503</v>
      </c>
      <c r="B3151" s="22" t="s">
        <v>6164</v>
      </c>
      <c r="C3151" s="22" t="s">
        <v>6165</v>
      </c>
      <c r="D3151" s="10">
        <v>1444440202</v>
      </c>
      <c r="E3151" s="11">
        <v>47573</v>
      </c>
      <c r="F3151" s="22" t="s">
        <v>130</v>
      </c>
      <c r="G3151" s="12">
        <v>3149</v>
      </c>
      <c r="H3151" s="12">
        <f t="shared" si="98"/>
        <v>13</v>
      </c>
      <c r="I3151" s="12">
        <f t="shared" si="99"/>
        <v>11</v>
      </c>
    </row>
    <row r="3152" spans="1:9" s="47" customFormat="1" ht="27" customHeight="1" x14ac:dyDescent="0.4">
      <c r="A3152" s="22" t="s">
        <v>3503</v>
      </c>
      <c r="B3152" s="22" t="s">
        <v>6166</v>
      </c>
      <c r="C3152" s="22" t="s">
        <v>6167</v>
      </c>
      <c r="D3152" s="10">
        <v>1444440103</v>
      </c>
      <c r="E3152" s="11">
        <v>46538</v>
      </c>
      <c r="F3152" s="22" t="s">
        <v>130</v>
      </c>
      <c r="G3152" s="5">
        <v>3150</v>
      </c>
      <c r="H3152" s="12">
        <f t="shared" si="98"/>
        <v>13</v>
      </c>
      <c r="I3152" s="12">
        <f t="shared" si="99"/>
        <v>11</v>
      </c>
    </row>
    <row r="3153" spans="1:9" s="47" customFormat="1" ht="27" customHeight="1" x14ac:dyDescent="0.4">
      <c r="A3153" s="22" t="s">
        <v>3503</v>
      </c>
      <c r="B3153" s="22" t="s">
        <v>6168</v>
      </c>
      <c r="C3153" s="22" t="s">
        <v>6169</v>
      </c>
      <c r="D3153" s="10">
        <v>1444440194</v>
      </c>
      <c r="E3153" s="11">
        <v>47573</v>
      </c>
      <c r="F3153" s="22" t="s">
        <v>130</v>
      </c>
      <c r="G3153" s="12">
        <v>3151</v>
      </c>
      <c r="H3153" s="12">
        <f t="shared" si="98"/>
        <v>13</v>
      </c>
      <c r="I3153" s="12">
        <f t="shared" si="99"/>
        <v>13</v>
      </c>
    </row>
    <row r="3154" spans="1:9" s="47" customFormat="1" ht="27" customHeight="1" x14ac:dyDescent="0.4">
      <c r="A3154" s="22" t="s">
        <v>3503</v>
      </c>
      <c r="B3154" s="22" t="s">
        <v>6170</v>
      </c>
      <c r="C3154" s="22" t="s">
        <v>6171</v>
      </c>
      <c r="D3154" s="10">
        <v>1444440004</v>
      </c>
      <c r="E3154" s="11">
        <v>46387</v>
      </c>
      <c r="F3154" s="22" t="s">
        <v>130</v>
      </c>
      <c r="G3154" s="5">
        <v>3152</v>
      </c>
      <c r="H3154" s="12">
        <f t="shared" si="98"/>
        <v>14</v>
      </c>
      <c r="I3154" s="12">
        <f t="shared" si="99"/>
        <v>11</v>
      </c>
    </row>
    <row r="3155" spans="1:9" s="47" customFormat="1" ht="27" customHeight="1" x14ac:dyDescent="0.4">
      <c r="A3155" s="22" t="s">
        <v>3503</v>
      </c>
      <c r="B3155" s="22" t="s">
        <v>6172</v>
      </c>
      <c r="C3155" s="22" t="s">
        <v>6173</v>
      </c>
      <c r="D3155" s="10">
        <v>1444480356</v>
      </c>
      <c r="E3155" s="11">
        <v>46387</v>
      </c>
      <c r="F3155" s="22" t="s">
        <v>130</v>
      </c>
      <c r="G3155" s="12">
        <v>3153</v>
      </c>
      <c r="H3155" s="12">
        <f t="shared" si="98"/>
        <v>13</v>
      </c>
      <c r="I3155" s="12">
        <f t="shared" si="99"/>
        <v>9</v>
      </c>
    </row>
    <row r="3156" spans="1:9" s="47" customFormat="1" ht="27" customHeight="1" x14ac:dyDescent="0.4">
      <c r="A3156" s="22" t="s">
        <v>3503</v>
      </c>
      <c r="B3156" s="22" t="s">
        <v>6174</v>
      </c>
      <c r="C3156" s="22" t="s">
        <v>6175</v>
      </c>
      <c r="D3156" s="10">
        <v>1444440210</v>
      </c>
      <c r="E3156" s="11">
        <v>47848</v>
      </c>
      <c r="F3156" s="22" t="s">
        <v>130</v>
      </c>
      <c r="G3156" s="5">
        <v>3154</v>
      </c>
      <c r="H3156" s="12">
        <f t="shared" si="98"/>
        <v>14</v>
      </c>
      <c r="I3156" s="12">
        <f t="shared" si="99"/>
        <v>10</v>
      </c>
    </row>
    <row r="3157" spans="1:9" s="47" customFormat="1" ht="27" customHeight="1" x14ac:dyDescent="0.4">
      <c r="A3157" s="22" t="s">
        <v>3503</v>
      </c>
      <c r="B3157" s="22" t="s">
        <v>6176</v>
      </c>
      <c r="C3157" s="22" t="s">
        <v>6177</v>
      </c>
      <c r="D3157" s="10">
        <v>1444440228</v>
      </c>
      <c r="E3157" s="11">
        <v>48060</v>
      </c>
      <c r="F3157" s="22" t="s">
        <v>130</v>
      </c>
      <c r="G3157" s="12">
        <v>3155</v>
      </c>
      <c r="H3157" s="12">
        <f t="shared" si="98"/>
        <v>13</v>
      </c>
      <c r="I3157" s="12">
        <f t="shared" si="99"/>
        <v>20</v>
      </c>
    </row>
    <row r="3158" spans="1:9" s="47" customFormat="1" ht="27" customHeight="1" x14ac:dyDescent="0.4">
      <c r="A3158" s="22" t="s">
        <v>3503</v>
      </c>
      <c r="B3158" s="22" t="s">
        <v>6178</v>
      </c>
      <c r="C3158" s="22" t="s">
        <v>2529</v>
      </c>
      <c r="D3158" s="10">
        <v>1444440038</v>
      </c>
      <c r="E3158" s="11">
        <v>47208</v>
      </c>
      <c r="F3158" s="22" t="s">
        <v>130</v>
      </c>
      <c r="G3158" s="5">
        <v>3156</v>
      </c>
      <c r="H3158" s="12">
        <f t="shared" si="98"/>
        <v>25</v>
      </c>
      <c r="I3158" s="12">
        <f t="shared" si="99"/>
        <v>15</v>
      </c>
    </row>
    <row r="3159" spans="1:9" s="47" customFormat="1" ht="27" customHeight="1" x14ac:dyDescent="0.4">
      <c r="A3159" s="22" t="s">
        <v>3503</v>
      </c>
      <c r="B3159" s="22" t="s">
        <v>6179</v>
      </c>
      <c r="C3159" s="22" t="s">
        <v>6180</v>
      </c>
      <c r="D3159" s="10">
        <v>1444440061</v>
      </c>
      <c r="E3159" s="11">
        <v>47787</v>
      </c>
      <c r="F3159" s="22" t="s">
        <v>130</v>
      </c>
      <c r="G3159" s="12">
        <v>3157</v>
      </c>
      <c r="H3159" s="12">
        <f t="shared" si="98"/>
        <v>11</v>
      </c>
      <c r="I3159" s="12">
        <f t="shared" si="99"/>
        <v>8</v>
      </c>
    </row>
    <row r="3160" spans="1:9" s="47" customFormat="1" ht="27" customHeight="1" x14ac:dyDescent="0.4">
      <c r="A3160" s="22" t="s">
        <v>3503</v>
      </c>
      <c r="B3160" s="22" t="s">
        <v>6181</v>
      </c>
      <c r="C3160" s="22" t="s">
        <v>6182</v>
      </c>
      <c r="D3160" s="10">
        <v>1444400214</v>
      </c>
      <c r="E3160" s="11">
        <v>46387</v>
      </c>
      <c r="F3160" s="22" t="s">
        <v>130</v>
      </c>
      <c r="G3160" s="5">
        <v>3158</v>
      </c>
      <c r="H3160" s="12">
        <f t="shared" si="98"/>
        <v>12</v>
      </c>
      <c r="I3160" s="12">
        <f t="shared" si="99"/>
        <v>13</v>
      </c>
    </row>
    <row r="3161" spans="1:9" s="47" customFormat="1" ht="27" customHeight="1" x14ac:dyDescent="0.4">
      <c r="A3161" s="22" t="s">
        <v>3503</v>
      </c>
      <c r="B3161" s="22" t="s">
        <v>6183</v>
      </c>
      <c r="C3161" s="22" t="s">
        <v>6184</v>
      </c>
      <c r="D3161" s="10">
        <v>1444440012</v>
      </c>
      <c r="E3161" s="11">
        <v>46418</v>
      </c>
      <c r="F3161" s="22" t="s">
        <v>130</v>
      </c>
      <c r="G3161" s="12">
        <v>3159</v>
      </c>
      <c r="H3161" s="12">
        <f t="shared" si="98"/>
        <v>12</v>
      </c>
      <c r="I3161" s="12">
        <f t="shared" si="99"/>
        <v>12</v>
      </c>
    </row>
    <row r="3162" spans="1:9" s="47" customFormat="1" ht="27" customHeight="1" x14ac:dyDescent="0.4">
      <c r="A3162" s="22" t="s">
        <v>3503</v>
      </c>
      <c r="B3162" s="22" t="s">
        <v>6185</v>
      </c>
      <c r="C3162" s="22" t="s">
        <v>6186</v>
      </c>
      <c r="D3162" s="10">
        <v>1444440137</v>
      </c>
      <c r="E3162" s="11">
        <v>46934</v>
      </c>
      <c r="F3162" s="22" t="s">
        <v>130</v>
      </c>
      <c r="G3162" s="5">
        <v>3160</v>
      </c>
      <c r="H3162" s="12">
        <f t="shared" si="98"/>
        <v>13</v>
      </c>
      <c r="I3162" s="12">
        <f t="shared" si="99"/>
        <v>13</v>
      </c>
    </row>
    <row r="3163" spans="1:9" s="47" customFormat="1" ht="27" customHeight="1" x14ac:dyDescent="0.4">
      <c r="A3163" s="22" t="s">
        <v>3503</v>
      </c>
      <c r="B3163" s="22" t="s">
        <v>6187</v>
      </c>
      <c r="C3163" s="22" t="s">
        <v>6188</v>
      </c>
      <c r="D3163" s="10">
        <v>1444480364</v>
      </c>
      <c r="E3163" s="11">
        <v>46843</v>
      </c>
      <c r="F3163" s="22" t="s">
        <v>130</v>
      </c>
      <c r="G3163" s="12">
        <v>3161</v>
      </c>
      <c r="H3163" s="12">
        <f t="shared" si="98"/>
        <v>11</v>
      </c>
      <c r="I3163" s="12">
        <f t="shared" si="99"/>
        <v>5</v>
      </c>
    </row>
    <row r="3164" spans="1:9" s="47" customFormat="1" ht="27" customHeight="1" x14ac:dyDescent="0.4">
      <c r="A3164" s="22" t="s">
        <v>3503</v>
      </c>
      <c r="B3164" s="22" t="s">
        <v>6189</v>
      </c>
      <c r="C3164" s="22" t="s">
        <v>6190</v>
      </c>
      <c r="D3164" s="10">
        <v>1441140078</v>
      </c>
      <c r="E3164" s="11">
        <v>48457</v>
      </c>
      <c r="F3164" s="22" t="s">
        <v>2536</v>
      </c>
      <c r="G3164" s="5">
        <v>3162</v>
      </c>
      <c r="H3164" s="12">
        <f t="shared" si="98"/>
        <v>12</v>
      </c>
      <c r="I3164" s="12">
        <f t="shared" si="99"/>
        <v>10</v>
      </c>
    </row>
    <row r="3165" spans="1:9" s="47" customFormat="1" ht="27" customHeight="1" x14ac:dyDescent="0.4">
      <c r="A3165" s="22" t="s">
        <v>3503</v>
      </c>
      <c r="B3165" s="22" t="s">
        <v>6191</v>
      </c>
      <c r="C3165" s="22" t="s">
        <v>6192</v>
      </c>
      <c r="D3165" s="10">
        <v>1441180199</v>
      </c>
      <c r="E3165" s="11">
        <v>46387</v>
      </c>
      <c r="F3165" s="22" t="s">
        <v>2536</v>
      </c>
      <c r="G3165" s="12">
        <v>3163</v>
      </c>
      <c r="H3165" s="12">
        <f t="shared" si="98"/>
        <v>14</v>
      </c>
      <c r="I3165" s="12">
        <f t="shared" si="99"/>
        <v>10</v>
      </c>
    </row>
    <row r="3166" spans="1:9" s="47" customFormat="1" ht="27" customHeight="1" x14ac:dyDescent="0.4">
      <c r="A3166" s="22" t="s">
        <v>3503</v>
      </c>
      <c r="B3166" s="22" t="s">
        <v>6193</v>
      </c>
      <c r="C3166" s="22" t="s">
        <v>6194</v>
      </c>
      <c r="D3166" s="10">
        <v>1441140060</v>
      </c>
      <c r="E3166" s="11">
        <v>48029</v>
      </c>
      <c r="F3166" s="22" t="s">
        <v>2536</v>
      </c>
      <c r="G3166" s="5">
        <v>3164</v>
      </c>
      <c r="H3166" s="12">
        <f t="shared" si="98"/>
        <v>12</v>
      </c>
      <c r="I3166" s="12">
        <f t="shared" si="99"/>
        <v>11</v>
      </c>
    </row>
    <row r="3167" spans="1:9" s="47" customFormat="1" ht="27" customHeight="1" x14ac:dyDescent="0.4">
      <c r="A3167" s="22" t="s">
        <v>3503</v>
      </c>
      <c r="B3167" s="22" t="s">
        <v>6195</v>
      </c>
      <c r="C3167" s="22" t="s">
        <v>6196</v>
      </c>
      <c r="D3167" s="10">
        <v>1441140029</v>
      </c>
      <c r="E3167" s="11">
        <v>47634</v>
      </c>
      <c r="F3167" s="22" t="s">
        <v>2536</v>
      </c>
      <c r="G3167" s="12">
        <v>3165</v>
      </c>
      <c r="H3167" s="12">
        <f t="shared" si="98"/>
        <v>13</v>
      </c>
      <c r="I3167" s="12">
        <f t="shared" si="99"/>
        <v>13</v>
      </c>
    </row>
    <row r="3168" spans="1:9" s="47" customFormat="1" ht="27" customHeight="1" x14ac:dyDescent="0.4">
      <c r="A3168" s="22" t="s">
        <v>3503</v>
      </c>
      <c r="B3168" s="22" t="s">
        <v>6197</v>
      </c>
      <c r="C3168" s="22" t="s">
        <v>6198</v>
      </c>
      <c r="D3168" s="10">
        <v>1441140003</v>
      </c>
      <c r="E3168" s="11">
        <v>46721</v>
      </c>
      <c r="F3168" s="22" t="s">
        <v>2536</v>
      </c>
      <c r="G3168" s="5">
        <v>3166</v>
      </c>
      <c r="H3168" s="12">
        <f t="shared" si="98"/>
        <v>13</v>
      </c>
      <c r="I3168" s="12">
        <f t="shared" si="99"/>
        <v>9</v>
      </c>
    </row>
    <row r="3169" spans="1:9" s="47" customFormat="1" ht="27" customHeight="1" x14ac:dyDescent="0.4">
      <c r="A3169" s="22" t="s">
        <v>3503</v>
      </c>
      <c r="B3169" s="22" t="s">
        <v>6199</v>
      </c>
      <c r="C3169" s="22" t="s">
        <v>6200</v>
      </c>
      <c r="D3169" s="10">
        <v>1441140052</v>
      </c>
      <c r="E3169" s="11">
        <v>47999</v>
      </c>
      <c r="F3169" s="22" t="s">
        <v>2536</v>
      </c>
      <c r="G3169" s="12">
        <v>3167</v>
      </c>
      <c r="H3169" s="12">
        <f t="shared" si="98"/>
        <v>13</v>
      </c>
      <c r="I3169" s="12">
        <f t="shared" si="99"/>
        <v>12</v>
      </c>
    </row>
    <row r="3170" spans="1:9" s="47" customFormat="1" ht="27" customHeight="1" x14ac:dyDescent="0.4">
      <c r="A3170" s="22" t="s">
        <v>3503</v>
      </c>
      <c r="B3170" s="22" t="s">
        <v>6201</v>
      </c>
      <c r="C3170" s="22" t="s">
        <v>6202</v>
      </c>
      <c r="D3170" s="10">
        <v>1441180157</v>
      </c>
      <c r="E3170" s="11">
        <v>46387</v>
      </c>
      <c r="F3170" s="22" t="s">
        <v>2536</v>
      </c>
      <c r="G3170" s="5">
        <v>3168</v>
      </c>
      <c r="H3170" s="12">
        <f t="shared" si="98"/>
        <v>12</v>
      </c>
      <c r="I3170" s="12">
        <f t="shared" si="99"/>
        <v>9</v>
      </c>
    </row>
    <row r="3171" spans="1:9" s="47" customFormat="1" ht="27" customHeight="1" x14ac:dyDescent="0.4">
      <c r="A3171" s="22" t="s">
        <v>3503</v>
      </c>
      <c r="B3171" s="22" t="s">
        <v>6203</v>
      </c>
      <c r="C3171" s="22" t="s">
        <v>6204</v>
      </c>
      <c r="D3171" s="10">
        <v>1441140037</v>
      </c>
      <c r="E3171" s="11">
        <v>48244</v>
      </c>
      <c r="F3171" s="22" t="s">
        <v>2536</v>
      </c>
      <c r="G3171" s="12">
        <v>3169</v>
      </c>
      <c r="H3171" s="12">
        <f t="shared" si="98"/>
        <v>11</v>
      </c>
      <c r="I3171" s="12">
        <f t="shared" si="99"/>
        <v>7</v>
      </c>
    </row>
    <row r="3172" spans="1:9" s="47" customFormat="1" ht="27" customHeight="1" x14ac:dyDescent="0.4">
      <c r="A3172" s="22" t="s">
        <v>3503</v>
      </c>
      <c r="B3172" s="22" t="s">
        <v>6205</v>
      </c>
      <c r="C3172" s="22" t="s">
        <v>6206</v>
      </c>
      <c r="D3172" s="10">
        <v>1441240126</v>
      </c>
      <c r="E3172" s="11">
        <v>47787</v>
      </c>
      <c r="F3172" s="22" t="s">
        <v>2553</v>
      </c>
      <c r="G3172" s="5">
        <v>3170</v>
      </c>
      <c r="H3172" s="12">
        <f t="shared" si="98"/>
        <v>15</v>
      </c>
      <c r="I3172" s="12">
        <f t="shared" si="99"/>
        <v>13</v>
      </c>
    </row>
    <row r="3173" spans="1:9" s="47" customFormat="1" ht="27" customHeight="1" x14ac:dyDescent="0.4">
      <c r="A3173" s="22" t="s">
        <v>3503</v>
      </c>
      <c r="B3173" s="22" t="s">
        <v>6207</v>
      </c>
      <c r="C3173" s="22" t="s">
        <v>6208</v>
      </c>
      <c r="D3173" s="10">
        <v>1441240050</v>
      </c>
      <c r="E3173" s="11">
        <v>47422</v>
      </c>
      <c r="F3173" s="22" t="s">
        <v>2553</v>
      </c>
      <c r="G3173" s="12">
        <v>3171</v>
      </c>
      <c r="H3173" s="12">
        <f t="shared" si="98"/>
        <v>14</v>
      </c>
      <c r="I3173" s="12">
        <f t="shared" si="99"/>
        <v>11</v>
      </c>
    </row>
    <row r="3174" spans="1:9" s="47" customFormat="1" ht="27" customHeight="1" x14ac:dyDescent="0.4">
      <c r="A3174" s="22" t="s">
        <v>3503</v>
      </c>
      <c r="B3174" s="22" t="s">
        <v>6209</v>
      </c>
      <c r="C3174" s="22" t="s">
        <v>6210</v>
      </c>
      <c r="D3174" s="10">
        <v>1441240068</v>
      </c>
      <c r="E3174" s="11">
        <v>48182</v>
      </c>
      <c r="F3174" s="22" t="s">
        <v>2553</v>
      </c>
      <c r="G3174" s="5">
        <v>3172</v>
      </c>
      <c r="H3174" s="12">
        <f t="shared" si="98"/>
        <v>15</v>
      </c>
      <c r="I3174" s="12">
        <f t="shared" si="99"/>
        <v>8</v>
      </c>
    </row>
    <row r="3175" spans="1:9" s="47" customFormat="1" ht="27" customHeight="1" x14ac:dyDescent="0.4">
      <c r="A3175" s="22" t="s">
        <v>3503</v>
      </c>
      <c r="B3175" s="22" t="s">
        <v>6211</v>
      </c>
      <c r="C3175" s="22" t="s">
        <v>6212</v>
      </c>
      <c r="D3175" s="10">
        <v>1441240118</v>
      </c>
      <c r="E3175" s="11">
        <v>47787</v>
      </c>
      <c r="F3175" s="22" t="s">
        <v>2553</v>
      </c>
      <c r="G3175" s="12">
        <v>3173</v>
      </c>
      <c r="H3175" s="12">
        <f t="shared" si="98"/>
        <v>14</v>
      </c>
      <c r="I3175" s="12">
        <f t="shared" si="99"/>
        <v>14</v>
      </c>
    </row>
    <row r="3176" spans="1:9" s="47" customFormat="1" ht="27" customHeight="1" x14ac:dyDescent="0.4">
      <c r="A3176" s="22" t="s">
        <v>3503</v>
      </c>
      <c r="B3176" s="22" t="s">
        <v>6213</v>
      </c>
      <c r="C3176" s="22" t="s">
        <v>6214</v>
      </c>
      <c r="D3176" s="10">
        <v>1441240076</v>
      </c>
      <c r="E3176" s="11">
        <v>48304</v>
      </c>
      <c r="F3176" s="22" t="s">
        <v>2553</v>
      </c>
      <c r="G3176" s="5">
        <v>3174</v>
      </c>
      <c r="H3176" s="12">
        <f t="shared" si="98"/>
        <v>13</v>
      </c>
      <c r="I3176" s="12">
        <f t="shared" si="99"/>
        <v>6</v>
      </c>
    </row>
    <row r="3177" spans="1:9" s="47" customFormat="1" ht="27" customHeight="1" x14ac:dyDescent="0.4">
      <c r="A3177" s="22" t="s">
        <v>3503</v>
      </c>
      <c r="B3177" s="22" t="s">
        <v>6215</v>
      </c>
      <c r="C3177" s="22" t="s">
        <v>6216</v>
      </c>
      <c r="D3177" s="10">
        <v>1441240084</v>
      </c>
      <c r="E3177" s="11">
        <v>46418</v>
      </c>
      <c r="F3177" s="22" t="s">
        <v>2553</v>
      </c>
      <c r="G3177" s="12">
        <v>3175</v>
      </c>
      <c r="H3177" s="12">
        <f t="shared" si="98"/>
        <v>15</v>
      </c>
      <c r="I3177" s="12">
        <f t="shared" si="99"/>
        <v>10</v>
      </c>
    </row>
    <row r="3178" spans="1:9" s="47" customFormat="1" ht="27" customHeight="1" x14ac:dyDescent="0.4">
      <c r="A3178" s="22" t="s">
        <v>3503</v>
      </c>
      <c r="B3178" s="22" t="s">
        <v>5283</v>
      </c>
      <c r="C3178" s="22" t="s">
        <v>6217</v>
      </c>
      <c r="D3178" s="10">
        <v>1441280395</v>
      </c>
      <c r="E3178" s="11">
        <v>46387</v>
      </c>
      <c r="F3178" s="22" t="s">
        <v>2553</v>
      </c>
      <c r="G3178" s="5">
        <v>3176</v>
      </c>
      <c r="H3178" s="12">
        <f t="shared" si="98"/>
        <v>14</v>
      </c>
      <c r="I3178" s="12">
        <f t="shared" si="99"/>
        <v>7</v>
      </c>
    </row>
    <row r="3179" spans="1:9" s="47" customFormat="1" ht="27" customHeight="1" x14ac:dyDescent="0.4">
      <c r="A3179" s="22" t="s">
        <v>3503</v>
      </c>
      <c r="B3179" s="22" t="s">
        <v>6218</v>
      </c>
      <c r="C3179" s="22" t="s">
        <v>6219</v>
      </c>
      <c r="D3179" s="10">
        <v>1441280379</v>
      </c>
      <c r="E3179" s="11">
        <v>46387</v>
      </c>
      <c r="F3179" s="22" t="s">
        <v>2553</v>
      </c>
      <c r="G3179" s="12">
        <v>3177</v>
      </c>
      <c r="H3179" s="12">
        <f t="shared" si="98"/>
        <v>13</v>
      </c>
      <c r="I3179" s="12">
        <f t="shared" si="99"/>
        <v>4</v>
      </c>
    </row>
    <row r="3180" spans="1:9" s="47" customFormat="1" ht="27" customHeight="1" x14ac:dyDescent="0.4">
      <c r="A3180" s="22" t="s">
        <v>3503</v>
      </c>
      <c r="B3180" s="22" t="s">
        <v>6220</v>
      </c>
      <c r="C3180" s="50" t="s">
        <v>6221</v>
      </c>
      <c r="D3180" s="10">
        <v>1441240035</v>
      </c>
      <c r="E3180" s="11">
        <v>46904</v>
      </c>
      <c r="F3180" s="22" t="s">
        <v>2553</v>
      </c>
      <c r="G3180" s="5">
        <v>3178</v>
      </c>
      <c r="H3180" s="12">
        <f t="shared" si="98"/>
        <v>35</v>
      </c>
      <c r="I3180" s="12">
        <f t="shared" si="99"/>
        <v>8</v>
      </c>
    </row>
    <row r="3181" spans="1:9" s="47" customFormat="1" ht="27" customHeight="1" x14ac:dyDescent="0.4">
      <c r="A3181" s="22" t="s">
        <v>3503</v>
      </c>
      <c r="B3181" s="22" t="s">
        <v>6222</v>
      </c>
      <c r="C3181" s="22" t="s">
        <v>6223</v>
      </c>
      <c r="D3181" s="10">
        <v>1441280270</v>
      </c>
      <c r="E3181" s="11">
        <v>46387</v>
      </c>
      <c r="F3181" s="22" t="s">
        <v>2553</v>
      </c>
      <c r="G3181" s="12">
        <v>3179</v>
      </c>
      <c r="H3181" s="12">
        <f t="shared" si="98"/>
        <v>13</v>
      </c>
      <c r="I3181" s="12">
        <f t="shared" si="99"/>
        <v>19</v>
      </c>
    </row>
    <row r="3182" spans="1:9" s="47" customFormat="1" ht="27" customHeight="1" x14ac:dyDescent="0.4">
      <c r="A3182" s="22" t="s">
        <v>3503</v>
      </c>
      <c r="B3182" s="22" t="s">
        <v>6224</v>
      </c>
      <c r="C3182" s="22" t="s">
        <v>6225</v>
      </c>
      <c r="D3182" s="10">
        <v>1441280437</v>
      </c>
      <c r="E3182" s="11">
        <v>46387</v>
      </c>
      <c r="F3182" s="22" t="s">
        <v>2553</v>
      </c>
      <c r="G3182" s="5">
        <v>3180</v>
      </c>
      <c r="H3182" s="12">
        <f t="shared" si="98"/>
        <v>13</v>
      </c>
      <c r="I3182" s="12">
        <f t="shared" si="99"/>
        <v>18</v>
      </c>
    </row>
    <row r="3183" spans="1:9" s="47" customFormat="1" ht="27" customHeight="1" x14ac:dyDescent="0.4">
      <c r="A3183" s="22" t="s">
        <v>3503</v>
      </c>
      <c r="B3183" s="22" t="s">
        <v>6226</v>
      </c>
      <c r="C3183" s="22" t="s">
        <v>6227</v>
      </c>
      <c r="D3183" s="10">
        <v>1441280288</v>
      </c>
      <c r="E3183" s="11">
        <v>46387</v>
      </c>
      <c r="F3183" s="22" t="s">
        <v>2553</v>
      </c>
      <c r="G3183" s="12">
        <v>3181</v>
      </c>
      <c r="H3183" s="12">
        <f t="shared" si="98"/>
        <v>14</v>
      </c>
      <c r="I3183" s="12">
        <f t="shared" si="99"/>
        <v>5</v>
      </c>
    </row>
    <row r="3184" spans="1:9" s="47" customFormat="1" ht="27" customHeight="1" x14ac:dyDescent="0.4">
      <c r="A3184" s="22" t="s">
        <v>3503</v>
      </c>
      <c r="B3184" s="22" t="s">
        <v>6228</v>
      </c>
      <c r="C3184" s="22" t="s">
        <v>6229</v>
      </c>
      <c r="D3184" s="10">
        <v>1441280320</v>
      </c>
      <c r="E3184" s="11">
        <v>46387</v>
      </c>
      <c r="F3184" s="22" t="s">
        <v>2553</v>
      </c>
      <c r="G3184" s="5">
        <v>3182</v>
      </c>
      <c r="H3184" s="12">
        <f t="shared" si="98"/>
        <v>14</v>
      </c>
      <c r="I3184" s="12">
        <f t="shared" si="99"/>
        <v>6</v>
      </c>
    </row>
    <row r="3185" spans="1:9" s="47" customFormat="1" ht="27" customHeight="1" x14ac:dyDescent="0.4">
      <c r="A3185" s="22" t="s">
        <v>3503</v>
      </c>
      <c r="B3185" s="22" t="s">
        <v>6230</v>
      </c>
      <c r="C3185" s="22" t="s">
        <v>6231</v>
      </c>
      <c r="D3185" s="10">
        <v>1441240100</v>
      </c>
      <c r="E3185" s="11">
        <v>47514</v>
      </c>
      <c r="F3185" s="22" t="s">
        <v>2553</v>
      </c>
      <c r="G3185" s="12">
        <v>3183</v>
      </c>
      <c r="H3185" s="12">
        <f t="shared" si="98"/>
        <v>14</v>
      </c>
      <c r="I3185" s="12">
        <f t="shared" si="99"/>
        <v>12</v>
      </c>
    </row>
    <row r="3186" spans="1:9" s="47" customFormat="1" ht="27" customHeight="1" x14ac:dyDescent="0.4">
      <c r="A3186" s="22" t="s">
        <v>3503</v>
      </c>
      <c r="B3186" s="22" t="s">
        <v>6232</v>
      </c>
      <c r="C3186" s="22" t="s">
        <v>6233</v>
      </c>
      <c r="D3186" s="10">
        <v>1441240043</v>
      </c>
      <c r="E3186" s="11">
        <v>48304</v>
      </c>
      <c r="F3186" s="22" t="s">
        <v>2553</v>
      </c>
      <c r="G3186" s="5">
        <v>3184</v>
      </c>
      <c r="H3186" s="12">
        <f t="shared" si="98"/>
        <v>10</v>
      </c>
      <c r="I3186" s="12">
        <f t="shared" si="99"/>
        <v>13</v>
      </c>
    </row>
    <row r="3187" spans="1:9" s="47" customFormat="1" ht="27" customHeight="1" x14ac:dyDescent="0.4">
      <c r="A3187" s="22" t="s">
        <v>3503</v>
      </c>
      <c r="B3187" s="22" t="s">
        <v>6234</v>
      </c>
      <c r="C3187" s="22" t="s">
        <v>6235</v>
      </c>
      <c r="D3187" s="10">
        <v>1441280346</v>
      </c>
      <c r="E3187" s="11">
        <v>46387</v>
      </c>
      <c r="F3187" s="22" t="s">
        <v>2553</v>
      </c>
      <c r="G3187" s="12">
        <v>3185</v>
      </c>
      <c r="H3187" s="12">
        <f t="shared" si="98"/>
        <v>14</v>
      </c>
      <c r="I3187" s="12">
        <f t="shared" si="99"/>
        <v>7</v>
      </c>
    </row>
    <row r="3188" spans="1:9" s="47" customFormat="1" ht="27" customHeight="1" x14ac:dyDescent="0.4">
      <c r="A3188" s="22" t="s">
        <v>3503</v>
      </c>
      <c r="B3188" s="22" t="s">
        <v>6236</v>
      </c>
      <c r="C3188" s="22" t="s">
        <v>6237</v>
      </c>
      <c r="D3188" s="10">
        <v>1441240092</v>
      </c>
      <c r="E3188" s="11">
        <v>47391</v>
      </c>
      <c r="F3188" s="22" t="s">
        <v>2553</v>
      </c>
      <c r="G3188" s="5">
        <v>3186</v>
      </c>
      <c r="H3188" s="12">
        <f t="shared" si="98"/>
        <v>14</v>
      </c>
      <c r="I3188" s="12">
        <f t="shared" si="99"/>
        <v>12</v>
      </c>
    </row>
    <row r="3189" spans="1:9" s="47" customFormat="1" ht="27" customHeight="1" x14ac:dyDescent="0.4">
      <c r="A3189" s="22" t="s">
        <v>3503</v>
      </c>
      <c r="B3189" s="22" t="s">
        <v>6238</v>
      </c>
      <c r="C3189" s="22" t="s">
        <v>6239</v>
      </c>
      <c r="D3189" s="10">
        <v>1441280445</v>
      </c>
      <c r="E3189" s="11">
        <v>46387</v>
      </c>
      <c r="F3189" s="22" t="s">
        <v>2553</v>
      </c>
      <c r="G3189" s="12">
        <v>3187</v>
      </c>
      <c r="H3189" s="12">
        <f t="shared" si="98"/>
        <v>13</v>
      </c>
      <c r="I3189" s="12">
        <f t="shared" si="99"/>
        <v>13</v>
      </c>
    </row>
    <row r="3190" spans="1:9" s="47" customFormat="1" ht="27" customHeight="1" x14ac:dyDescent="0.4">
      <c r="A3190" s="22" t="s">
        <v>3503</v>
      </c>
      <c r="B3190" s="22" t="s">
        <v>6240</v>
      </c>
      <c r="C3190" s="22" t="s">
        <v>6241</v>
      </c>
      <c r="D3190" s="10">
        <v>1441240134</v>
      </c>
      <c r="E3190" s="11">
        <v>47787</v>
      </c>
      <c r="F3190" s="22" t="s">
        <v>2553</v>
      </c>
      <c r="G3190" s="5">
        <v>3188</v>
      </c>
      <c r="H3190" s="12">
        <f t="shared" si="98"/>
        <v>13</v>
      </c>
      <c r="I3190" s="12">
        <f t="shared" si="99"/>
        <v>11</v>
      </c>
    </row>
    <row r="3191" spans="1:9" s="47" customFormat="1" ht="27" customHeight="1" x14ac:dyDescent="0.4">
      <c r="A3191" s="22" t="s">
        <v>3503</v>
      </c>
      <c r="B3191" s="22" t="s">
        <v>6242</v>
      </c>
      <c r="C3191" s="22" t="s">
        <v>6243</v>
      </c>
      <c r="D3191" s="10">
        <v>1441280387</v>
      </c>
      <c r="E3191" s="11">
        <v>46387</v>
      </c>
      <c r="F3191" s="22" t="s">
        <v>2553</v>
      </c>
      <c r="G3191" s="12">
        <v>3189</v>
      </c>
      <c r="H3191" s="12">
        <f t="shared" si="98"/>
        <v>14</v>
      </c>
      <c r="I3191" s="12">
        <f t="shared" si="99"/>
        <v>12</v>
      </c>
    </row>
    <row r="3192" spans="1:9" s="47" customFormat="1" ht="27" customHeight="1" x14ac:dyDescent="0.4">
      <c r="A3192" s="22" t="s">
        <v>3503</v>
      </c>
      <c r="B3192" s="22" t="s">
        <v>6244</v>
      </c>
      <c r="C3192" s="22" t="s">
        <v>6245</v>
      </c>
      <c r="D3192" s="10">
        <v>1441200237</v>
      </c>
      <c r="E3192" s="11">
        <v>46387</v>
      </c>
      <c r="F3192" s="22" t="s">
        <v>2553</v>
      </c>
      <c r="G3192" s="5">
        <v>3190</v>
      </c>
      <c r="H3192" s="12">
        <f t="shared" si="98"/>
        <v>12</v>
      </c>
      <c r="I3192" s="12">
        <f t="shared" si="99"/>
        <v>5</v>
      </c>
    </row>
    <row r="3193" spans="1:9" s="47" customFormat="1" ht="27" customHeight="1" x14ac:dyDescent="0.4">
      <c r="A3193" s="22" t="s">
        <v>3503</v>
      </c>
      <c r="B3193" s="22" t="s">
        <v>6246</v>
      </c>
      <c r="C3193" s="22" t="s">
        <v>6247</v>
      </c>
      <c r="D3193" s="10">
        <v>1441340157</v>
      </c>
      <c r="E3193" s="11">
        <v>47391</v>
      </c>
      <c r="F3193" s="22" t="s">
        <v>133</v>
      </c>
      <c r="G3193" s="12">
        <v>3191</v>
      </c>
      <c r="H3193" s="12">
        <f t="shared" si="98"/>
        <v>12</v>
      </c>
      <c r="I3193" s="12">
        <f t="shared" si="99"/>
        <v>11</v>
      </c>
    </row>
    <row r="3194" spans="1:9" s="47" customFormat="1" ht="27" customHeight="1" x14ac:dyDescent="0.4">
      <c r="A3194" s="22" t="s">
        <v>3503</v>
      </c>
      <c r="B3194" s="22" t="s">
        <v>6248</v>
      </c>
      <c r="C3194" s="22" t="s">
        <v>6249</v>
      </c>
      <c r="D3194" s="10">
        <v>1441340108</v>
      </c>
      <c r="E3194" s="11">
        <v>47938</v>
      </c>
      <c r="F3194" s="22" t="s">
        <v>133</v>
      </c>
      <c r="G3194" s="5">
        <v>3192</v>
      </c>
      <c r="H3194" s="12">
        <f t="shared" si="98"/>
        <v>12</v>
      </c>
      <c r="I3194" s="12">
        <f t="shared" si="99"/>
        <v>8</v>
      </c>
    </row>
    <row r="3195" spans="1:9" s="47" customFormat="1" ht="27" customHeight="1" x14ac:dyDescent="0.4">
      <c r="A3195" s="22" t="s">
        <v>3503</v>
      </c>
      <c r="B3195" s="22" t="s">
        <v>6250</v>
      </c>
      <c r="C3195" s="22" t="s">
        <v>6251</v>
      </c>
      <c r="D3195" s="10">
        <v>1441300250</v>
      </c>
      <c r="E3195" s="11">
        <v>46387</v>
      </c>
      <c r="F3195" s="22" t="s">
        <v>133</v>
      </c>
      <c r="G3195" s="12">
        <v>3193</v>
      </c>
      <c r="H3195" s="12">
        <f t="shared" si="98"/>
        <v>12</v>
      </c>
      <c r="I3195" s="12">
        <f t="shared" si="99"/>
        <v>6</v>
      </c>
    </row>
    <row r="3196" spans="1:9" s="47" customFormat="1" ht="27" customHeight="1" x14ac:dyDescent="0.4">
      <c r="A3196" s="22" t="s">
        <v>3503</v>
      </c>
      <c r="B3196" s="22" t="s">
        <v>6252</v>
      </c>
      <c r="C3196" s="22" t="s">
        <v>6253</v>
      </c>
      <c r="D3196" s="10">
        <v>1441340140</v>
      </c>
      <c r="E3196" s="11">
        <v>47391</v>
      </c>
      <c r="F3196" s="22" t="s">
        <v>133</v>
      </c>
      <c r="G3196" s="5">
        <v>3194</v>
      </c>
      <c r="H3196" s="12">
        <f t="shared" si="98"/>
        <v>11</v>
      </c>
      <c r="I3196" s="12">
        <f t="shared" si="99"/>
        <v>14</v>
      </c>
    </row>
    <row r="3197" spans="1:9" s="47" customFormat="1" ht="27" customHeight="1" x14ac:dyDescent="0.4">
      <c r="A3197" s="22" t="s">
        <v>3503</v>
      </c>
      <c r="B3197" s="22" t="s">
        <v>6254</v>
      </c>
      <c r="C3197" s="22" t="s">
        <v>6255</v>
      </c>
      <c r="D3197" s="10">
        <v>1441340116</v>
      </c>
      <c r="E3197" s="11">
        <v>46446</v>
      </c>
      <c r="F3197" s="22" t="s">
        <v>133</v>
      </c>
      <c r="G3197" s="12">
        <v>3195</v>
      </c>
      <c r="H3197" s="12">
        <f t="shared" si="98"/>
        <v>13</v>
      </c>
      <c r="I3197" s="12">
        <f t="shared" si="99"/>
        <v>6</v>
      </c>
    </row>
    <row r="3198" spans="1:9" s="47" customFormat="1" ht="27" customHeight="1" x14ac:dyDescent="0.4">
      <c r="A3198" s="22" t="s">
        <v>3503</v>
      </c>
      <c r="B3198" s="22" t="s">
        <v>6256</v>
      </c>
      <c r="C3198" s="22" t="s">
        <v>6257</v>
      </c>
      <c r="D3198" s="10">
        <v>1441340066</v>
      </c>
      <c r="E3198" s="11">
        <v>47514</v>
      </c>
      <c r="F3198" s="22" t="s">
        <v>133</v>
      </c>
      <c r="G3198" s="5">
        <v>3196</v>
      </c>
      <c r="H3198" s="12">
        <f t="shared" si="98"/>
        <v>14</v>
      </c>
      <c r="I3198" s="12">
        <f t="shared" si="99"/>
        <v>9</v>
      </c>
    </row>
    <row r="3199" spans="1:9" s="47" customFormat="1" ht="27" customHeight="1" x14ac:dyDescent="0.4">
      <c r="A3199" s="22" t="s">
        <v>3503</v>
      </c>
      <c r="B3199" s="22" t="s">
        <v>6258</v>
      </c>
      <c r="C3199" s="22" t="s">
        <v>6259</v>
      </c>
      <c r="D3199" s="10">
        <v>1441380534</v>
      </c>
      <c r="E3199" s="11">
        <v>46387</v>
      </c>
      <c r="F3199" s="22" t="s">
        <v>133</v>
      </c>
      <c r="G3199" s="12">
        <v>3197</v>
      </c>
      <c r="H3199" s="12">
        <f t="shared" si="98"/>
        <v>14</v>
      </c>
      <c r="I3199" s="12">
        <f t="shared" si="99"/>
        <v>11</v>
      </c>
    </row>
    <row r="3200" spans="1:9" s="47" customFormat="1" ht="27" customHeight="1" x14ac:dyDescent="0.4">
      <c r="A3200" s="22" t="s">
        <v>3503</v>
      </c>
      <c r="B3200" s="22" t="s">
        <v>6260</v>
      </c>
      <c r="C3200" s="22" t="s">
        <v>6261</v>
      </c>
      <c r="D3200" s="10">
        <v>1441340173</v>
      </c>
      <c r="E3200" s="11">
        <v>47879</v>
      </c>
      <c r="F3200" s="22" t="s">
        <v>133</v>
      </c>
      <c r="G3200" s="5">
        <v>3198</v>
      </c>
      <c r="H3200" s="12">
        <f t="shared" si="98"/>
        <v>12</v>
      </c>
      <c r="I3200" s="12">
        <f t="shared" si="99"/>
        <v>4</v>
      </c>
    </row>
    <row r="3201" spans="1:9" s="47" customFormat="1" ht="27" customHeight="1" x14ac:dyDescent="0.4">
      <c r="A3201" s="22" t="s">
        <v>3503</v>
      </c>
      <c r="B3201" s="22" t="s">
        <v>6262</v>
      </c>
      <c r="C3201" s="22" t="s">
        <v>6261</v>
      </c>
      <c r="D3201" s="10">
        <v>1441380625</v>
      </c>
      <c r="E3201" s="11">
        <v>46387</v>
      </c>
      <c r="F3201" s="22" t="s">
        <v>133</v>
      </c>
      <c r="G3201" s="12">
        <v>3199</v>
      </c>
      <c r="H3201" s="12">
        <f t="shared" si="98"/>
        <v>12</v>
      </c>
      <c r="I3201" s="12">
        <f t="shared" si="99"/>
        <v>9</v>
      </c>
    </row>
    <row r="3202" spans="1:9" s="47" customFormat="1" ht="27" customHeight="1" x14ac:dyDescent="0.4">
      <c r="A3202" s="22" t="s">
        <v>3503</v>
      </c>
      <c r="B3202" s="22" t="s">
        <v>3785</v>
      </c>
      <c r="C3202" s="22" t="s">
        <v>6263</v>
      </c>
      <c r="D3202" s="10">
        <v>1441380609</v>
      </c>
      <c r="E3202" s="11">
        <v>46387</v>
      </c>
      <c r="F3202" s="22" t="s">
        <v>133</v>
      </c>
      <c r="G3202" s="5">
        <v>3200</v>
      </c>
      <c r="H3202" s="12">
        <f t="shared" si="98"/>
        <v>11</v>
      </c>
      <c r="I3202" s="12">
        <f t="shared" si="99"/>
        <v>7</v>
      </c>
    </row>
    <row r="3203" spans="1:9" s="47" customFormat="1" ht="27" customHeight="1" x14ac:dyDescent="0.4">
      <c r="A3203" s="22" t="s">
        <v>3503</v>
      </c>
      <c r="B3203" s="22" t="s">
        <v>6264</v>
      </c>
      <c r="C3203" s="22" t="s">
        <v>6265</v>
      </c>
      <c r="D3203" s="10">
        <v>1441380492</v>
      </c>
      <c r="E3203" s="11">
        <v>46387</v>
      </c>
      <c r="F3203" s="22" t="s">
        <v>133</v>
      </c>
      <c r="G3203" s="12">
        <v>3201</v>
      </c>
      <c r="H3203" s="12">
        <f t="shared" si="98"/>
        <v>13</v>
      </c>
      <c r="I3203" s="12">
        <f t="shared" si="99"/>
        <v>6</v>
      </c>
    </row>
    <row r="3204" spans="1:9" s="47" customFormat="1" ht="27" customHeight="1" x14ac:dyDescent="0.4">
      <c r="A3204" s="22" t="s">
        <v>3503</v>
      </c>
      <c r="B3204" s="22" t="s">
        <v>6266</v>
      </c>
      <c r="C3204" s="22" t="s">
        <v>6267</v>
      </c>
      <c r="D3204" s="10">
        <v>1441380476</v>
      </c>
      <c r="E3204" s="11">
        <v>46387</v>
      </c>
      <c r="F3204" s="22" t="s">
        <v>133</v>
      </c>
      <c r="G3204" s="5">
        <v>3202</v>
      </c>
      <c r="H3204" s="12">
        <f t="shared" ref="H3204:H3267" si="100">LEN(C3204)</f>
        <v>13</v>
      </c>
      <c r="I3204" s="12">
        <f t="shared" ref="I3204:I3267" si="101">LEN(B3204)</f>
        <v>6</v>
      </c>
    </row>
    <row r="3205" spans="1:9" s="47" customFormat="1" ht="27" customHeight="1" x14ac:dyDescent="0.4">
      <c r="A3205" s="22" t="s">
        <v>3503</v>
      </c>
      <c r="B3205" s="22" t="s">
        <v>6268</v>
      </c>
      <c r="C3205" s="22" t="s">
        <v>6269</v>
      </c>
      <c r="D3205" s="10">
        <v>1441380542</v>
      </c>
      <c r="E3205" s="11">
        <v>46387</v>
      </c>
      <c r="F3205" s="22" t="s">
        <v>133</v>
      </c>
      <c r="G3205" s="12">
        <v>3203</v>
      </c>
      <c r="H3205" s="12">
        <f t="shared" si="100"/>
        <v>10</v>
      </c>
      <c r="I3205" s="12">
        <f t="shared" si="101"/>
        <v>11</v>
      </c>
    </row>
    <row r="3206" spans="1:9" s="47" customFormat="1" ht="27" customHeight="1" x14ac:dyDescent="0.4">
      <c r="A3206" s="22" t="s">
        <v>3503</v>
      </c>
      <c r="B3206" s="22" t="s">
        <v>6270</v>
      </c>
      <c r="C3206" s="22" t="s">
        <v>6271</v>
      </c>
      <c r="D3206" s="10">
        <v>1441340090</v>
      </c>
      <c r="E3206" s="11">
        <v>47695</v>
      </c>
      <c r="F3206" s="22" t="s">
        <v>133</v>
      </c>
      <c r="G3206" s="5">
        <v>3204</v>
      </c>
      <c r="H3206" s="12">
        <f t="shared" si="100"/>
        <v>12</v>
      </c>
      <c r="I3206" s="12">
        <f t="shared" si="101"/>
        <v>12</v>
      </c>
    </row>
    <row r="3207" spans="1:9" s="47" customFormat="1" ht="27" customHeight="1" x14ac:dyDescent="0.4">
      <c r="A3207" s="22" t="s">
        <v>3503</v>
      </c>
      <c r="B3207" s="22" t="s">
        <v>6272</v>
      </c>
      <c r="C3207" s="22" t="s">
        <v>6273</v>
      </c>
      <c r="D3207" s="10">
        <v>1441380484</v>
      </c>
      <c r="E3207" s="11">
        <v>46387</v>
      </c>
      <c r="F3207" s="22" t="s">
        <v>133</v>
      </c>
      <c r="G3207" s="12">
        <v>3205</v>
      </c>
      <c r="H3207" s="12">
        <f t="shared" si="100"/>
        <v>10</v>
      </c>
      <c r="I3207" s="12">
        <f t="shared" si="101"/>
        <v>4</v>
      </c>
    </row>
    <row r="3208" spans="1:9" s="47" customFormat="1" ht="27" customHeight="1" x14ac:dyDescent="0.4">
      <c r="A3208" s="22" t="s">
        <v>3503</v>
      </c>
      <c r="B3208" s="22" t="s">
        <v>6274</v>
      </c>
      <c r="C3208" s="22" t="s">
        <v>6275</v>
      </c>
      <c r="D3208" s="10">
        <v>1441340124</v>
      </c>
      <c r="E3208" s="11">
        <v>46843</v>
      </c>
      <c r="F3208" s="22" t="s">
        <v>133</v>
      </c>
      <c r="G3208" s="5">
        <v>3206</v>
      </c>
      <c r="H3208" s="12">
        <f t="shared" si="100"/>
        <v>12</v>
      </c>
      <c r="I3208" s="12">
        <f t="shared" si="101"/>
        <v>9</v>
      </c>
    </row>
    <row r="3209" spans="1:9" s="47" customFormat="1" ht="27" customHeight="1" x14ac:dyDescent="0.4">
      <c r="A3209" s="22" t="s">
        <v>3503</v>
      </c>
      <c r="B3209" s="22" t="s">
        <v>6276</v>
      </c>
      <c r="C3209" s="22" t="s">
        <v>6277</v>
      </c>
      <c r="D3209" s="10">
        <v>1441340165</v>
      </c>
      <c r="E3209" s="11">
        <v>47848</v>
      </c>
      <c r="F3209" s="22" t="s">
        <v>2586</v>
      </c>
      <c r="G3209" s="12">
        <v>3207</v>
      </c>
      <c r="H3209" s="12">
        <f t="shared" si="100"/>
        <v>12</v>
      </c>
      <c r="I3209" s="12">
        <f t="shared" si="101"/>
        <v>12</v>
      </c>
    </row>
    <row r="3210" spans="1:9" s="47" customFormat="1" ht="27" customHeight="1" x14ac:dyDescent="0.4">
      <c r="A3210" s="22" t="s">
        <v>3503</v>
      </c>
      <c r="B3210" s="22" t="s">
        <v>6278</v>
      </c>
      <c r="C3210" s="22" t="s">
        <v>6279</v>
      </c>
      <c r="D3210" s="10">
        <v>1441380583</v>
      </c>
      <c r="E3210" s="11">
        <v>46387</v>
      </c>
      <c r="F3210" s="22" t="s">
        <v>2586</v>
      </c>
      <c r="G3210" s="5">
        <v>3208</v>
      </c>
      <c r="H3210" s="12">
        <f t="shared" si="100"/>
        <v>13</v>
      </c>
      <c r="I3210" s="12">
        <f t="shared" si="101"/>
        <v>6</v>
      </c>
    </row>
    <row r="3211" spans="1:9" s="47" customFormat="1" ht="27" customHeight="1" x14ac:dyDescent="0.4">
      <c r="A3211" s="22" t="s">
        <v>3503</v>
      </c>
      <c r="B3211" s="22" t="s">
        <v>6280</v>
      </c>
      <c r="C3211" s="22" t="s">
        <v>6281</v>
      </c>
      <c r="D3211" s="10">
        <v>1441300334</v>
      </c>
      <c r="E3211" s="11">
        <v>46387</v>
      </c>
      <c r="F3211" s="22" t="s">
        <v>2586</v>
      </c>
      <c r="G3211" s="12">
        <v>3209</v>
      </c>
      <c r="H3211" s="12">
        <f t="shared" si="100"/>
        <v>12</v>
      </c>
      <c r="I3211" s="12">
        <f t="shared" si="101"/>
        <v>5</v>
      </c>
    </row>
    <row r="3212" spans="1:9" s="47" customFormat="1" ht="27" customHeight="1" x14ac:dyDescent="0.4">
      <c r="A3212" s="22" t="s">
        <v>3503</v>
      </c>
      <c r="B3212" s="22" t="s">
        <v>6282</v>
      </c>
      <c r="C3212" s="22" t="s">
        <v>6283</v>
      </c>
      <c r="D3212" s="10">
        <v>1441380435</v>
      </c>
      <c r="E3212" s="11">
        <v>46387</v>
      </c>
      <c r="F3212" s="22" t="s">
        <v>2586</v>
      </c>
      <c r="G3212" s="5">
        <v>3210</v>
      </c>
      <c r="H3212" s="12">
        <f t="shared" si="100"/>
        <v>11</v>
      </c>
      <c r="I3212" s="12">
        <f t="shared" si="101"/>
        <v>5</v>
      </c>
    </row>
    <row r="3213" spans="1:9" s="47" customFormat="1" ht="27" customHeight="1" x14ac:dyDescent="0.4">
      <c r="A3213" s="22" t="s">
        <v>3503</v>
      </c>
      <c r="B3213" s="22" t="s">
        <v>6284</v>
      </c>
      <c r="C3213" s="22" t="s">
        <v>6285</v>
      </c>
      <c r="D3213" s="10">
        <v>1441380526</v>
      </c>
      <c r="E3213" s="11">
        <v>46387</v>
      </c>
      <c r="F3213" s="22" t="s">
        <v>2586</v>
      </c>
      <c r="G3213" s="12">
        <v>3211</v>
      </c>
      <c r="H3213" s="12">
        <f t="shared" si="100"/>
        <v>13</v>
      </c>
      <c r="I3213" s="12">
        <f t="shared" si="101"/>
        <v>14</v>
      </c>
    </row>
    <row r="3214" spans="1:9" s="47" customFormat="1" ht="27" customHeight="1" x14ac:dyDescent="0.4">
      <c r="A3214" s="22" t="s">
        <v>3503</v>
      </c>
      <c r="B3214" s="22" t="s">
        <v>6286</v>
      </c>
      <c r="C3214" s="22" t="s">
        <v>6287</v>
      </c>
      <c r="D3214" s="10">
        <v>1441340017</v>
      </c>
      <c r="E3214" s="11">
        <v>46721</v>
      </c>
      <c r="F3214" s="22" t="s">
        <v>2586</v>
      </c>
      <c r="G3214" s="5">
        <v>3212</v>
      </c>
      <c r="H3214" s="12">
        <f t="shared" si="100"/>
        <v>11</v>
      </c>
      <c r="I3214" s="12">
        <f t="shared" si="101"/>
        <v>10</v>
      </c>
    </row>
    <row r="3215" spans="1:9" s="47" customFormat="1" ht="27" customHeight="1" x14ac:dyDescent="0.4">
      <c r="A3215" s="22" t="s">
        <v>3503</v>
      </c>
      <c r="B3215" s="22" t="s">
        <v>6288</v>
      </c>
      <c r="C3215" s="22" t="s">
        <v>6289</v>
      </c>
      <c r="D3215" s="10">
        <v>1441380641</v>
      </c>
      <c r="E3215" s="11">
        <v>46387</v>
      </c>
      <c r="F3215" s="22" t="s">
        <v>2586</v>
      </c>
      <c r="G3215" s="12">
        <v>3213</v>
      </c>
      <c r="H3215" s="12">
        <f t="shared" si="100"/>
        <v>12</v>
      </c>
      <c r="I3215" s="12">
        <f t="shared" si="101"/>
        <v>18</v>
      </c>
    </row>
    <row r="3216" spans="1:9" s="47" customFormat="1" ht="27" customHeight="1" x14ac:dyDescent="0.4">
      <c r="A3216" s="22" t="s">
        <v>3503</v>
      </c>
      <c r="B3216" s="22" t="s">
        <v>6290</v>
      </c>
      <c r="C3216" s="22" t="s">
        <v>6291</v>
      </c>
      <c r="D3216" s="10">
        <v>1441380575</v>
      </c>
      <c r="E3216" s="11">
        <v>46387</v>
      </c>
      <c r="F3216" s="22" t="s">
        <v>2586</v>
      </c>
      <c r="G3216" s="5">
        <v>3214</v>
      </c>
      <c r="H3216" s="12">
        <f t="shared" si="100"/>
        <v>10</v>
      </c>
      <c r="I3216" s="12">
        <f t="shared" si="101"/>
        <v>5</v>
      </c>
    </row>
    <row r="3217" spans="1:9" s="47" customFormat="1" ht="27" customHeight="1" x14ac:dyDescent="0.4">
      <c r="A3217" s="22" t="s">
        <v>3503</v>
      </c>
      <c r="B3217" s="22" t="s">
        <v>6292</v>
      </c>
      <c r="C3217" s="22" t="s">
        <v>6293</v>
      </c>
      <c r="D3217" s="10">
        <v>1441340025</v>
      </c>
      <c r="E3217" s="11">
        <v>46752</v>
      </c>
      <c r="F3217" s="22" t="s">
        <v>2586</v>
      </c>
      <c r="G3217" s="12">
        <v>3215</v>
      </c>
      <c r="H3217" s="12">
        <f t="shared" si="100"/>
        <v>13</v>
      </c>
      <c r="I3217" s="12">
        <f t="shared" si="101"/>
        <v>4</v>
      </c>
    </row>
    <row r="3218" spans="1:9" s="47" customFormat="1" ht="27" customHeight="1" x14ac:dyDescent="0.4">
      <c r="A3218" s="22" t="s">
        <v>3503</v>
      </c>
      <c r="B3218" s="22" t="s">
        <v>6294</v>
      </c>
      <c r="C3218" s="22" t="s">
        <v>6295</v>
      </c>
      <c r="D3218" s="10">
        <v>1441300151</v>
      </c>
      <c r="E3218" s="11">
        <v>46630</v>
      </c>
      <c r="F3218" s="22" t="s">
        <v>2586</v>
      </c>
      <c r="G3218" s="5">
        <v>3216</v>
      </c>
      <c r="H3218" s="12">
        <f t="shared" si="100"/>
        <v>10</v>
      </c>
      <c r="I3218" s="12">
        <f t="shared" si="101"/>
        <v>6</v>
      </c>
    </row>
    <row r="3219" spans="1:9" s="47" customFormat="1" ht="27" customHeight="1" x14ac:dyDescent="0.4">
      <c r="A3219" s="22" t="s">
        <v>3503</v>
      </c>
      <c r="B3219" s="22" t="s">
        <v>3638</v>
      </c>
      <c r="C3219" s="22" t="s">
        <v>6296</v>
      </c>
      <c r="D3219" s="10">
        <v>1441380443</v>
      </c>
      <c r="E3219" s="11">
        <v>46387</v>
      </c>
      <c r="F3219" s="22" t="s">
        <v>2586</v>
      </c>
      <c r="G3219" s="12">
        <v>3217</v>
      </c>
      <c r="H3219" s="12">
        <f t="shared" si="100"/>
        <v>14</v>
      </c>
      <c r="I3219" s="12">
        <f t="shared" si="101"/>
        <v>4</v>
      </c>
    </row>
    <row r="3220" spans="1:9" s="47" customFormat="1" ht="27" customHeight="1" x14ac:dyDescent="0.4">
      <c r="A3220" s="22" t="s">
        <v>3503</v>
      </c>
      <c r="B3220" s="22" t="s">
        <v>6297</v>
      </c>
      <c r="C3220" s="22" t="s">
        <v>6298</v>
      </c>
      <c r="D3220" s="10">
        <v>1441340058</v>
      </c>
      <c r="E3220" s="11">
        <v>47391</v>
      </c>
      <c r="F3220" s="22" t="s">
        <v>2586</v>
      </c>
      <c r="G3220" s="5">
        <v>3218</v>
      </c>
      <c r="H3220" s="12">
        <f t="shared" si="100"/>
        <v>14</v>
      </c>
      <c r="I3220" s="12">
        <f t="shared" si="101"/>
        <v>8</v>
      </c>
    </row>
    <row r="3221" spans="1:9" s="47" customFormat="1" ht="27" customHeight="1" x14ac:dyDescent="0.4">
      <c r="A3221" s="22" t="s">
        <v>3503</v>
      </c>
      <c r="B3221" s="22" t="s">
        <v>6299</v>
      </c>
      <c r="C3221" s="22" t="s">
        <v>6300</v>
      </c>
      <c r="D3221" s="10">
        <v>1441380427</v>
      </c>
      <c r="E3221" s="11">
        <v>46387</v>
      </c>
      <c r="F3221" s="22" t="s">
        <v>2586</v>
      </c>
      <c r="G3221" s="12">
        <v>3219</v>
      </c>
      <c r="H3221" s="12">
        <f t="shared" si="100"/>
        <v>16</v>
      </c>
      <c r="I3221" s="12">
        <f t="shared" si="101"/>
        <v>6</v>
      </c>
    </row>
    <row r="3222" spans="1:9" s="47" customFormat="1" ht="27" customHeight="1" x14ac:dyDescent="0.4">
      <c r="A3222" s="22" t="s">
        <v>3503</v>
      </c>
      <c r="B3222" s="22" t="s">
        <v>6301</v>
      </c>
      <c r="C3222" s="22" t="s">
        <v>6302</v>
      </c>
      <c r="D3222" s="10">
        <v>1441380591</v>
      </c>
      <c r="E3222" s="11">
        <v>46387</v>
      </c>
      <c r="F3222" s="22" t="s">
        <v>2586</v>
      </c>
      <c r="G3222" s="5">
        <v>3220</v>
      </c>
      <c r="H3222" s="12">
        <f t="shared" si="100"/>
        <v>14</v>
      </c>
      <c r="I3222" s="12">
        <f t="shared" si="101"/>
        <v>10</v>
      </c>
    </row>
    <row r="3223" spans="1:9" s="47" customFormat="1" ht="27" customHeight="1" x14ac:dyDescent="0.4">
      <c r="A3223" s="22" t="s">
        <v>3503</v>
      </c>
      <c r="B3223" s="22" t="s">
        <v>6303</v>
      </c>
      <c r="C3223" s="22" t="s">
        <v>6304</v>
      </c>
      <c r="D3223" s="10">
        <v>1441440247</v>
      </c>
      <c r="E3223" s="11">
        <v>47149</v>
      </c>
      <c r="F3223" s="22" t="s">
        <v>2609</v>
      </c>
      <c r="G3223" s="12">
        <v>3221</v>
      </c>
      <c r="H3223" s="12">
        <f t="shared" si="100"/>
        <v>16</v>
      </c>
      <c r="I3223" s="12">
        <f t="shared" si="101"/>
        <v>17</v>
      </c>
    </row>
    <row r="3224" spans="1:9" s="47" customFormat="1" ht="27" customHeight="1" x14ac:dyDescent="0.4">
      <c r="A3224" s="22" t="s">
        <v>3503</v>
      </c>
      <c r="B3224" s="22" t="s">
        <v>6305</v>
      </c>
      <c r="C3224" s="22" t="s">
        <v>6306</v>
      </c>
      <c r="D3224" s="10">
        <v>1441480631</v>
      </c>
      <c r="E3224" s="11">
        <v>46387</v>
      </c>
      <c r="F3224" s="22" t="s">
        <v>2609</v>
      </c>
      <c r="G3224" s="5">
        <v>3222</v>
      </c>
      <c r="H3224" s="12">
        <f t="shared" si="100"/>
        <v>16</v>
      </c>
      <c r="I3224" s="12">
        <f t="shared" si="101"/>
        <v>7</v>
      </c>
    </row>
    <row r="3225" spans="1:9" s="47" customFormat="1" ht="27" customHeight="1" x14ac:dyDescent="0.4">
      <c r="A3225" s="22" t="s">
        <v>3503</v>
      </c>
      <c r="B3225" s="22" t="s">
        <v>6307</v>
      </c>
      <c r="C3225" s="22" t="s">
        <v>6308</v>
      </c>
      <c r="D3225" s="10">
        <v>1441480458</v>
      </c>
      <c r="E3225" s="11">
        <v>46387</v>
      </c>
      <c r="F3225" s="22" t="s">
        <v>2609</v>
      </c>
      <c r="G3225" s="12">
        <v>3223</v>
      </c>
      <c r="H3225" s="12">
        <f t="shared" si="100"/>
        <v>14</v>
      </c>
      <c r="I3225" s="12">
        <f t="shared" si="101"/>
        <v>4</v>
      </c>
    </row>
    <row r="3226" spans="1:9" s="47" customFormat="1" ht="27" customHeight="1" x14ac:dyDescent="0.4">
      <c r="A3226" s="22" t="s">
        <v>3503</v>
      </c>
      <c r="B3226" s="22" t="s">
        <v>6309</v>
      </c>
      <c r="C3226" s="22" t="s">
        <v>6310</v>
      </c>
      <c r="D3226" s="10">
        <v>1441400134</v>
      </c>
      <c r="E3226" s="11">
        <v>46387</v>
      </c>
      <c r="F3226" s="22" t="s">
        <v>2609</v>
      </c>
      <c r="G3226" s="5">
        <v>3224</v>
      </c>
      <c r="H3226" s="12">
        <f t="shared" si="100"/>
        <v>14</v>
      </c>
      <c r="I3226" s="12">
        <f t="shared" si="101"/>
        <v>4</v>
      </c>
    </row>
    <row r="3227" spans="1:9" s="47" customFormat="1" ht="27" customHeight="1" x14ac:dyDescent="0.4">
      <c r="A3227" s="22" t="s">
        <v>3503</v>
      </c>
      <c r="B3227" s="22" t="s">
        <v>6311</v>
      </c>
      <c r="C3227" s="22" t="s">
        <v>6312</v>
      </c>
      <c r="D3227" s="10">
        <v>1441400241</v>
      </c>
      <c r="E3227" s="11">
        <v>46691</v>
      </c>
      <c r="F3227" s="22" t="s">
        <v>2614</v>
      </c>
      <c r="G3227" s="12">
        <v>3225</v>
      </c>
      <c r="H3227" s="12">
        <f t="shared" si="100"/>
        <v>15</v>
      </c>
      <c r="I3227" s="12">
        <f t="shared" si="101"/>
        <v>9</v>
      </c>
    </row>
    <row r="3228" spans="1:9" s="47" customFormat="1" ht="27" customHeight="1" x14ac:dyDescent="0.4">
      <c r="A3228" s="22" t="s">
        <v>3503</v>
      </c>
      <c r="B3228" s="22" t="s">
        <v>6313</v>
      </c>
      <c r="C3228" s="22" t="s">
        <v>6314</v>
      </c>
      <c r="D3228" s="10">
        <v>1441440122</v>
      </c>
      <c r="E3228" s="11">
        <v>48091</v>
      </c>
      <c r="F3228" s="22" t="s">
        <v>2614</v>
      </c>
      <c r="G3228" s="5">
        <v>3226</v>
      </c>
      <c r="H3228" s="12">
        <f t="shared" si="100"/>
        <v>15</v>
      </c>
      <c r="I3228" s="12">
        <f t="shared" si="101"/>
        <v>6</v>
      </c>
    </row>
    <row r="3229" spans="1:9" s="47" customFormat="1" ht="27" customHeight="1" x14ac:dyDescent="0.4">
      <c r="A3229" s="22" t="s">
        <v>3503</v>
      </c>
      <c r="B3229" s="22" t="s">
        <v>6315</v>
      </c>
      <c r="C3229" s="22" t="s">
        <v>6316</v>
      </c>
      <c r="D3229" s="10">
        <v>1441440254</v>
      </c>
      <c r="E3229" s="11">
        <v>47756</v>
      </c>
      <c r="F3229" s="22" t="s">
        <v>2614</v>
      </c>
      <c r="G3229" s="12">
        <v>3227</v>
      </c>
      <c r="H3229" s="12">
        <f t="shared" si="100"/>
        <v>15</v>
      </c>
      <c r="I3229" s="12">
        <f t="shared" si="101"/>
        <v>6</v>
      </c>
    </row>
    <row r="3230" spans="1:9" s="47" customFormat="1" ht="27" customHeight="1" x14ac:dyDescent="0.4">
      <c r="A3230" s="22" t="s">
        <v>3503</v>
      </c>
      <c r="B3230" s="22" t="s">
        <v>6315</v>
      </c>
      <c r="C3230" s="22" t="s">
        <v>6316</v>
      </c>
      <c r="D3230" s="10">
        <v>1441480557</v>
      </c>
      <c r="E3230" s="11">
        <v>46387</v>
      </c>
      <c r="F3230" s="22" t="s">
        <v>2614</v>
      </c>
      <c r="G3230" s="5">
        <v>3228</v>
      </c>
      <c r="H3230" s="12">
        <f t="shared" si="100"/>
        <v>15</v>
      </c>
      <c r="I3230" s="12">
        <f t="shared" si="101"/>
        <v>6</v>
      </c>
    </row>
    <row r="3231" spans="1:9" s="47" customFormat="1" ht="27" customHeight="1" x14ac:dyDescent="0.4">
      <c r="A3231" s="22" t="s">
        <v>3503</v>
      </c>
      <c r="B3231" s="22" t="s">
        <v>6317</v>
      </c>
      <c r="C3231" s="22" t="s">
        <v>6318</v>
      </c>
      <c r="D3231" s="10">
        <v>1441480581</v>
      </c>
      <c r="E3231" s="11">
        <v>46387</v>
      </c>
      <c r="F3231" s="22" t="s">
        <v>2614</v>
      </c>
      <c r="G3231" s="12">
        <v>3229</v>
      </c>
      <c r="H3231" s="12">
        <f t="shared" si="100"/>
        <v>15</v>
      </c>
      <c r="I3231" s="12">
        <f t="shared" si="101"/>
        <v>11</v>
      </c>
    </row>
    <row r="3232" spans="1:9" s="47" customFormat="1" ht="27" customHeight="1" x14ac:dyDescent="0.4">
      <c r="A3232" s="22" t="s">
        <v>3503</v>
      </c>
      <c r="B3232" s="22" t="s">
        <v>6319</v>
      </c>
      <c r="C3232" s="22" t="s">
        <v>6320</v>
      </c>
      <c r="D3232" s="10">
        <v>1441440072</v>
      </c>
      <c r="E3232" s="11">
        <v>48060</v>
      </c>
      <c r="F3232" s="22" t="s">
        <v>2614</v>
      </c>
      <c r="G3232" s="5">
        <v>3230</v>
      </c>
      <c r="H3232" s="12">
        <f t="shared" si="100"/>
        <v>11</v>
      </c>
      <c r="I3232" s="12">
        <f t="shared" si="101"/>
        <v>5</v>
      </c>
    </row>
    <row r="3233" spans="1:9" s="47" customFormat="1" ht="27" customHeight="1" x14ac:dyDescent="0.4">
      <c r="A3233" s="22" t="s">
        <v>3503</v>
      </c>
      <c r="B3233" s="22" t="s">
        <v>6321</v>
      </c>
      <c r="C3233" s="22" t="s">
        <v>6322</v>
      </c>
      <c r="D3233" s="10">
        <v>1441440270</v>
      </c>
      <c r="E3233" s="11">
        <v>47968</v>
      </c>
      <c r="F3233" s="22" t="s">
        <v>2614</v>
      </c>
      <c r="G3233" s="12">
        <v>3231</v>
      </c>
      <c r="H3233" s="12">
        <f t="shared" si="100"/>
        <v>15</v>
      </c>
      <c r="I3233" s="12">
        <f t="shared" si="101"/>
        <v>13</v>
      </c>
    </row>
    <row r="3234" spans="1:9" s="47" customFormat="1" ht="27" customHeight="1" x14ac:dyDescent="0.4">
      <c r="A3234" s="22" t="s">
        <v>3503</v>
      </c>
      <c r="B3234" s="22" t="s">
        <v>6323</v>
      </c>
      <c r="C3234" s="22" t="s">
        <v>6324</v>
      </c>
      <c r="D3234" s="10">
        <v>1441440023</v>
      </c>
      <c r="E3234" s="11">
        <v>46418</v>
      </c>
      <c r="F3234" s="22" t="s">
        <v>2614</v>
      </c>
      <c r="G3234" s="5">
        <v>3232</v>
      </c>
      <c r="H3234" s="12">
        <f t="shared" si="100"/>
        <v>15</v>
      </c>
      <c r="I3234" s="12">
        <f t="shared" si="101"/>
        <v>7</v>
      </c>
    </row>
    <row r="3235" spans="1:9" s="47" customFormat="1" ht="27" customHeight="1" x14ac:dyDescent="0.4">
      <c r="A3235" s="22" t="s">
        <v>3503</v>
      </c>
      <c r="B3235" s="22" t="s">
        <v>3695</v>
      </c>
      <c r="C3235" s="22" t="s">
        <v>6325</v>
      </c>
      <c r="D3235" s="10">
        <v>1441440163</v>
      </c>
      <c r="E3235" s="11">
        <v>48426</v>
      </c>
      <c r="F3235" s="22" t="s">
        <v>2625</v>
      </c>
      <c r="G3235" s="12">
        <v>3233</v>
      </c>
      <c r="H3235" s="12">
        <f t="shared" si="100"/>
        <v>17</v>
      </c>
      <c r="I3235" s="12">
        <f t="shared" si="101"/>
        <v>6</v>
      </c>
    </row>
    <row r="3236" spans="1:9" s="47" customFormat="1" ht="27" customHeight="1" x14ac:dyDescent="0.4">
      <c r="A3236" s="22" t="s">
        <v>3503</v>
      </c>
      <c r="B3236" s="22" t="s">
        <v>5164</v>
      </c>
      <c r="C3236" s="22" t="s">
        <v>6326</v>
      </c>
      <c r="D3236" s="10">
        <v>1441480623</v>
      </c>
      <c r="E3236" s="11">
        <v>46387</v>
      </c>
      <c r="F3236" s="22" t="s">
        <v>2625</v>
      </c>
      <c r="G3236" s="5">
        <v>3234</v>
      </c>
      <c r="H3236" s="12">
        <f t="shared" si="100"/>
        <v>17</v>
      </c>
      <c r="I3236" s="12">
        <f t="shared" si="101"/>
        <v>10</v>
      </c>
    </row>
    <row r="3237" spans="1:9" s="47" customFormat="1" ht="27" customHeight="1" x14ac:dyDescent="0.4">
      <c r="A3237" s="22" t="s">
        <v>3503</v>
      </c>
      <c r="B3237" s="22" t="s">
        <v>6327</v>
      </c>
      <c r="C3237" s="22" t="s">
        <v>6328</v>
      </c>
      <c r="D3237" s="10">
        <v>1441440155</v>
      </c>
      <c r="E3237" s="11">
        <v>48426</v>
      </c>
      <c r="F3237" s="22" t="s">
        <v>2625</v>
      </c>
      <c r="G3237" s="12">
        <v>3235</v>
      </c>
      <c r="H3237" s="12">
        <f t="shared" si="100"/>
        <v>17</v>
      </c>
      <c r="I3237" s="12">
        <f t="shared" si="101"/>
        <v>11</v>
      </c>
    </row>
    <row r="3238" spans="1:9" s="47" customFormat="1" ht="27" customHeight="1" x14ac:dyDescent="0.4">
      <c r="A3238" s="22" t="s">
        <v>3503</v>
      </c>
      <c r="B3238" s="22" t="s">
        <v>6329</v>
      </c>
      <c r="C3238" s="22" t="s">
        <v>6330</v>
      </c>
      <c r="D3238" s="10">
        <v>1441480474</v>
      </c>
      <c r="E3238" s="11">
        <v>46387</v>
      </c>
      <c r="F3238" s="22" t="s">
        <v>2625</v>
      </c>
      <c r="G3238" s="5">
        <v>3236</v>
      </c>
      <c r="H3238" s="12">
        <f t="shared" si="100"/>
        <v>15</v>
      </c>
      <c r="I3238" s="12">
        <f t="shared" si="101"/>
        <v>6</v>
      </c>
    </row>
    <row r="3239" spans="1:9" s="47" customFormat="1" ht="27" customHeight="1" x14ac:dyDescent="0.4">
      <c r="A3239" s="22" t="s">
        <v>3503</v>
      </c>
      <c r="B3239" s="22" t="s">
        <v>6331</v>
      </c>
      <c r="C3239" s="22" t="s">
        <v>6332</v>
      </c>
      <c r="D3239" s="10">
        <v>1441440189</v>
      </c>
      <c r="E3239" s="11">
        <v>48457</v>
      </c>
      <c r="F3239" s="22" t="s">
        <v>2625</v>
      </c>
      <c r="G3239" s="12">
        <v>3237</v>
      </c>
      <c r="H3239" s="12">
        <f t="shared" si="100"/>
        <v>16</v>
      </c>
      <c r="I3239" s="12">
        <f t="shared" si="101"/>
        <v>10</v>
      </c>
    </row>
    <row r="3240" spans="1:9" s="47" customFormat="1" ht="27" customHeight="1" x14ac:dyDescent="0.4">
      <c r="A3240" s="22" t="s">
        <v>3503</v>
      </c>
      <c r="B3240" s="22" t="s">
        <v>6333</v>
      </c>
      <c r="C3240" s="22" t="s">
        <v>6334</v>
      </c>
      <c r="D3240" s="10">
        <v>1441480409</v>
      </c>
      <c r="E3240" s="11">
        <v>46387</v>
      </c>
      <c r="F3240" s="22" t="s">
        <v>2638</v>
      </c>
      <c r="G3240" s="5">
        <v>3238</v>
      </c>
      <c r="H3240" s="12">
        <f t="shared" si="100"/>
        <v>12</v>
      </c>
      <c r="I3240" s="12">
        <f t="shared" si="101"/>
        <v>4</v>
      </c>
    </row>
    <row r="3241" spans="1:9" s="47" customFormat="1" ht="27" customHeight="1" x14ac:dyDescent="0.4">
      <c r="A3241" s="22" t="s">
        <v>3503</v>
      </c>
      <c r="B3241" s="22" t="s">
        <v>6335</v>
      </c>
      <c r="C3241" s="22" t="s">
        <v>6336</v>
      </c>
      <c r="D3241" s="10">
        <v>1441440239</v>
      </c>
      <c r="E3241" s="11">
        <v>47118</v>
      </c>
      <c r="F3241" s="22" t="s">
        <v>2638</v>
      </c>
      <c r="G3241" s="12">
        <v>3239</v>
      </c>
      <c r="H3241" s="12">
        <f t="shared" si="100"/>
        <v>14</v>
      </c>
      <c r="I3241" s="12">
        <f t="shared" si="101"/>
        <v>9</v>
      </c>
    </row>
    <row r="3242" spans="1:9" s="47" customFormat="1" ht="27" customHeight="1" x14ac:dyDescent="0.4">
      <c r="A3242" s="22" t="s">
        <v>3503</v>
      </c>
      <c r="B3242" s="22" t="s">
        <v>6337</v>
      </c>
      <c r="C3242" s="22" t="s">
        <v>6338</v>
      </c>
      <c r="D3242" s="10">
        <v>1441480565</v>
      </c>
      <c r="E3242" s="11">
        <v>46387</v>
      </c>
      <c r="F3242" s="22" t="s">
        <v>2638</v>
      </c>
      <c r="G3242" s="5">
        <v>3240</v>
      </c>
      <c r="H3242" s="12">
        <f t="shared" si="100"/>
        <v>15</v>
      </c>
      <c r="I3242" s="12">
        <f t="shared" si="101"/>
        <v>6</v>
      </c>
    </row>
    <row r="3243" spans="1:9" s="47" customFormat="1" ht="27" customHeight="1" x14ac:dyDescent="0.4">
      <c r="A3243" s="22" t="s">
        <v>3503</v>
      </c>
      <c r="B3243" s="22" t="s">
        <v>6339</v>
      </c>
      <c r="C3243" s="22" t="s">
        <v>6340</v>
      </c>
      <c r="D3243" s="10">
        <v>1441440205</v>
      </c>
      <c r="E3243" s="11">
        <v>46418</v>
      </c>
      <c r="F3243" s="22" t="s">
        <v>2638</v>
      </c>
      <c r="G3243" s="12">
        <v>3241</v>
      </c>
      <c r="H3243" s="12">
        <f t="shared" si="100"/>
        <v>16</v>
      </c>
      <c r="I3243" s="12">
        <f t="shared" si="101"/>
        <v>6</v>
      </c>
    </row>
    <row r="3244" spans="1:9" s="47" customFormat="1" ht="27" customHeight="1" x14ac:dyDescent="0.4">
      <c r="A3244" s="22" t="s">
        <v>3503</v>
      </c>
      <c r="B3244" s="22" t="s">
        <v>6339</v>
      </c>
      <c r="C3244" s="22" t="s">
        <v>6340</v>
      </c>
      <c r="D3244" s="10">
        <v>1441480284</v>
      </c>
      <c r="E3244" s="11">
        <v>46387</v>
      </c>
      <c r="F3244" s="22" t="s">
        <v>2638</v>
      </c>
      <c r="G3244" s="5">
        <v>3242</v>
      </c>
      <c r="H3244" s="12">
        <f t="shared" si="100"/>
        <v>16</v>
      </c>
      <c r="I3244" s="12">
        <f t="shared" si="101"/>
        <v>6</v>
      </c>
    </row>
    <row r="3245" spans="1:9" s="47" customFormat="1" ht="27" customHeight="1" x14ac:dyDescent="0.4">
      <c r="A3245" s="22" t="s">
        <v>3503</v>
      </c>
      <c r="B3245" s="22" t="s">
        <v>5768</v>
      </c>
      <c r="C3245" s="22" t="s">
        <v>6341</v>
      </c>
      <c r="D3245" s="10">
        <v>1441440049</v>
      </c>
      <c r="E3245" s="11">
        <v>48487</v>
      </c>
      <c r="F3245" s="22" t="s">
        <v>2645</v>
      </c>
      <c r="G3245" s="12">
        <v>3243</v>
      </c>
      <c r="H3245" s="12">
        <f t="shared" si="100"/>
        <v>17</v>
      </c>
      <c r="I3245" s="12">
        <f t="shared" si="101"/>
        <v>6</v>
      </c>
    </row>
    <row r="3246" spans="1:9" s="47" customFormat="1" ht="27" customHeight="1" x14ac:dyDescent="0.4">
      <c r="A3246" s="22" t="s">
        <v>3503</v>
      </c>
      <c r="B3246" s="22" t="s">
        <v>6342</v>
      </c>
      <c r="C3246" s="22" t="s">
        <v>6343</v>
      </c>
      <c r="D3246" s="10">
        <v>1441440130</v>
      </c>
      <c r="E3246" s="11">
        <v>48121</v>
      </c>
      <c r="F3246" s="22" t="s">
        <v>2645</v>
      </c>
      <c r="G3246" s="5">
        <v>3244</v>
      </c>
      <c r="H3246" s="12">
        <f t="shared" si="100"/>
        <v>15</v>
      </c>
      <c r="I3246" s="12">
        <f t="shared" si="101"/>
        <v>12</v>
      </c>
    </row>
    <row r="3247" spans="1:9" s="47" customFormat="1" ht="27" customHeight="1" x14ac:dyDescent="0.4">
      <c r="A3247" s="22" t="s">
        <v>3503</v>
      </c>
      <c r="B3247" s="22" t="s">
        <v>6344</v>
      </c>
      <c r="C3247" s="22" t="s">
        <v>6345</v>
      </c>
      <c r="D3247" s="10">
        <v>1441440288</v>
      </c>
      <c r="E3247" s="11">
        <v>47968</v>
      </c>
      <c r="F3247" s="22" t="s">
        <v>2645</v>
      </c>
      <c r="G3247" s="12">
        <v>3245</v>
      </c>
      <c r="H3247" s="12">
        <f t="shared" si="100"/>
        <v>17</v>
      </c>
      <c r="I3247" s="12">
        <f t="shared" si="101"/>
        <v>8</v>
      </c>
    </row>
    <row r="3248" spans="1:9" s="47" customFormat="1" ht="27" customHeight="1" x14ac:dyDescent="0.4">
      <c r="A3248" s="22" t="s">
        <v>3503</v>
      </c>
      <c r="B3248" s="22" t="s">
        <v>6346</v>
      </c>
      <c r="C3248" s="22" t="s">
        <v>6347</v>
      </c>
      <c r="D3248" s="10">
        <v>1441440171</v>
      </c>
      <c r="E3248" s="11">
        <v>48487</v>
      </c>
      <c r="F3248" s="22" t="s">
        <v>2645</v>
      </c>
      <c r="G3248" s="5">
        <v>3246</v>
      </c>
      <c r="H3248" s="12">
        <f t="shared" si="100"/>
        <v>16</v>
      </c>
      <c r="I3248" s="12">
        <f t="shared" si="101"/>
        <v>5</v>
      </c>
    </row>
    <row r="3249" spans="1:9" s="47" customFormat="1" ht="27" customHeight="1" x14ac:dyDescent="0.4">
      <c r="A3249" s="22" t="s">
        <v>3503</v>
      </c>
      <c r="B3249" s="22" t="s">
        <v>6348</v>
      </c>
      <c r="C3249" s="22" t="s">
        <v>6349</v>
      </c>
      <c r="D3249" s="10">
        <v>1441440197</v>
      </c>
      <c r="E3249" s="11">
        <v>46326</v>
      </c>
      <c r="F3249" s="22" t="s">
        <v>2645</v>
      </c>
      <c r="G3249" s="12">
        <v>3247</v>
      </c>
      <c r="H3249" s="12">
        <f t="shared" si="100"/>
        <v>14</v>
      </c>
      <c r="I3249" s="12">
        <f t="shared" si="101"/>
        <v>11</v>
      </c>
    </row>
    <row r="3250" spans="1:9" s="47" customFormat="1" ht="27" customHeight="1" x14ac:dyDescent="0.4">
      <c r="A3250" s="22" t="s">
        <v>3503</v>
      </c>
      <c r="B3250" s="22" t="s">
        <v>6350</v>
      </c>
      <c r="C3250" s="22" t="s">
        <v>6351</v>
      </c>
      <c r="D3250" s="10">
        <v>1441480607</v>
      </c>
      <c r="E3250" s="11">
        <v>46387</v>
      </c>
      <c r="F3250" s="22" t="s">
        <v>2645</v>
      </c>
      <c r="G3250" s="5">
        <v>3248</v>
      </c>
      <c r="H3250" s="12">
        <f t="shared" si="100"/>
        <v>18</v>
      </c>
      <c r="I3250" s="12">
        <f t="shared" si="101"/>
        <v>6</v>
      </c>
    </row>
    <row r="3251" spans="1:9" s="47" customFormat="1" ht="27" customHeight="1" x14ac:dyDescent="0.4">
      <c r="A3251" s="22" t="s">
        <v>3503</v>
      </c>
      <c r="B3251" s="22" t="s">
        <v>4653</v>
      </c>
      <c r="C3251" s="22" t="s">
        <v>6352</v>
      </c>
      <c r="D3251" s="10">
        <v>1441440106</v>
      </c>
      <c r="E3251" s="11">
        <v>48487</v>
      </c>
      <c r="F3251" s="22" t="s">
        <v>2645</v>
      </c>
      <c r="G3251" s="12">
        <v>3249</v>
      </c>
      <c r="H3251" s="12">
        <f t="shared" si="100"/>
        <v>16</v>
      </c>
      <c r="I3251" s="12">
        <f t="shared" si="101"/>
        <v>5</v>
      </c>
    </row>
    <row r="3252" spans="1:9" s="47" customFormat="1" ht="27" customHeight="1" x14ac:dyDescent="0.4">
      <c r="A3252" s="22" t="s">
        <v>3503</v>
      </c>
      <c r="B3252" s="22" t="s">
        <v>6353</v>
      </c>
      <c r="C3252" s="22" t="s">
        <v>6354</v>
      </c>
      <c r="D3252" s="10">
        <v>1441440064</v>
      </c>
      <c r="E3252" s="11">
        <v>46387</v>
      </c>
      <c r="F3252" s="22" t="s">
        <v>2645</v>
      </c>
      <c r="G3252" s="5">
        <v>3250</v>
      </c>
      <c r="H3252" s="12">
        <f t="shared" si="100"/>
        <v>13</v>
      </c>
      <c r="I3252" s="12">
        <f t="shared" si="101"/>
        <v>5</v>
      </c>
    </row>
    <row r="3253" spans="1:9" s="47" customFormat="1" ht="27" customHeight="1" x14ac:dyDescent="0.4">
      <c r="A3253" s="22" t="s">
        <v>3503</v>
      </c>
      <c r="B3253" s="22" t="s">
        <v>6355</v>
      </c>
      <c r="C3253" s="22" t="s">
        <v>6356</v>
      </c>
      <c r="D3253" s="10">
        <v>1441480425</v>
      </c>
      <c r="E3253" s="11">
        <v>46387</v>
      </c>
      <c r="F3253" s="22" t="s">
        <v>2645</v>
      </c>
      <c r="G3253" s="12">
        <v>3251</v>
      </c>
      <c r="H3253" s="12">
        <f t="shared" si="100"/>
        <v>16</v>
      </c>
      <c r="I3253" s="12">
        <f t="shared" si="101"/>
        <v>8</v>
      </c>
    </row>
    <row r="3254" spans="1:9" s="47" customFormat="1" ht="27" customHeight="1" x14ac:dyDescent="0.4">
      <c r="A3254" s="22" t="s">
        <v>3503</v>
      </c>
      <c r="B3254" s="22" t="s">
        <v>3785</v>
      </c>
      <c r="C3254" s="22" t="s">
        <v>6357</v>
      </c>
      <c r="D3254" s="10">
        <v>1441440056</v>
      </c>
      <c r="E3254" s="11">
        <v>48487</v>
      </c>
      <c r="F3254" s="22" t="s">
        <v>2645</v>
      </c>
      <c r="G3254" s="5">
        <v>3252</v>
      </c>
      <c r="H3254" s="12">
        <f t="shared" si="100"/>
        <v>16</v>
      </c>
      <c r="I3254" s="12">
        <f t="shared" si="101"/>
        <v>7</v>
      </c>
    </row>
    <row r="3255" spans="1:9" s="47" customFormat="1" ht="27" customHeight="1" x14ac:dyDescent="0.4">
      <c r="A3255" s="22" t="s">
        <v>3503</v>
      </c>
      <c r="B3255" s="22" t="s">
        <v>6358</v>
      </c>
      <c r="C3255" s="22" t="s">
        <v>6359</v>
      </c>
      <c r="D3255" s="10">
        <v>1441480367</v>
      </c>
      <c r="E3255" s="11">
        <v>46387</v>
      </c>
      <c r="F3255" s="22" t="s">
        <v>2645</v>
      </c>
      <c r="G3255" s="12">
        <v>3253</v>
      </c>
      <c r="H3255" s="12">
        <f t="shared" si="100"/>
        <v>16</v>
      </c>
      <c r="I3255" s="12">
        <f t="shared" si="101"/>
        <v>9</v>
      </c>
    </row>
    <row r="3256" spans="1:9" s="47" customFormat="1" ht="27" customHeight="1" x14ac:dyDescent="0.4">
      <c r="A3256" s="22" t="s">
        <v>3503</v>
      </c>
      <c r="B3256" s="22" t="s">
        <v>6360</v>
      </c>
      <c r="C3256" s="22" t="s">
        <v>6361</v>
      </c>
      <c r="D3256" s="10">
        <v>1441440221</v>
      </c>
      <c r="E3256" s="11">
        <v>46843</v>
      </c>
      <c r="F3256" s="22" t="s">
        <v>2645</v>
      </c>
      <c r="G3256" s="5">
        <v>3254</v>
      </c>
      <c r="H3256" s="12">
        <f t="shared" si="100"/>
        <v>14</v>
      </c>
      <c r="I3256" s="12">
        <f t="shared" si="101"/>
        <v>17</v>
      </c>
    </row>
    <row r="3257" spans="1:9" s="47" customFormat="1" ht="27" customHeight="1" x14ac:dyDescent="0.4">
      <c r="A3257" s="22" t="s">
        <v>3503</v>
      </c>
      <c r="B3257" s="22" t="s">
        <v>6362</v>
      </c>
      <c r="C3257" s="22" t="s">
        <v>6363</v>
      </c>
      <c r="D3257" s="10">
        <v>1441580364</v>
      </c>
      <c r="E3257" s="11">
        <v>46387</v>
      </c>
      <c r="F3257" s="22" t="s">
        <v>2665</v>
      </c>
      <c r="G3257" s="12">
        <v>3255</v>
      </c>
      <c r="H3257" s="12">
        <f t="shared" si="100"/>
        <v>15</v>
      </c>
      <c r="I3257" s="12">
        <f t="shared" si="101"/>
        <v>12</v>
      </c>
    </row>
    <row r="3258" spans="1:9" s="47" customFormat="1" ht="27" customHeight="1" x14ac:dyDescent="0.4">
      <c r="A3258" s="22" t="s">
        <v>3503</v>
      </c>
      <c r="B3258" s="22" t="s">
        <v>6364</v>
      </c>
      <c r="C3258" s="22" t="s">
        <v>6365</v>
      </c>
      <c r="D3258" s="10">
        <v>1441580513</v>
      </c>
      <c r="E3258" s="11">
        <v>46387</v>
      </c>
      <c r="F3258" s="22" t="s">
        <v>2665</v>
      </c>
      <c r="G3258" s="5">
        <v>3256</v>
      </c>
      <c r="H3258" s="12">
        <f t="shared" si="100"/>
        <v>16</v>
      </c>
      <c r="I3258" s="12">
        <f t="shared" si="101"/>
        <v>4</v>
      </c>
    </row>
    <row r="3259" spans="1:9" s="47" customFormat="1" ht="27" customHeight="1" x14ac:dyDescent="0.4">
      <c r="A3259" s="22" t="s">
        <v>3503</v>
      </c>
      <c r="B3259" s="22" t="s">
        <v>6366</v>
      </c>
      <c r="C3259" s="22" t="s">
        <v>6367</v>
      </c>
      <c r="D3259" s="10">
        <v>1441540087</v>
      </c>
      <c r="E3259" s="11">
        <v>47542</v>
      </c>
      <c r="F3259" s="22" t="s">
        <v>2665</v>
      </c>
      <c r="G3259" s="12">
        <v>3257</v>
      </c>
      <c r="H3259" s="12">
        <f t="shared" si="100"/>
        <v>14</v>
      </c>
      <c r="I3259" s="12">
        <f t="shared" si="101"/>
        <v>7</v>
      </c>
    </row>
    <row r="3260" spans="1:9" s="47" customFormat="1" ht="27" customHeight="1" x14ac:dyDescent="0.4">
      <c r="A3260" s="22" t="s">
        <v>3503</v>
      </c>
      <c r="B3260" s="22" t="s">
        <v>6368</v>
      </c>
      <c r="C3260" s="22" t="s">
        <v>6369</v>
      </c>
      <c r="D3260" s="10">
        <v>1441500107</v>
      </c>
      <c r="E3260" s="11">
        <v>46387</v>
      </c>
      <c r="F3260" s="22" t="s">
        <v>2665</v>
      </c>
      <c r="G3260" s="5">
        <v>3258</v>
      </c>
      <c r="H3260" s="12">
        <f t="shared" si="100"/>
        <v>12</v>
      </c>
      <c r="I3260" s="12">
        <f t="shared" si="101"/>
        <v>4</v>
      </c>
    </row>
    <row r="3261" spans="1:9" s="47" customFormat="1" ht="27" customHeight="1" x14ac:dyDescent="0.4">
      <c r="A3261" s="22" t="s">
        <v>3503</v>
      </c>
      <c r="B3261" s="22" t="s">
        <v>6370</v>
      </c>
      <c r="C3261" s="22" t="s">
        <v>6371</v>
      </c>
      <c r="D3261" s="10">
        <v>1441580554</v>
      </c>
      <c r="E3261" s="11">
        <v>46387</v>
      </c>
      <c r="F3261" s="22" t="s">
        <v>2673</v>
      </c>
      <c r="G3261" s="12">
        <v>3259</v>
      </c>
      <c r="H3261" s="12">
        <f t="shared" si="100"/>
        <v>13</v>
      </c>
      <c r="I3261" s="12">
        <f t="shared" si="101"/>
        <v>11</v>
      </c>
    </row>
    <row r="3262" spans="1:9" s="47" customFormat="1" ht="27" customHeight="1" x14ac:dyDescent="0.4">
      <c r="A3262" s="22" t="s">
        <v>3503</v>
      </c>
      <c r="B3262" s="22" t="s">
        <v>6372</v>
      </c>
      <c r="C3262" s="22" t="s">
        <v>6373</v>
      </c>
      <c r="D3262" s="10">
        <v>1441500180</v>
      </c>
      <c r="E3262" s="11">
        <v>46387</v>
      </c>
      <c r="F3262" s="22" t="s">
        <v>2673</v>
      </c>
      <c r="G3262" s="5">
        <v>3260</v>
      </c>
      <c r="H3262" s="12">
        <f t="shared" si="100"/>
        <v>12</v>
      </c>
      <c r="I3262" s="12">
        <f t="shared" si="101"/>
        <v>9</v>
      </c>
    </row>
    <row r="3263" spans="1:9" s="47" customFormat="1" ht="27" customHeight="1" x14ac:dyDescent="0.4">
      <c r="A3263" s="22" t="s">
        <v>3503</v>
      </c>
      <c r="B3263" s="22" t="s">
        <v>6374</v>
      </c>
      <c r="C3263" s="22" t="s">
        <v>6375</v>
      </c>
      <c r="D3263" s="10">
        <v>1441540095</v>
      </c>
      <c r="E3263" s="11">
        <v>47269</v>
      </c>
      <c r="F3263" s="22" t="s">
        <v>2673</v>
      </c>
      <c r="G3263" s="12">
        <v>3261</v>
      </c>
      <c r="H3263" s="12">
        <f t="shared" si="100"/>
        <v>17</v>
      </c>
      <c r="I3263" s="12">
        <f t="shared" si="101"/>
        <v>12</v>
      </c>
    </row>
    <row r="3264" spans="1:9" s="47" customFormat="1" ht="27" customHeight="1" x14ac:dyDescent="0.4">
      <c r="A3264" s="22" t="s">
        <v>3503</v>
      </c>
      <c r="B3264" s="22" t="s">
        <v>6376</v>
      </c>
      <c r="C3264" s="22" t="s">
        <v>6377</v>
      </c>
      <c r="D3264" s="10">
        <v>1441580380</v>
      </c>
      <c r="E3264" s="11">
        <v>46387</v>
      </c>
      <c r="F3264" s="22" t="s">
        <v>136</v>
      </c>
      <c r="G3264" s="5">
        <v>3262</v>
      </c>
      <c r="H3264" s="12">
        <f t="shared" si="100"/>
        <v>14</v>
      </c>
      <c r="I3264" s="12">
        <f t="shared" si="101"/>
        <v>13</v>
      </c>
    </row>
    <row r="3265" spans="1:9" s="47" customFormat="1" ht="27" customHeight="1" x14ac:dyDescent="0.4">
      <c r="A3265" s="22" t="s">
        <v>3503</v>
      </c>
      <c r="B3265" s="22" t="s">
        <v>6378</v>
      </c>
      <c r="C3265" s="22" t="s">
        <v>6379</v>
      </c>
      <c r="D3265" s="10">
        <v>1441500156</v>
      </c>
      <c r="E3265" s="11">
        <v>46387</v>
      </c>
      <c r="F3265" s="22" t="s">
        <v>136</v>
      </c>
      <c r="G3265" s="12">
        <v>3263</v>
      </c>
      <c r="H3265" s="12">
        <f t="shared" si="100"/>
        <v>17</v>
      </c>
      <c r="I3265" s="12">
        <f t="shared" si="101"/>
        <v>10</v>
      </c>
    </row>
    <row r="3266" spans="1:9" s="47" customFormat="1" ht="27" customHeight="1" x14ac:dyDescent="0.4">
      <c r="A3266" s="22" t="s">
        <v>3503</v>
      </c>
      <c r="B3266" s="22" t="s">
        <v>6380</v>
      </c>
      <c r="C3266" s="22" t="s">
        <v>6381</v>
      </c>
      <c r="D3266" s="10">
        <v>1441580422</v>
      </c>
      <c r="E3266" s="11">
        <v>46387</v>
      </c>
      <c r="F3266" s="22" t="s">
        <v>136</v>
      </c>
      <c r="G3266" s="5">
        <v>3264</v>
      </c>
      <c r="H3266" s="12">
        <f t="shared" si="100"/>
        <v>16</v>
      </c>
      <c r="I3266" s="12">
        <f t="shared" si="101"/>
        <v>11</v>
      </c>
    </row>
    <row r="3267" spans="1:9" s="47" customFormat="1" ht="27" customHeight="1" x14ac:dyDescent="0.4">
      <c r="A3267" s="22" t="s">
        <v>3503</v>
      </c>
      <c r="B3267" s="22" t="s">
        <v>6382</v>
      </c>
      <c r="C3267" s="22" t="s">
        <v>6383</v>
      </c>
      <c r="D3267" s="10">
        <v>1441540061</v>
      </c>
      <c r="E3267" s="11">
        <v>48395</v>
      </c>
      <c r="F3267" s="22" t="s">
        <v>136</v>
      </c>
      <c r="G3267" s="12">
        <v>3265</v>
      </c>
      <c r="H3267" s="12">
        <f t="shared" si="100"/>
        <v>17</v>
      </c>
      <c r="I3267" s="12">
        <f t="shared" si="101"/>
        <v>10</v>
      </c>
    </row>
    <row r="3268" spans="1:9" s="47" customFormat="1" ht="27" customHeight="1" x14ac:dyDescent="0.4">
      <c r="A3268" s="22" t="s">
        <v>3503</v>
      </c>
      <c r="B3268" s="22" t="s">
        <v>6384</v>
      </c>
      <c r="C3268" s="22" t="s">
        <v>6385</v>
      </c>
      <c r="D3268" s="10">
        <v>1441540053</v>
      </c>
      <c r="E3268" s="11">
        <v>47756</v>
      </c>
      <c r="F3268" s="22" t="s">
        <v>136</v>
      </c>
      <c r="G3268" s="5">
        <v>3266</v>
      </c>
      <c r="H3268" s="12">
        <f t="shared" ref="H3268:H3291" si="102">LEN(C3268)</f>
        <v>17</v>
      </c>
      <c r="I3268" s="12">
        <f t="shared" ref="I3268:I3291" si="103">LEN(B3268)</f>
        <v>11</v>
      </c>
    </row>
    <row r="3269" spans="1:9" s="47" customFormat="1" ht="27" customHeight="1" x14ac:dyDescent="0.4">
      <c r="A3269" s="22" t="s">
        <v>3503</v>
      </c>
      <c r="B3269" s="22" t="s">
        <v>6386</v>
      </c>
      <c r="C3269" s="22" t="s">
        <v>2691</v>
      </c>
      <c r="D3269" s="10">
        <v>1441540079</v>
      </c>
      <c r="E3269" s="11">
        <v>46507</v>
      </c>
      <c r="F3269" s="22" t="s">
        <v>136</v>
      </c>
      <c r="G3269" s="12">
        <v>3267</v>
      </c>
      <c r="H3269" s="12">
        <f t="shared" si="102"/>
        <v>16</v>
      </c>
      <c r="I3269" s="12">
        <f t="shared" si="103"/>
        <v>12</v>
      </c>
    </row>
    <row r="3270" spans="1:9" s="47" customFormat="1" ht="27" customHeight="1" x14ac:dyDescent="0.4">
      <c r="A3270" s="22" t="s">
        <v>3503</v>
      </c>
      <c r="B3270" s="22" t="s">
        <v>6387</v>
      </c>
      <c r="C3270" s="22" t="s">
        <v>6388</v>
      </c>
      <c r="D3270" s="10">
        <v>1441540012</v>
      </c>
      <c r="E3270" s="11">
        <v>46568</v>
      </c>
      <c r="F3270" s="22" t="s">
        <v>136</v>
      </c>
      <c r="G3270" s="5">
        <v>3268</v>
      </c>
      <c r="H3270" s="12">
        <f t="shared" si="102"/>
        <v>16</v>
      </c>
      <c r="I3270" s="12">
        <f t="shared" si="103"/>
        <v>12</v>
      </c>
    </row>
    <row r="3271" spans="1:9" s="47" customFormat="1" ht="27" customHeight="1" x14ac:dyDescent="0.4">
      <c r="A3271" s="22" t="s">
        <v>3503</v>
      </c>
      <c r="B3271" s="22" t="s">
        <v>6389</v>
      </c>
      <c r="C3271" s="22" t="s">
        <v>6390</v>
      </c>
      <c r="D3271" s="10">
        <v>1441580471</v>
      </c>
      <c r="E3271" s="11">
        <v>46387</v>
      </c>
      <c r="F3271" s="22" t="s">
        <v>136</v>
      </c>
      <c r="G3271" s="12">
        <v>3269</v>
      </c>
      <c r="H3271" s="12">
        <f t="shared" si="102"/>
        <v>16</v>
      </c>
      <c r="I3271" s="12">
        <f t="shared" si="103"/>
        <v>9</v>
      </c>
    </row>
    <row r="3272" spans="1:9" s="47" customFormat="1" ht="27" customHeight="1" x14ac:dyDescent="0.4">
      <c r="A3272" s="22" t="s">
        <v>3503</v>
      </c>
      <c r="B3272" s="22" t="s">
        <v>6391</v>
      </c>
      <c r="C3272" s="22" t="s">
        <v>6392</v>
      </c>
      <c r="D3272" s="10">
        <v>1441540046</v>
      </c>
      <c r="E3272" s="11">
        <v>47299</v>
      </c>
      <c r="F3272" s="22" t="s">
        <v>136</v>
      </c>
      <c r="G3272" s="5">
        <v>3270</v>
      </c>
      <c r="H3272" s="12">
        <f t="shared" si="102"/>
        <v>15</v>
      </c>
      <c r="I3272" s="12">
        <f t="shared" si="103"/>
        <v>11</v>
      </c>
    </row>
    <row r="3273" spans="1:9" s="47" customFormat="1" ht="27" customHeight="1" x14ac:dyDescent="0.4">
      <c r="A3273" s="22" t="s">
        <v>3503</v>
      </c>
      <c r="B3273" s="22" t="s">
        <v>6393</v>
      </c>
      <c r="C3273" s="22" t="s">
        <v>6394</v>
      </c>
      <c r="D3273" s="10">
        <v>1441580505</v>
      </c>
      <c r="E3273" s="11">
        <v>46387</v>
      </c>
      <c r="F3273" s="22" t="s">
        <v>136</v>
      </c>
      <c r="G3273" s="12">
        <v>3271</v>
      </c>
      <c r="H3273" s="12">
        <f t="shared" si="102"/>
        <v>15</v>
      </c>
      <c r="I3273" s="12">
        <f t="shared" si="103"/>
        <v>5</v>
      </c>
    </row>
    <row r="3274" spans="1:9" s="47" customFormat="1" ht="27" customHeight="1" x14ac:dyDescent="0.4">
      <c r="A3274" s="22" t="s">
        <v>3503</v>
      </c>
      <c r="B3274" s="22" t="s">
        <v>6395</v>
      </c>
      <c r="C3274" s="22" t="s">
        <v>2700</v>
      </c>
      <c r="D3274" s="10">
        <v>1441680123</v>
      </c>
      <c r="E3274" s="11">
        <v>46387</v>
      </c>
      <c r="F3274" s="22" t="s">
        <v>2701</v>
      </c>
      <c r="G3274" s="5">
        <v>3272</v>
      </c>
      <c r="H3274" s="12">
        <f t="shared" si="102"/>
        <v>14</v>
      </c>
      <c r="I3274" s="12">
        <f t="shared" si="103"/>
        <v>10</v>
      </c>
    </row>
    <row r="3275" spans="1:9" s="47" customFormat="1" ht="27" customHeight="1" x14ac:dyDescent="0.4">
      <c r="A3275" s="22" t="s">
        <v>3503</v>
      </c>
      <c r="B3275" s="22" t="s">
        <v>6396</v>
      </c>
      <c r="C3275" s="22" t="s">
        <v>6397</v>
      </c>
      <c r="D3275" s="10">
        <v>1441640408</v>
      </c>
      <c r="E3275" s="11">
        <v>47695</v>
      </c>
      <c r="F3275" s="22" t="s">
        <v>2701</v>
      </c>
      <c r="G3275" s="12">
        <v>3273</v>
      </c>
      <c r="H3275" s="12">
        <f t="shared" si="102"/>
        <v>13</v>
      </c>
      <c r="I3275" s="12">
        <f t="shared" si="103"/>
        <v>12</v>
      </c>
    </row>
    <row r="3276" spans="1:9" s="47" customFormat="1" ht="27" customHeight="1" x14ac:dyDescent="0.4">
      <c r="A3276" s="22" t="s">
        <v>3503</v>
      </c>
      <c r="B3276" s="22" t="s">
        <v>6398</v>
      </c>
      <c r="C3276" s="22" t="s">
        <v>6397</v>
      </c>
      <c r="D3276" s="10">
        <v>1441680149</v>
      </c>
      <c r="E3276" s="11">
        <v>46387</v>
      </c>
      <c r="F3276" s="22" t="s">
        <v>2701</v>
      </c>
      <c r="G3276" s="5">
        <v>3274</v>
      </c>
      <c r="H3276" s="12">
        <f t="shared" si="102"/>
        <v>13</v>
      </c>
      <c r="I3276" s="12">
        <f t="shared" si="103"/>
        <v>10</v>
      </c>
    </row>
    <row r="3277" spans="1:9" s="47" customFormat="1" ht="27" customHeight="1" x14ac:dyDescent="0.4">
      <c r="A3277" s="22" t="s">
        <v>3503</v>
      </c>
      <c r="B3277" s="22" t="s">
        <v>6399</v>
      </c>
      <c r="C3277" s="22" t="s">
        <v>6400</v>
      </c>
      <c r="D3277" s="10">
        <v>1441680107</v>
      </c>
      <c r="E3277" s="11">
        <v>46387</v>
      </c>
      <c r="F3277" s="22" t="s">
        <v>2701</v>
      </c>
      <c r="G3277" s="12">
        <v>3275</v>
      </c>
      <c r="H3277" s="12">
        <f t="shared" si="102"/>
        <v>13</v>
      </c>
      <c r="I3277" s="12">
        <f t="shared" si="103"/>
        <v>5</v>
      </c>
    </row>
    <row r="3278" spans="1:9" s="47" customFormat="1" ht="27" customHeight="1" x14ac:dyDescent="0.4">
      <c r="A3278" s="22" t="s">
        <v>3503</v>
      </c>
      <c r="B3278" s="22" t="s">
        <v>6401</v>
      </c>
      <c r="C3278" s="22" t="s">
        <v>6402</v>
      </c>
      <c r="D3278" s="10">
        <v>1441680164</v>
      </c>
      <c r="E3278" s="11">
        <v>46387</v>
      </c>
      <c r="F3278" s="22" t="s">
        <v>2701</v>
      </c>
      <c r="G3278" s="5">
        <v>3276</v>
      </c>
      <c r="H3278" s="12">
        <f t="shared" si="102"/>
        <v>13</v>
      </c>
      <c r="I3278" s="12">
        <f t="shared" si="103"/>
        <v>4</v>
      </c>
    </row>
    <row r="3279" spans="1:9" s="47" customFormat="1" ht="27" customHeight="1" x14ac:dyDescent="0.4">
      <c r="A3279" s="22" t="s">
        <v>3503</v>
      </c>
      <c r="B3279" s="22" t="s">
        <v>6403</v>
      </c>
      <c r="C3279" s="22" t="s">
        <v>6404</v>
      </c>
      <c r="D3279" s="10">
        <v>1441640028</v>
      </c>
      <c r="E3279" s="11">
        <v>46691</v>
      </c>
      <c r="F3279" s="22" t="s">
        <v>2701</v>
      </c>
      <c r="G3279" s="12">
        <v>3277</v>
      </c>
      <c r="H3279" s="12">
        <f t="shared" si="102"/>
        <v>13</v>
      </c>
      <c r="I3279" s="12">
        <f t="shared" si="103"/>
        <v>13</v>
      </c>
    </row>
    <row r="3280" spans="1:9" s="47" customFormat="1" ht="27" customHeight="1" x14ac:dyDescent="0.4">
      <c r="A3280" s="22" t="s">
        <v>3503</v>
      </c>
      <c r="B3280" s="22" t="s">
        <v>6405</v>
      </c>
      <c r="C3280" s="22" t="s">
        <v>6406</v>
      </c>
      <c r="D3280" s="10">
        <v>1441640382</v>
      </c>
      <c r="E3280" s="11">
        <v>47452</v>
      </c>
      <c r="F3280" s="22" t="s">
        <v>2701</v>
      </c>
      <c r="G3280" s="5">
        <v>3278</v>
      </c>
      <c r="H3280" s="12">
        <f t="shared" si="102"/>
        <v>14</v>
      </c>
      <c r="I3280" s="12">
        <f t="shared" si="103"/>
        <v>13</v>
      </c>
    </row>
    <row r="3281" spans="1:9" s="47" customFormat="1" ht="27" customHeight="1" x14ac:dyDescent="0.4">
      <c r="A3281" s="22" t="s">
        <v>3503</v>
      </c>
      <c r="B3281" s="22" t="s">
        <v>6407</v>
      </c>
      <c r="C3281" s="22" t="s">
        <v>6408</v>
      </c>
      <c r="D3281" s="10">
        <v>1441640010</v>
      </c>
      <c r="E3281" s="11">
        <v>46418</v>
      </c>
      <c r="F3281" s="22" t="s">
        <v>2701</v>
      </c>
      <c r="G3281" s="12">
        <v>3279</v>
      </c>
      <c r="H3281" s="12">
        <f t="shared" si="102"/>
        <v>15</v>
      </c>
      <c r="I3281" s="12">
        <f t="shared" si="103"/>
        <v>10</v>
      </c>
    </row>
    <row r="3282" spans="1:9" s="47" customFormat="1" ht="27" customHeight="1" x14ac:dyDescent="0.4">
      <c r="A3282" s="22" t="s">
        <v>3503</v>
      </c>
      <c r="B3282" s="22" t="s">
        <v>6409</v>
      </c>
      <c r="C3282" s="22" t="s">
        <v>6410</v>
      </c>
      <c r="D3282" s="10">
        <v>1441680131</v>
      </c>
      <c r="E3282" s="11">
        <v>46387</v>
      </c>
      <c r="F3282" s="22" t="s">
        <v>2701</v>
      </c>
      <c r="G3282" s="5">
        <v>3280</v>
      </c>
      <c r="H3282" s="12">
        <f t="shared" si="102"/>
        <v>14</v>
      </c>
      <c r="I3282" s="12">
        <f t="shared" si="103"/>
        <v>10</v>
      </c>
    </row>
    <row r="3283" spans="1:9" s="47" customFormat="1" ht="27" customHeight="1" x14ac:dyDescent="0.4">
      <c r="A3283" s="22" t="s">
        <v>3503</v>
      </c>
      <c r="B3283" s="22" t="s">
        <v>6411</v>
      </c>
      <c r="C3283" s="22" t="s">
        <v>6412</v>
      </c>
      <c r="D3283" s="10">
        <v>1441680206</v>
      </c>
      <c r="E3283" s="11">
        <v>46387</v>
      </c>
      <c r="F3283" s="22" t="s">
        <v>2701</v>
      </c>
      <c r="G3283" s="12">
        <v>3281</v>
      </c>
      <c r="H3283" s="12">
        <f t="shared" si="102"/>
        <v>14</v>
      </c>
      <c r="I3283" s="12">
        <f t="shared" si="103"/>
        <v>10</v>
      </c>
    </row>
    <row r="3284" spans="1:9" s="47" customFormat="1" ht="27" customHeight="1" x14ac:dyDescent="0.4">
      <c r="A3284" s="22" t="s">
        <v>3503</v>
      </c>
      <c r="B3284" s="22" t="s">
        <v>6413</v>
      </c>
      <c r="C3284" s="22" t="s">
        <v>6414</v>
      </c>
      <c r="D3284" s="10">
        <v>1441640358</v>
      </c>
      <c r="E3284" s="11">
        <v>46507</v>
      </c>
      <c r="F3284" s="22" t="s">
        <v>2701</v>
      </c>
      <c r="G3284" s="5">
        <v>3282</v>
      </c>
      <c r="H3284" s="12">
        <f t="shared" si="102"/>
        <v>23</v>
      </c>
      <c r="I3284" s="12">
        <f t="shared" si="103"/>
        <v>7</v>
      </c>
    </row>
    <row r="3285" spans="1:9" s="47" customFormat="1" ht="27" customHeight="1" x14ac:dyDescent="0.4">
      <c r="A3285" s="22" t="s">
        <v>3503</v>
      </c>
      <c r="B3285" s="22" t="s">
        <v>6415</v>
      </c>
      <c r="C3285" s="22" t="s">
        <v>6416</v>
      </c>
      <c r="D3285" s="10">
        <v>1441640366</v>
      </c>
      <c r="E3285" s="11">
        <v>47057</v>
      </c>
      <c r="F3285" s="22" t="s">
        <v>2701</v>
      </c>
      <c r="G3285" s="12">
        <v>3283</v>
      </c>
      <c r="H3285" s="12">
        <f t="shared" si="102"/>
        <v>14</v>
      </c>
      <c r="I3285" s="12">
        <f t="shared" si="103"/>
        <v>13</v>
      </c>
    </row>
    <row r="3286" spans="1:9" s="47" customFormat="1" ht="27" customHeight="1" x14ac:dyDescent="0.4">
      <c r="A3286" s="22" t="s">
        <v>3503</v>
      </c>
      <c r="B3286" s="22" t="s">
        <v>6417</v>
      </c>
      <c r="C3286" s="22" t="s">
        <v>6418</v>
      </c>
      <c r="D3286" s="10">
        <v>1441640374</v>
      </c>
      <c r="E3286" s="11">
        <v>47118</v>
      </c>
      <c r="F3286" s="22" t="s">
        <v>2701</v>
      </c>
      <c r="G3286" s="5">
        <v>3284</v>
      </c>
      <c r="H3286" s="12">
        <f t="shared" si="102"/>
        <v>15</v>
      </c>
      <c r="I3286" s="12">
        <f t="shared" si="103"/>
        <v>9</v>
      </c>
    </row>
    <row r="3287" spans="1:9" s="47" customFormat="1" ht="27" customHeight="1" x14ac:dyDescent="0.4">
      <c r="A3287" s="22" t="s">
        <v>3503</v>
      </c>
      <c r="B3287" s="22" t="s">
        <v>6419</v>
      </c>
      <c r="C3287" s="22" t="s">
        <v>6420</v>
      </c>
      <c r="D3287" s="10">
        <v>1441680081</v>
      </c>
      <c r="E3287" s="11">
        <v>46387</v>
      </c>
      <c r="F3287" s="22" t="s">
        <v>2701</v>
      </c>
      <c r="G3287" s="12">
        <v>3285</v>
      </c>
      <c r="H3287" s="12">
        <f t="shared" si="102"/>
        <v>13</v>
      </c>
      <c r="I3287" s="12">
        <f t="shared" si="103"/>
        <v>10</v>
      </c>
    </row>
    <row r="3288" spans="1:9" s="47" customFormat="1" ht="27" customHeight="1" x14ac:dyDescent="0.4">
      <c r="A3288" s="22" t="s">
        <v>3503</v>
      </c>
      <c r="B3288" s="22" t="s">
        <v>6421</v>
      </c>
      <c r="C3288" s="22" t="s">
        <v>6422</v>
      </c>
      <c r="D3288" s="10">
        <v>1441680180</v>
      </c>
      <c r="E3288" s="11">
        <v>46387</v>
      </c>
      <c r="F3288" s="22" t="s">
        <v>2701</v>
      </c>
      <c r="G3288" s="5">
        <v>3286</v>
      </c>
      <c r="H3288" s="12">
        <f t="shared" si="102"/>
        <v>13</v>
      </c>
      <c r="I3288" s="12">
        <f t="shared" si="103"/>
        <v>11</v>
      </c>
    </row>
    <row r="3289" spans="1:9" s="47" customFormat="1" ht="27" customHeight="1" x14ac:dyDescent="0.4">
      <c r="A3289" s="22" t="s">
        <v>3503</v>
      </c>
      <c r="B3289" s="22" t="s">
        <v>6423</v>
      </c>
      <c r="C3289" s="22" t="s">
        <v>6424</v>
      </c>
      <c r="D3289" s="10">
        <v>1441640341</v>
      </c>
      <c r="E3289" s="11">
        <v>47879</v>
      </c>
      <c r="F3289" s="22" t="s">
        <v>2701</v>
      </c>
      <c r="G3289" s="12">
        <v>3287</v>
      </c>
      <c r="H3289" s="12">
        <f t="shared" si="102"/>
        <v>12</v>
      </c>
      <c r="I3289" s="12">
        <f t="shared" si="103"/>
        <v>8</v>
      </c>
    </row>
    <row r="3290" spans="1:9" s="47" customFormat="1" ht="27" customHeight="1" x14ac:dyDescent="0.4">
      <c r="A3290" s="22" t="s">
        <v>3503</v>
      </c>
      <c r="B3290" s="22" t="s">
        <v>6425</v>
      </c>
      <c r="C3290" s="22" t="s">
        <v>6426</v>
      </c>
      <c r="D3290" s="10">
        <v>1441680156</v>
      </c>
      <c r="E3290" s="11">
        <v>46387</v>
      </c>
      <c r="F3290" s="22" t="s">
        <v>2701</v>
      </c>
      <c r="G3290" s="5">
        <v>3288</v>
      </c>
      <c r="H3290" s="12">
        <f t="shared" si="102"/>
        <v>14</v>
      </c>
      <c r="I3290" s="12">
        <f t="shared" si="103"/>
        <v>9</v>
      </c>
    </row>
    <row r="3291" spans="1:9" s="47" customFormat="1" ht="27" customHeight="1" x14ac:dyDescent="0.4">
      <c r="A3291" s="22" t="s">
        <v>3503</v>
      </c>
      <c r="B3291" s="22" t="s">
        <v>6427</v>
      </c>
      <c r="C3291" s="22" t="s">
        <v>6428</v>
      </c>
      <c r="D3291" s="10">
        <v>1441640390</v>
      </c>
      <c r="E3291" s="11">
        <v>47573</v>
      </c>
      <c r="F3291" s="22" t="s">
        <v>2701</v>
      </c>
      <c r="G3291" s="12">
        <v>3289</v>
      </c>
      <c r="H3291" s="12">
        <f t="shared" si="102"/>
        <v>14</v>
      </c>
      <c r="I3291" s="12">
        <f t="shared" si="103"/>
        <v>12</v>
      </c>
    </row>
    <row r="3292" spans="1:9" s="47" customFormat="1" ht="27" customHeight="1" x14ac:dyDescent="0.4">
      <c r="A3292" s="22"/>
      <c r="B3292" s="22"/>
      <c r="C3292" s="22"/>
      <c r="D3292" s="10"/>
      <c r="E3292" s="11"/>
      <c r="F3292" s="22"/>
    </row>
    <row r="3293" spans="1:9" s="47" customFormat="1" ht="27" customHeight="1" x14ac:dyDescent="0.4">
      <c r="A3293" s="22"/>
      <c r="B3293" s="22"/>
      <c r="C3293" s="22"/>
      <c r="D3293" s="10"/>
      <c r="E3293" s="11"/>
      <c r="F3293" s="22"/>
    </row>
    <row r="3294" spans="1:9" s="47" customFormat="1" ht="27" customHeight="1" x14ac:dyDescent="0.4">
      <c r="A3294" s="22"/>
      <c r="B3294" s="22"/>
      <c r="C3294" s="22"/>
      <c r="D3294" s="10"/>
      <c r="E3294" s="11"/>
      <c r="F3294" s="22"/>
    </row>
    <row r="3295" spans="1:9" s="47" customFormat="1" ht="27" customHeight="1" x14ac:dyDescent="0.4">
      <c r="A3295" s="22"/>
      <c r="B3295" s="22"/>
      <c r="C3295" s="22"/>
      <c r="D3295" s="10"/>
      <c r="E3295" s="11"/>
      <c r="F3295" s="22"/>
    </row>
    <row r="3296" spans="1:9" s="47" customFormat="1" ht="27" customHeight="1" x14ac:dyDescent="0.4">
      <c r="A3296" s="22"/>
      <c r="B3296" s="22"/>
      <c r="C3296" s="22"/>
      <c r="D3296" s="10"/>
      <c r="E3296" s="11"/>
      <c r="F3296" s="22"/>
    </row>
    <row r="3297" spans="1:6" s="47" customFormat="1" ht="27" customHeight="1" x14ac:dyDescent="0.4">
      <c r="A3297" s="22"/>
      <c r="B3297" s="22"/>
      <c r="C3297" s="22"/>
      <c r="D3297" s="10"/>
      <c r="E3297" s="11"/>
      <c r="F3297" s="22"/>
    </row>
    <row r="3298" spans="1:6" s="47" customFormat="1" ht="27" customHeight="1" x14ac:dyDescent="0.4">
      <c r="A3298" s="22"/>
      <c r="B3298" s="22"/>
      <c r="C3298" s="22"/>
      <c r="D3298" s="10"/>
      <c r="E3298" s="11"/>
      <c r="F3298" s="22"/>
    </row>
    <row r="3299" spans="1:6" s="47" customFormat="1" ht="27" customHeight="1" x14ac:dyDescent="0.4">
      <c r="A3299" s="22"/>
      <c r="B3299" s="22"/>
      <c r="C3299" s="22"/>
      <c r="D3299" s="10"/>
      <c r="E3299" s="11"/>
      <c r="F3299" s="22"/>
    </row>
    <row r="3300" spans="1:6" s="47" customFormat="1" ht="27" customHeight="1" x14ac:dyDescent="0.4">
      <c r="A3300" s="22"/>
      <c r="B3300" s="22"/>
      <c r="C3300" s="22"/>
      <c r="D3300" s="10"/>
      <c r="E3300" s="11"/>
      <c r="F3300" s="22"/>
    </row>
    <row r="3301" spans="1:6" s="47" customFormat="1" ht="27" customHeight="1" x14ac:dyDescent="0.4">
      <c r="A3301" s="22"/>
      <c r="B3301" s="22"/>
      <c r="C3301" s="22"/>
      <c r="D3301" s="10"/>
      <c r="E3301" s="11"/>
      <c r="F3301" s="22"/>
    </row>
    <row r="3302" spans="1:6" s="47" customFormat="1" ht="27" customHeight="1" x14ac:dyDescent="0.4">
      <c r="A3302" s="22"/>
      <c r="B3302" s="22"/>
      <c r="C3302" s="22"/>
      <c r="D3302" s="10"/>
      <c r="E3302" s="11"/>
      <c r="F3302" s="22"/>
    </row>
    <row r="3303" spans="1:6" s="47" customFormat="1" ht="27" customHeight="1" x14ac:dyDescent="0.4">
      <c r="A3303" s="22"/>
      <c r="B3303" s="22"/>
      <c r="C3303" s="22"/>
      <c r="D3303" s="10"/>
      <c r="E3303" s="11"/>
      <c r="F3303" s="22"/>
    </row>
    <row r="3304" spans="1:6" s="47" customFormat="1" ht="27" customHeight="1" x14ac:dyDescent="0.4">
      <c r="A3304" s="22"/>
      <c r="B3304" s="22"/>
      <c r="C3304" s="22"/>
      <c r="D3304" s="10"/>
      <c r="E3304" s="11"/>
      <c r="F3304" s="22"/>
    </row>
    <row r="3305" spans="1:6" s="47" customFormat="1" ht="27" customHeight="1" x14ac:dyDescent="0.4">
      <c r="A3305" s="22"/>
      <c r="B3305" s="22"/>
      <c r="C3305" s="22"/>
      <c r="D3305" s="10"/>
      <c r="E3305" s="11"/>
      <c r="F3305" s="22"/>
    </row>
    <row r="3306" spans="1:6" s="47" customFormat="1" ht="27" customHeight="1" x14ac:dyDescent="0.4">
      <c r="A3306" s="22"/>
      <c r="B3306" s="22"/>
      <c r="C3306" s="22"/>
      <c r="D3306" s="10"/>
      <c r="E3306" s="11"/>
      <c r="F3306" s="22"/>
    </row>
    <row r="3307" spans="1:6" s="47" customFormat="1" ht="27" customHeight="1" x14ac:dyDescent="0.4">
      <c r="A3307" s="22"/>
      <c r="B3307" s="22"/>
      <c r="C3307" s="22"/>
      <c r="D3307" s="10"/>
      <c r="E3307" s="11"/>
      <c r="F3307" s="22"/>
    </row>
    <row r="3308" spans="1:6" s="47" customFormat="1" ht="27" customHeight="1" x14ac:dyDescent="0.4">
      <c r="A3308" s="22"/>
      <c r="B3308" s="22"/>
      <c r="C3308" s="22"/>
      <c r="D3308" s="10"/>
      <c r="E3308" s="11"/>
      <c r="F3308" s="22"/>
    </row>
    <row r="3309" spans="1:6" s="47" customFormat="1" ht="27" customHeight="1" x14ac:dyDescent="0.4">
      <c r="A3309" s="22"/>
      <c r="B3309" s="22"/>
      <c r="C3309" s="22"/>
      <c r="D3309" s="10"/>
      <c r="E3309" s="11"/>
      <c r="F3309" s="22"/>
    </row>
    <row r="3310" spans="1:6" s="47" customFormat="1" ht="27" customHeight="1" x14ac:dyDescent="0.4">
      <c r="A3310" s="22"/>
      <c r="B3310" s="22"/>
      <c r="C3310" s="22"/>
      <c r="D3310" s="10"/>
      <c r="E3310" s="11"/>
      <c r="F3310" s="22"/>
    </row>
    <row r="3311" spans="1:6" s="47" customFormat="1" ht="27" customHeight="1" x14ac:dyDescent="0.4">
      <c r="A3311" s="22"/>
      <c r="B3311" s="22"/>
      <c r="C3311" s="22"/>
      <c r="D3311" s="10"/>
      <c r="E3311" s="11"/>
      <c r="F3311" s="22"/>
    </row>
    <row r="3312" spans="1:6" s="47" customFormat="1" ht="27" customHeight="1" x14ac:dyDescent="0.4">
      <c r="A3312" s="22"/>
      <c r="B3312" s="22"/>
      <c r="C3312" s="22"/>
      <c r="D3312" s="10"/>
      <c r="E3312" s="11"/>
      <c r="F3312" s="22"/>
    </row>
    <row r="3313" spans="1:6" s="47" customFormat="1" ht="27" customHeight="1" x14ac:dyDescent="0.4">
      <c r="A3313" s="22"/>
      <c r="B3313" s="22"/>
      <c r="C3313" s="22"/>
      <c r="D3313" s="10"/>
      <c r="E3313" s="11"/>
      <c r="F3313" s="22"/>
    </row>
    <row r="3314" spans="1:6" s="47" customFormat="1" ht="27" customHeight="1" x14ac:dyDescent="0.4">
      <c r="A3314" s="22"/>
      <c r="B3314" s="22"/>
      <c r="C3314" s="22"/>
      <c r="D3314" s="10"/>
      <c r="E3314" s="11"/>
      <c r="F3314" s="22"/>
    </row>
    <row r="3315" spans="1:6" s="47" customFormat="1" ht="27" customHeight="1" x14ac:dyDescent="0.4">
      <c r="A3315" s="22"/>
      <c r="B3315" s="22"/>
      <c r="C3315" s="22"/>
      <c r="D3315" s="10"/>
      <c r="E3315" s="11"/>
      <c r="F3315" s="22"/>
    </row>
    <row r="3316" spans="1:6" s="47" customFormat="1" ht="27" customHeight="1" x14ac:dyDescent="0.4">
      <c r="A3316" s="22"/>
      <c r="B3316" s="22"/>
      <c r="C3316" s="22"/>
      <c r="D3316" s="10"/>
      <c r="E3316" s="11"/>
      <c r="F3316" s="22"/>
    </row>
    <row r="3317" spans="1:6" s="47" customFormat="1" ht="27" customHeight="1" x14ac:dyDescent="0.4">
      <c r="A3317" s="22"/>
      <c r="B3317" s="22"/>
      <c r="C3317" s="22"/>
      <c r="D3317" s="10"/>
      <c r="E3317" s="11"/>
      <c r="F3317" s="22"/>
    </row>
    <row r="3318" spans="1:6" s="47" customFormat="1" ht="27" customHeight="1" x14ac:dyDescent="0.4">
      <c r="A3318" s="22"/>
      <c r="B3318" s="22"/>
      <c r="C3318" s="22"/>
      <c r="D3318" s="10"/>
      <c r="E3318" s="11"/>
      <c r="F3318" s="22"/>
    </row>
    <row r="3319" spans="1:6" s="47" customFormat="1" ht="27" customHeight="1" x14ac:dyDescent="0.4">
      <c r="A3319" s="22"/>
      <c r="B3319" s="22"/>
      <c r="C3319" s="22"/>
      <c r="D3319" s="10"/>
      <c r="E3319" s="11"/>
      <c r="F3319" s="22"/>
    </row>
    <row r="3320" spans="1:6" s="47" customFormat="1" ht="27" customHeight="1" x14ac:dyDescent="0.4">
      <c r="A3320" s="22"/>
      <c r="B3320" s="22"/>
      <c r="C3320" s="22"/>
      <c r="D3320" s="10"/>
      <c r="E3320" s="11"/>
      <c r="F3320" s="22"/>
    </row>
    <row r="3321" spans="1:6" s="47" customFormat="1" ht="27" customHeight="1" x14ac:dyDescent="0.4">
      <c r="A3321" s="22"/>
      <c r="B3321" s="22"/>
      <c r="C3321" s="22"/>
      <c r="D3321" s="10"/>
      <c r="E3321" s="11"/>
      <c r="F3321" s="22"/>
    </row>
    <row r="3322" spans="1:6" s="47" customFormat="1" ht="27" customHeight="1" x14ac:dyDescent="0.4">
      <c r="A3322" s="22"/>
      <c r="B3322" s="22"/>
      <c r="C3322" s="22"/>
      <c r="D3322" s="10"/>
      <c r="E3322" s="11"/>
      <c r="F3322" s="22"/>
    </row>
    <row r="3323" spans="1:6" s="47" customFormat="1" ht="27" customHeight="1" x14ac:dyDescent="0.4">
      <c r="A3323" s="22"/>
      <c r="B3323" s="22"/>
      <c r="C3323" s="22"/>
      <c r="D3323" s="10"/>
      <c r="E3323" s="11"/>
      <c r="F3323" s="22"/>
    </row>
    <row r="3324" spans="1:6" s="47" customFormat="1" ht="27" customHeight="1" x14ac:dyDescent="0.4">
      <c r="A3324" s="22"/>
      <c r="B3324" s="22"/>
      <c r="C3324" s="22"/>
      <c r="D3324" s="10"/>
      <c r="E3324" s="11"/>
      <c r="F3324" s="22"/>
    </row>
    <row r="3325" spans="1:6" s="47" customFormat="1" ht="27" customHeight="1" x14ac:dyDescent="0.4">
      <c r="A3325" s="22"/>
      <c r="B3325" s="22"/>
      <c r="C3325" s="22"/>
      <c r="D3325" s="10"/>
      <c r="E3325" s="11"/>
      <c r="F3325" s="22"/>
    </row>
    <row r="3326" spans="1:6" s="47" customFormat="1" ht="27" customHeight="1" x14ac:dyDescent="0.4">
      <c r="A3326" s="22"/>
      <c r="B3326" s="22"/>
      <c r="C3326" s="22"/>
      <c r="D3326" s="10"/>
      <c r="E3326" s="11"/>
      <c r="F3326" s="22"/>
    </row>
    <row r="3327" spans="1:6" s="47" customFormat="1" ht="27" customHeight="1" x14ac:dyDescent="0.4">
      <c r="A3327" s="22"/>
      <c r="B3327" s="22"/>
      <c r="C3327" s="22"/>
      <c r="D3327" s="10"/>
      <c r="E3327" s="11"/>
      <c r="F3327" s="22"/>
    </row>
    <row r="3328" spans="1:6" s="47" customFormat="1" ht="27" customHeight="1" x14ac:dyDescent="0.4">
      <c r="A3328" s="22"/>
      <c r="B3328" s="22"/>
      <c r="C3328" s="22"/>
      <c r="D3328" s="10"/>
      <c r="E3328" s="11"/>
      <c r="F3328" s="22"/>
    </row>
    <row r="3329" spans="1:6" s="47" customFormat="1" ht="27" customHeight="1" x14ac:dyDescent="0.4">
      <c r="A3329" s="22"/>
      <c r="B3329" s="22"/>
      <c r="C3329" s="22"/>
      <c r="D3329" s="10"/>
      <c r="E3329" s="11"/>
      <c r="F3329" s="22"/>
    </row>
    <row r="3330" spans="1:6" s="47" customFormat="1" ht="27" customHeight="1" x14ac:dyDescent="0.4">
      <c r="A3330" s="22"/>
      <c r="B3330" s="22"/>
      <c r="C3330" s="22"/>
      <c r="D3330" s="10"/>
      <c r="E3330" s="11"/>
      <c r="F3330" s="22"/>
    </row>
    <row r="3331" spans="1:6" s="47" customFormat="1" ht="27" customHeight="1" x14ac:dyDescent="0.4">
      <c r="A3331" s="22"/>
      <c r="B3331" s="22"/>
      <c r="C3331" s="22"/>
      <c r="D3331" s="10"/>
      <c r="E3331" s="11"/>
      <c r="F3331" s="22"/>
    </row>
    <row r="3332" spans="1:6" s="47" customFormat="1" ht="27" customHeight="1" x14ac:dyDescent="0.4">
      <c r="A3332" s="22"/>
      <c r="B3332" s="22"/>
      <c r="C3332" s="22"/>
      <c r="D3332" s="10"/>
      <c r="E3332" s="11"/>
      <c r="F3332" s="22"/>
    </row>
    <row r="3333" spans="1:6" s="47" customFormat="1" ht="27" customHeight="1" x14ac:dyDescent="0.4">
      <c r="A3333" s="22"/>
      <c r="B3333" s="22"/>
      <c r="C3333" s="22"/>
      <c r="D3333" s="10"/>
      <c r="E3333" s="11"/>
      <c r="F3333" s="22"/>
    </row>
    <row r="3334" spans="1:6" s="47" customFormat="1" ht="27" customHeight="1" x14ac:dyDescent="0.4">
      <c r="A3334" s="22"/>
      <c r="B3334" s="22"/>
      <c r="C3334" s="22"/>
      <c r="D3334" s="10"/>
      <c r="E3334" s="11"/>
      <c r="F3334" s="22"/>
    </row>
    <row r="3335" spans="1:6" s="47" customFormat="1" ht="27" customHeight="1" x14ac:dyDescent="0.4">
      <c r="A3335" s="22"/>
      <c r="B3335" s="22"/>
      <c r="C3335" s="22"/>
      <c r="D3335" s="10"/>
      <c r="E3335" s="11"/>
      <c r="F3335" s="22"/>
    </row>
    <row r="3336" spans="1:6" s="47" customFormat="1" ht="27" customHeight="1" x14ac:dyDescent="0.4">
      <c r="A3336" s="22"/>
      <c r="B3336" s="22"/>
      <c r="C3336" s="22"/>
      <c r="D3336" s="10"/>
      <c r="E3336" s="11"/>
      <c r="F3336" s="22"/>
    </row>
    <row r="3337" spans="1:6" s="47" customFormat="1" ht="27" customHeight="1" x14ac:dyDescent="0.4">
      <c r="A3337" s="22"/>
      <c r="B3337" s="22"/>
      <c r="C3337" s="22"/>
      <c r="D3337" s="10"/>
      <c r="E3337" s="11"/>
      <c r="F3337" s="22"/>
    </row>
    <row r="3338" spans="1:6" s="47" customFormat="1" ht="27" customHeight="1" x14ac:dyDescent="0.4">
      <c r="A3338" s="22"/>
      <c r="B3338" s="22"/>
      <c r="C3338" s="22"/>
      <c r="D3338" s="10"/>
      <c r="E3338" s="11"/>
      <c r="F3338" s="22"/>
    </row>
    <row r="3339" spans="1:6" s="47" customFormat="1" ht="27" customHeight="1" x14ac:dyDescent="0.4">
      <c r="A3339" s="22"/>
      <c r="B3339" s="22"/>
      <c r="C3339" s="22"/>
      <c r="D3339" s="10"/>
      <c r="E3339" s="11"/>
      <c r="F3339" s="22"/>
    </row>
    <row r="3340" spans="1:6" s="47" customFormat="1" ht="27" customHeight="1" x14ac:dyDescent="0.4">
      <c r="A3340" s="22"/>
      <c r="B3340" s="22"/>
      <c r="C3340" s="22"/>
      <c r="D3340" s="10"/>
      <c r="E3340" s="11"/>
      <c r="F3340" s="22"/>
    </row>
    <row r="3341" spans="1:6" s="47" customFormat="1" ht="27" customHeight="1" x14ac:dyDescent="0.4">
      <c r="A3341" s="22"/>
      <c r="B3341" s="22"/>
      <c r="C3341" s="22"/>
      <c r="D3341" s="10"/>
      <c r="E3341" s="11"/>
      <c r="F3341" s="22"/>
    </row>
    <row r="3342" spans="1:6" s="47" customFormat="1" ht="27" customHeight="1" x14ac:dyDescent="0.4">
      <c r="A3342" s="22"/>
      <c r="B3342" s="22"/>
      <c r="C3342" s="22"/>
      <c r="D3342" s="10"/>
      <c r="E3342" s="11"/>
      <c r="F3342" s="22"/>
    </row>
    <row r="3343" spans="1:6" s="47" customFormat="1" ht="27" customHeight="1" x14ac:dyDescent="0.4">
      <c r="A3343" s="22"/>
      <c r="B3343" s="22"/>
      <c r="C3343" s="22"/>
      <c r="D3343" s="10"/>
      <c r="E3343" s="11"/>
      <c r="F3343" s="22"/>
    </row>
    <row r="3344" spans="1:6" s="47" customFormat="1" ht="27" customHeight="1" x14ac:dyDescent="0.4">
      <c r="A3344" s="22"/>
      <c r="B3344" s="22"/>
      <c r="C3344" s="22"/>
      <c r="D3344" s="10"/>
      <c r="E3344" s="11"/>
      <c r="F3344" s="22"/>
    </row>
    <row r="3345" spans="1:6" s="47" customFormat="1" ht="27" customHeight="1" x14ac:dyDescent="0.4">
      <c r="A3345" s="22"/>
      <c r="B3345" s="22"/>
      <c r="C3345" s="22"/>
      <c r="D3345" s="10"/>
      <c r="E3345" s="11"/>
      <c r="F3345" s="22"/>
    </row>
    <row r="3346" spans="1:6" s="47" customFormat="1" ht="27" customHeight="1" x14ac:dyDescent="0.4">
      <c r="A3346" s="22"/>
      <c r="B3346" s="22"/>
      <c r="C3346" s="22"/>
      <c r="D3346" s="10"/>
      <c r="E3346" s="11"/>
      <c r="F3346" s="22"/>
    </row>
    <row r="3347" spans="1:6" s="47" customFormat="1" ht="27" customHeight="1" x14ac:dyDescent="0.4">
      <c r="A3347" s="22"/>
      <c r="B3347" s="22"/>
      <c r="C3347" s="22"/>
      <c r="D3347" s="10"/>
      <c r="E3347" s="11"/>
      <c r="F3347" s="22"/>
    </row>
    <row r="3348" spans="1:6" s="47" customFormat="1" ht="27" customHeight="1" x14ac:dyDescent="0.4">
      <c r="A3348" s="22"/>
      <c r="B3348" s="22"/>
      <c r="C3348" s="22"/>
      <c r="D3348" s="10"/>
      <c r="E3348" s="11"/>
      <c r="F3348" s="22"/>
    </row>
    <row r="3349" spans="1:6" s="47" customFormat="1" ht="27" customHeight="1" x14ac:dyDescent="0.4">
      <c r="A3349" s="22"/>
      <c r="B3349" s="22"/>
      <c r="C3349" s="22"/>
      <c r="D3349" s="10"/>
      <c r="E3349" s="11"/>
      <c r="F3349" s="22"/>
    </row>
    <row r="3350" spans="1:6" s="47" customFormat="1" ht="27" customHeight="1" x14ac:dyDescent="0.4">
      <c r="A3350" s="22"/>
      <c r="B3350" s="22"/>
      <c r="C3350" s="22"/>
      <c r="D3350" s="10"/>
      <c r="E3350" s="11"/>
      <c r="F3350" s="22"/>
    </row>
    <row r="3351" spans="1:6" s="47" customFormat="1" ht="27" customHeight="1" x14ac:dyDescent="0.4">
      <c r="A3351" s="22"/>
      <c r="B3351" s="22"/>
      <c r="C3351" s="22"/>
      <c r="D3351" s="10"/>
      <c r="E3351" s="11"/>
      <c r="F3351" s="22"/>
    </row>
    <row r="3352" spans="1:6" s="47" customFormat="1" ht="27" customHeight="1" x14ac:dyDescent="0.4">
      <c r="A3352" s="22"/>
      <c r="B3352" s="22"/>
      <c r="C3352" s="22"/>
      <c r="D3352" s="10"/>
      <c r="E3352" s="11"/>
      <c r="F3352" s="22"/>
    </row>
    <row r="3353" spans="1:6" s="47" customFormat="1" ht="27" customHeight="1" x14ac:dyDescent="0.4">
      <c r="A3353" s="22"/>
      <c r="B3353" s="22"/>
      <c r="C3353" s="22"/>
      <c r="D3353" s="10"/>
      <c r="E3353" s="11"/>
      <c r="F3353" s="22"/>
    </row>
    <row r="3354" spans="1:6" s="47" customFormat="1" ht="27" customHeight="1" x14ac:dyDescent="0.4">
      <c r="A3354" s="22"/>
      <c r="B3354" s="22"/>
      <c r="C3354" s="22"/>
      <c r="D3354" s="10"/>
      <c r="E3354" s="11"/>
      <c r="F3354" s="22"/>
    </row>
    <row r="3355" spans="1:6" s="47" customFormat="1" ht="27" customHeight="1" x14ac:dyDescent="0.4">
      <c r="A3355" s="22"/>
      <c r="B3355" s="22"/>
      <c r="C3355" s="22"/>
      <c r="D3355" s="10"/>
      <c r="E3355" s="11"/>
      <c r="F3355" s="22"/>
    </row>
    <row r="3356" spans="1:6" s="47" customFormat="1" ht="27" customHeight="1" x14ac:dyDescent="0.4">
      <c r="A3356" s="22"/>
      <c r="B3356" s="22"/>
      <c r="C3356" s="22"/>
      <c r="D3356" s="10"/>
      <c r="E3356" s="11"/>
      <c r="F3356" s="22"/>
    </row>
    <row r="3357" spans="1:6" s="47" customFormat="1" ht="27" customHeight="1" x14ac:dyDescent="0.4">
      <c r="A3357" s="22"/>
      <c r="B3357" s="22"/>
      <c r="C3357" s="22"/>
      <c r="D3357" s="10"/>
      <c r="E3357" s="11"/>
      <c r="F3357" s="22"/>
    </row>
    <row r="3358" spans="1:6" s="47" customFormat="1" ht="27" customHeight="1" x14ac:dyDescent="0.4">
      <c r="A3358" s="22"/>
      <c r="B3358" s="22"/>
      <c r="C3358" s="22"/>
      <c r="D3358" s="10"/>
      <c r="E3358" s="11"/>
      <c r="F3358" s="22"/>
    </row>
    <row r="3359" spans="1:6" s="47" customFormat="1" ht="27" customHeight="1" x14ac:dyDescent="0.4">
      <c r="A3359" s="22"/>
      <c r="B3359" s="22"/>
      <c r="C3359" s="22"/>
      <c r="D3359" s="10"/>
      <c r="E3359" s="11"/>
      <c r="F3359" s="22"/>
    </row>
    <row r="3360" spans="1:6" s="47" customFormat="1" ht="27" customHeight="1" x14ac:dyDescent="0.4">
      <c r="A3360" s="22"/>
      <c r="B3360" s="22"/>
      <c r="C3360" s="22"/>
      <c r="D3360" s="10"/>
      <c r="E3360" s="11"/>
      <c r="F3360" s="22"/>
    </row>
    <row r="3361" spans="1:6" s="47" customFormat="1" ht="27" customHeight="1" x14ac:dyDescent="0.4">
      <c r="A3361" s="22"/>
      <c r="B3361" s="22"/>
      <c r="C3361" s="22"/>
      <c r="D3361" s="10"/>
      <c r="E3361" s="11"/>
      <c r="F3361" s="22"/>
    </row>
    <row r="3362" spans="1:6" s="47" customFormat="1" ht="27" customHeight="1" x14ac:dyDescent="0.4">
      <c r="A3362" s="22"/>
      <c r="B3362" s="22"/>
      <c r="C3362" s="22"/>
      <c r="D3362" s="10"/>
      <c r="E3362" s="11"/>
      <c r="F3362" s="22"/>
    </row>
    <row r="3363" spans="1:6" s="47" customFormat="1" ht="27" customHeight="1" x14ac:dyDescent="0.4">
      <c r="A3363" s="22"/>
      <c r="B3363" s="22"/>
      <c r="C3363" s="22"/>
      <c r="D3363" s="10"/>
      <c r="E3363" s="11"/>
      <c r="F3363" s="22"/>
    </row>
    <row r="3364" spans="1:6" s="47" customFormat="1" ht="27" customHeight="1" x14ac:dyDescent="0.4">
      <c r="A3364" s="22"/>
      <c r="B3364" s="22"/>
      <c r="C3364" s="22"/>
      <c r="D3364" s="10"/>
      <c r="E3364" s="11"/>
      <c r="F3364" s="22"/>
    </row>
    <row r="3365" spans="1:6" s="47" customFormat="1" ht="27" customHeight="1" x14ac:dyDescent="0.4">
      <c r="A3365" s="22"/>
      <c r="B3365" s="22"/>
      <c r="C3365" s="22"/>
      <c r="D3365" s="10"/>
      <c r="E3365" s="11"/>
      <c r="F3365" s="22"/>
    </row>
    <row r="3366" spans="1:6" s="47" customFormat="1" ht="27" customHeight="1" x14ac:dyDescent="0.4">
      <c r="A3366" s="22"/>
      <c r="B3366" s="22"/>
      <c r="C3366" s="22"/>
      <c r="D3366" s="10"/>
      <c r="E3366" s="11"/>
      <c r="F3366" s="22"/>
    </row>
    <row r="3367" spans="1:6" s="47" customFormat="1" ht="27" customHeight="1" x14ac:dyDescent="0.4">
      <c r="A3367" s="22"/>
      <c r="B3367" s="22"/>
      <c r="C3367" s="22"/>
      <c r="D3367" s="10"/>
      <c r="E3367" s="11"/>
      <c r="F3367" s="22"/>
    </row>
    <row r="3368" spans="1:6" s="47" customFormat="1" ht="27" customHeight="1" x14ac:dyDescent="0.4">
      <c r="A3368" s="22"/>
      <c r="B3368" s="22"/>
      <c r="C3368" s="22"/>
      <c r="D3368" s="10"/>
      <c r="E3368" s="11"/>
      <c r="F3368" s="22"/>
    </row>
    <row r="3369" spans="1:6" s="47" customFormat="1" ht="27" customHeight="1" x14ac:dyDescent="0.4">
      <c r="A3369" s="22"/>
      <c r="B3369" s="22"/>
      <c r="C3369" s="22"/>
      <c r="D3369" s="10"/>
      <c r="E3369" s="11"/>
      <c r="F3369" s="22"/>
    </row>
    <row r="3370" spans="1:6" s="47" customFormat="1" ht="27" customHeight="1" x14ac:dyDescent="0.4">
      <c r="A3370" s="22"/>
      <c r="B3370" s="22"/>
      <c r="C3370" s="22"/>
      <c r="D3370" s="10"/>
      <c r="E3370" s="11"/>
      <c r="F3370" s="22"/>
    </row>
    <row r="3371" spans="1:6" s="47" customFormat="1" ht="27" customHeight="1" x14ac:dyDescent="0.4">
      <c r="A3371" s="22"/>
      <c r="B3371" s="22"/>
      <c r="C3371" s="22"/>
      <c r="D3371" s="10"/>
      <c r="E3371" s="11"/>
      <c r="F3371" s="22"/>
    </row>
    <row r="3372" spans="1:6" s="47" customFormat="1" ht="27" customHeight="1" x14ac:dyDescent="0.4">
      <c r="A3372" s="22"/>
      <c r="B3372" s="22"/>
      <c r="C3372" s="22"/>
      <c r="D3372" s="10"/>
      <c r="E3372" s="11"/>
      <c r="F3372" s="22"/>
    </row>
    <row r="3373" spans="1:6" s="47" customFormat="1" ht="27" customHeight="1" x14ac:dyDescent="0.4">
      <c r="A3373" s="22"/>
      <c r="B3373" s="22"/>
      <c r="C3373" s="22"/>
      <c r="D3373" s="10"/>
      <c r="E3373" s="11"/>
      <c r="F3373" s="22"/>
    </row>
    <row r="3374" spans="1:6" s="47" customFormat="1" ht="27" customHeight="1" x14ac:dyDescent="0.4">
      <c r="A3374" s="22"/>
      <c r="B3374" s="22"/>
      <c r="C3374" s="22"/>
      <c r="D3374" s="10"/>
      <c r="E3374" s="11"/>
      <c r="F3374" s="22"/>
    </row>
    <row r="3375" spans="1:6" s="47" customFormat="1" ht="27" customHeight="1" x14ac:dyDescent="0.4">
      <c r="A3375" s="22"/>
      <c r="B3375" s="22"/>
      <c r="C3375" s="22"/>
      <c r="D3375" s="10"/>
      <c r="E3375" s="11"/>
      <c r="F3375" s="22"/>
    </row>
    <row r="3376" spans="1:6" s="47" customFormat="1" ht="27" customHeight="1" x14ac:dyDescent="0.4">
      <c r="A3376" s="22"/>
      <c r="B3376" s="22"/>
      <c r="C3376" s="22"/>
      <c r="D3376" s="10"/>
      <c r="E3376" s="11"/>
      <c r="F3376" s="22"/>
    </row>
    <row r="3377" spans="1:6" s="47" customFormat="1" ht="27" customHeight="1" x14ac:dyDescent="0.4">
      <c r="A3377" s="22"/>
      <c r="B3377" s="22"/>
      <c r="C3377" s="22"/>
      <c r="D3377" s="10"/>
      <c r="E3377" s="11"/>
      <c r="F3377" s="22"/>
    </row>
    <row r="3378" spans="1:6" s="47" customFormat="1" ht="27" customHeight="1" x14ac:dyDescent="0.4">
      <c r="A3378" s="22"/>
      <c r="B3378" s="22"/>
      <c r="C3378" s="22"/>
      <c r="D3378" s="10"/>
      <c r="E3378" s="11"/>
      <c r="F3378" s="22"/>
    </row>
    <row r="3379" spans="1:6" s="47" customFormat="1" ht="27" customHeight="1" x14ac:dyDescent="0.4">
      <c r="A3379" s="22"/>
      <c r="B3379" s="22"/>
      <c r="C3379" s="22"/>
      <c r="D3379" s="10"/>
      <c r="E3379" s="11"/>
      <c r="F3379" s="22"/>
    </row>
    <row r="3380" spans="1:6" s="47" customFormat="1" ht="27" customHeight="1" x14ac:dyDescent="0.4">
      <c r="A3380" s="22"/>
      <c r="B3380" s="22"/>
      <c r="C3380" s="22"/>
      <c r="D3380" s="10"/>
      <c r="E3380" s="11"/>
      <c r="F3380" s="22"/>
    </row>
    <row r="3381" spans="1:6" s="47" customFormat="1" ht="27" customHeight="1" x14ac:dyDescent="0.4">
      <c r="A3381" s="22"/>
      <c r="B3381" s="22"/>
      <c r="C3381" s="22"/>
      <c r="D3381" s="10"/>
      <c r="E3381" s="11"/>
      <c r="F3381" s="22"/>
    </row>
    <row r="3382" spans="1:6" s="47" customFormat="1" ht="27" customHeight="1" x14ac:dyDescent="0.4">
      <c r="A3382" s="22"/>
      <c r="B3382" s="22"/>
      <c r="C3382" s="22"/>
      <c r="D3382" s="10"/>
      <c r="E3382" s="11"/>
      <c r="F3382" s="22"/>
    </row>
    <row r="3383" spans="1:6" s="47" customFormat="1" ht="27" customHeight="1" x14ac:dyDescent="0.4">
      <c r="A3383" s="22"/>
      <c r="B3383" s="22"/>
      <c r="C3383" s="22"/>
      <c r="D3383" s="10"/>
      <c r="E3383" s="11"/>
      <c r="F3383" s="22"/>
    </row>
    <row r="3384" spans="1:6" s="47" customFormat="1" ht="27" customHeight="1" x14ac:dyDescent="0.4">
      <c r="A3384" s="22"/>
      <c r="B3384" s="22"/>
      <c r="C3384" s="22"/>
      <c r="D3384" s="10"/>
      <c r="E3384" s="11"/>
      <c r="F3384" s="22"/>
    </row>
    <row r="3385" spans="1:6" s="47" customFormat="1" ht="27" customHeight="1" x14ac:dyDescent="0.4">
      <c r="A3385" s="22"/>
      <c r="B3385" s="22"/>
      <c r="C3385" s="22"/>
      <c r="D3385" s="10"/>
      <c r="E3385" s="11"/>
      <c r="F3385" s="22"/>
    </row>
    <row r="3386" spans="1:6" s="47" customFormat="1" ht="27" customHeight="1" x14ac:dyDescent="0.4">
      <c r="A3386" s="22"/>
      <c r="B3386" s="22"/>
      <c r="C3386" s="22"/>
      <c r="D3386" s="10"/>
      <c r="E3386" s="11"/>
      <c r="F3386" s="22"/>
    </row>
    <row r="3387" spans="1:6" s="47" customFormat="1" ht="27" customHeight="1" x14ac:dyDescent="0.4">
      <c r="A3387" s="22"/>
      <c r="B3387" s="22"/>
      <c r="C3387" s="22"/>
      <c r="D3387" s="10"/>
      <c r="E3387" s="11"/>
      <c r="F3387" s="22"/>
    </row>
    <row r="3388" spans="1:6" s="47" customFormat="1" ht="27" customHeight="1" x14ac:dyDescent="0.4">
      <c r="A3388" s="22"/>
      <c r="B3388" s="22"/>
      <c r="C3388" s="22"/>
      <c r="D3388" s="10"/>
      <c r="E3388" s="11"/>
      <c r="F3388" s="22"/>
    </row>
    <row r="3389" spans="1:6" s="47" customFormat="1" ht="27" customHeight="1" x14ac:dyDescent="0.4">
      <c r="A3389" s="22"/>
      <c r="B3389" s="22"/>
      <c r="C3389" s="22"/>
      <c r="D3389" s="10"/>
      <c r="E3389" s="11"/>
      <c r="F3389" s="22"/>
    </row>
    <row r="3390" spans="1:6" s="47" customFormat="1" ht="27" customHeight="1" x14ac:dyDescent="0.4">
      <c r="A3390" s="22"/>
      <c r="B3390" s="22"/>
      <c r="C3390" s="22"/>
      <c r="D3390" s="10"/>
      <c r="E3390" s="11"/>
      <c r="F3390" s="22"/>
    </row>
    <row r="3391" spans="1:6" s="47" customFormat="1" ht="27" customHeight="1" x14ac:dyDescent="0.4">
      <c r="A3391" s="22"/>
      <c r="B3391" s="22"/>
      <c r="C3391" s="22"/>
      <c r="D3391" s="10"/>
      <c r="E3391" s="11"/>
      <c r="F3391" s="22"/>
    </row>
    <row r="3392" spans="1:6" s="47" customFormat="1" ht="27" customHeight="1" x14ac:dyDescent="0.4">
      <c r="A3392" s="22"/>
      <c r="B3392" s="22"/>
      <c r="C3392" s="22"/>
      <c r="D3392" s="10"/>
      <c r="E3392" s="11"/>
      <c r="F3392" s="22"/>
    </row>
    <row r="3393" spans="1:6" s="47" customFormat="1" ht="27" customHeight="1" x14ac:dyDescent="0.4">
      <c r="A3393" s="22"/>
      <c r="B3393" s="22"/>
      <c r="C3393" s="22"/>
      <c r="D3393" s="10"/>
      <c r="E3393" s="11"/>
      <c r="F3393" s="22"/>
    </row>
    <row r="3394" spans="1:6" s="47" customFormat="1" ht="27" customHeight="1" x14ac:dyDescent="0.4">
      <c r="A3394" s="22"/>
      <c r="B3394" s="22"/>
      <c r="C3394" s="22"/>
      <c r="D3394" s="10"/>
      <c r="E3394" s="11"/>
      <c r="F3394" s="22"/>
    </row>
    <row r="3395" spans="1:6" s="47" customFormat="1" ht="27" customHeight="1" x14ac:dyDescent="0.4">
      <c r="A3395" s="22"/>
      <c r="B3395" s="22"/>
      <c r="C3395" s="22"/>
      <c r="D3395" s="10"/>
      <c r="E3395" s="11"/>
      <c r="F3395" s="22"/>
    </row>
    <row r="3396" spans="1:6" s="47" customFormat="1" ht="27" customHeight="1" x14ac:dyDescent="0.4">
      <c r="A3396" s="22"/>
      <c r="B3396" s="22"/>
      <c r="C3396" s="22"/>
      <c r="D3396" s="10"/>
      <c r="E3396" s="11"/>
      <c r="F3396" s="22"/>
    </row>
    <row r="3397" spans="1:6" s="47" customFormat="1" ht="27" customHeight="1" x14ac:dyDescent="0.4">
      <c r="A3397" s="22"/>
      <c r="B3397" s="22"/>
      <c r="C3397" s="22"/>
      <c r="D3397" s="10"/>
      <c r="E3397" s="11"/>
      <c r="F3397" s="22"/>
    </row>
    <row r="3398" spans="1:6" s="47" customFormat="1" ht="27" customHeight="1" x14ac:dyDescent="0.4">
      <c r="A3398" s="22"/>
      <c r="B3398" s="22"/>
      <c r="C3398" s="22"/>
      <c r="D3398" s="10"/>
      <c r="E3398" s="11"/>
      <c r="F3398" s="22"/>
    </row>
    <row r="3399" spans="1:6" s="47" customFormat="1" ht="27" customHeight="1" x14ac:dyDescent="0.4">
      <c r="A3399" s="22"/>
      <c r="B3399" s="22"/>
      <c r="C3399" s="22"/>
      <c r="D3399" s="10"/>
      <c r="E3399" s="11"/>
      <c r="F3399" s="22"/>
    </row>
    <row r="3400" spans="1:6" s="47" customFormat="1" ht="27" customHeight="1" x14ac:dyDescent="0.4">
      <c r="A3400" s="22"/>
      <c r="B3400" s="22"/>
      <c r="C3400" s="22"/>
      <c r="D3400" s="10"/>
      <c r="E3400" s="11"/>
      <c r="F3400" s="22"/>
    </row>
    <row r="3401" spans="1:6" s="47" customFormat="1" ht="27" customHeight="1" x14ac:dyDescent="0.4">
      <c r="A3401" s="22"/>
      <c r="B3401" s="22"/>
      <c r="C3401" s="22"/>
      <c r="D3401" s="10"/>
      <c r="E3401" s="11"/>
      <c r="F3401" s="22"/>
    </row>
    <row r="3402" spans="1:6" s="47" customFormat="1" ht="27" customHeight="1" x14ac:dyDescent="0.4">
      <c r="A3402" s="22"/>
      <c r="B3402" s="22"/>
      <c r="C3402" s="22"/>
      <c r="D3402" s="10"/>
      <c r="E3402" s="11"/>
      <c r="F3402" s="22"/>
    </row>
    <row r="3403" spans="1:6" s="47" customFormat="1" ht="27" customHeight="1" x14ac:dyDescent="0.4">
      <c r="A3403" s="22"/>
      <c r="B3403" s="22"/>
      <c r="C3403" s="22"/>
      <c r="D3403" s="10"/>
      <c r="E3403" s="11"/>
      <c r="F3403" s="22"/>
    </row>
    <row r="3404" spans="1:6" s="47" customFormat="1" ht="27" customHeight="1" x14ac:dyDescent="0.4">
      <c r="A3404" s="22"/>
      <c r="B3404" s="22"/>
      <c r="C3404" s="22"/>
      <c r="D3404" s="10"/>
      <c r="E3404" s="11"/>
      <c r="F3404" s="22"/>
    </row>
    <row r="3405" spans="1:6" s="47" customFormat="1" ht="27" customHeight="1" x14ac:dyDescent="0.4">
      <c r="A3405" s="22"/>
      <c r="B3405" s="22"/>
      <c r="C3405" s="22"/>
      <c r="D3405" s="10"/>
      <c r="E3405" s="11"/>
      <c r="F3405" s="22"/>
    </row>
    <row r="3406" spans="1:6" s="47" customFormat="1" ht="27" customHeight="1" x14ac:dyDescent="0.4">
      <c r="A3406" s="22"/>
      <c r="B3406" s="22"/>
      <c r="C3406" s="22"/>
      <c r="D3406" s="10"/>
      <c r="E3406" s="11"/>
      <c r="F3406" s="22"/>
    </row>
    <row r="3407" spans="1:6" s="47" customFormat="1" ht="27" customHeight="1" x14ac:dyDescent="0.4">
      <c r="A3407" s="22"/>
      <c r="B3407" s="22"/>
      <c r="C3407" s="22"/>
      <c r="D3407" s="10"/>
      <c r="E3407" s="11"/>
      <c r="F3407" s="22"/>
    </row>
    <row r="3408" spans="1:6" s="47" customFormat="1" ht="27" customHeight="1" x14ac:dyDescent="0.4">
      <c r="A3408" s="22"/>
      <c r="B3408" s="22"/>
      <c r="C3408" s="22"/>
      <c r="D3408" s="10"/>
      <c r="E3408" s="11"/>
      <c r="F3408" s="22"/>
    </row>
    <row r="3409" spans="1:6" s="47" customFormat="1" ht="27" customHeight="1" x14ac:dyDescent="0.4">
      <c r="A3409" s="22"/>
      <c r="B3409" s="22"/>
      <c r="C3409" s="22"/>
      <c r="D3409" s="10"/>
      <c r="E3409" s="11"/>
      <c r="F3409" s="22"/>
    </row>
    <row r="3410" spans="1:6" s="47" customFormat="1" ht="27" customHeight="1" x14ac:dyDescent="0.4">
      <c r="A3410" s="22"/>
      <c r="B3410" s="22"/>
      <c r="C3410" s="22"/>
      <c r="D3410" s="10"/>
      <c r="E3410" s="11"/>
      <c r="F3410" s="22"/>
    </row>
    <row r="3411" spans="1:6" s="47" customFormat="1" ht="27" customHeight="1" x14ac:dyDescent="0.4">
      <c r="A3411" s="22"/>
      <c r="B3411" s="22"/>
      <c r="C3411" s="22"/>
      <c r="D3411" s="10"/>
      <c r="E3411" s="11"/>
      <c r="F3411" s="22"/>
    </row>
    <row r="3412" spans="1:6" s="47" customFormat="1" ht="27" customHeight="1" x14ac:dyDescent="0.4">
      <c r="A3412" s="22"/>
      <c r="B3412" s="22"/>
      <c r="C3412" s="22"/>
      <c r="D3412" s="10"/>
      <c r="E3412" s="11"/>
      <c r="F3412" s="22"/>
    </row>
    <row r="3413" spans="1:6" s="47" customFormat="1" ht="27" customHeight="1" x14ac:dyDescent="0.4">
      <c r="A3413" s="22"/>
      <c r="B3413" s="22"/>
      <c r="C3413" s="22"/>
      <c r="D3413" s="10"/>
      <c r="E3413" s="11"/>
      <c r="F3413" s="22"/>
    </row>
    <row r="3414" spans="1:6" s="47" customFormat="1" ht="27" customHeight="1" x14ac:dyDescent="0.4">
      <c r="A3414" s="22"/>
      <c r="B3414" s="22"/>
      <c r="C3414" s="22"/>
      <c r="D3414" s="10"/>
      <c r="E3414" s="11"/>
      <c r="F3414" s="22"/>
    </row>
    <row r="3415" spans="1:6" s="47" customFormat="1" ht="27" customHeight="1" x14ac:dyDescent="0.4">
      <c r="A3415" s="22"/>
      <c r="B3415" s="22"/>
      <c r="C3415" s="22"/>
      <c r="D3415" s="10"/>
      <c r="E3415" s="11"/>
      <c r="F3415" s="22"/>
    </row>
    <row r="3416" spans="1:6" s="47" customFormat="1" ht="27" customHeight="1" x14ac:dyDescent="0.4">
      <c r="A3416" s="22"/>
      <c r="B3416" s="22"/>
      <c r="C3416" s="22"/>
      <c r="D3416" s="10"/>
      <c r="E3416" s="11"/>
      <c r="F3416" s="22"/>
    </row>
    <row r="3417" spans="1:6" s="47" customFormat="1" ht="27" customHeight="1" x14ac:dyDescent="0.4">
      <c r="A3417" s="22"/>
      <c r="B3417" s="22"/>
      <c r="C3417" s="22"/>
      <c r="D3417" s="10"/>
      <c r="E3417" s="11"/>
      <c r="F3417" s="22"/>
    </row>
    <row r="3418" spans="1:6" s="47" customFormat="1" ht="27" customHeight="1" x14ac:dyDescent="0.4">
      <c r="A3418" s="22"/>
      <c r="B3418" s="22"/>
      <c r="C3418" s="22"/>
      <c r="D3418" s="10"/>
      <c r="E3418" s="11"/>
      <c r="F3418" s="22"/>
    </row>
    <row r="3419" spans="1:6" s="47" customFormat="1" ht="27" customHeight="1" x14ac:dyDescent="0.4">
      <c r="A3419" s="22"/>
      <c r="B3419" s="22"/>
      <c r="C3419" s="22"/>
      <c r="D3419" s="10"/>
      <c r="E3419" s="11"/>
      <c r="F3419" s="22"/>
    </row>
    <row r="3420" spans="1:6" s="47" customFormat="1" ht="27" customHeight="1" x14ac:dyDescent="0.4">
      <c r="A3420" s="22"/>
      <c r="B3420" s="22"/>
      <c r="C3420" s="22"/>
      <c r="D3420" s="10"/>
      <c r="E3420" s="11"/>
      <c r="F3420" s="22"/>
    </row>
    <row r="3421" spans="1:6" s="47" customFormat="1" ht="27" customHeight="1" x14ac:dyDescent="0.4">
      <c r="A3421" s="22"/>
      <c r="B3421" s="22"/>
      <c r="C3421" s="22"/>
      <c r="D3421" s="10"/>
      <c r="E3421" s="11"/>
      <c r="F3421" s="22"/>
    </row>
    <row r="3422" spans="1:6" s="47" customFormat="1" ht="27" customHeight="1" x14ac:dyDescent="0.4">
      <c r="A3422" s="22"/>
      <c r="B3422" s="22"/>
      <c r="C3422" s="22"/>
      <c r="D3422" s="10"/>
      <c r="E3422" s="11"/>
      <c r="F3422" s="22"/>
    </row>
    <row r="3423" spans="1:6" s="47" customFormat="1" ht="27" customHeight="1" x14ac:dyDescent="0.4">
      <c r="A3423" s="22"/>
      <c r="B3423" s="22"/>
      <c r="C3423" s="22"/>
      <c r="D3423" s="10"/>
      <c r="E3423" s="11"/>
      <c r="F3423" s="22"/>
    </row>
    <row r="3424" spans="1:6" s="47" customFormat="1" ht="27" customHeight="1" x14ac:dyDescent="0.4">
      <c r="A3424" s="22"/>
      <c r="B3424" s="22"/>
      <c r="C3424" s="22"/>
      <c r="D3424" s="10"/>
      <c r="E3424" s="11"/>
      <c r="F3424" s="22"/>
    </row>
    <row r="3425" spans="1:6" s="47" customFormat="1" ht="27" customHeight="1" x14ac:dyDescent="0.4">
      <c r="A3425" s="22"/>
      <c r="B3425" s="22"/>
      <c r="C3425" s="22"/>
      <c r="D3425" s="10"/>
      <c r="E3425" s="11"/>
      <c r="F3425" s="22"/>
    </row>
    <row r="3426" spans="1:6" s="47" customFormat="1" ht="27" customHeight="1" x14ac:dyDescent="0.4">
      <c r="A3426" s="22"/>
      <c r="B3426" s="22"/>
      <c r="C3426" s="22"/>
      <c r="D3426" s="10"/>
      <c r="E3426" s="11"/>
      <c r="F3426" s="22"/>
    </row>
    <row r="3427" spans="1:6" s="47" customFormat="1" ht="27" customHeight="1" x14ac:dyDescent="0.4">
      <c r="A3427" s="22"/>
      <c r="B3427" s="22"/>
      <c r="C3427" s="22"/>
      <c r="D3427" s="10"/>
      <c r="E3427" s="11"/>
      <c r="F3427" s="22"/>
    </row>
    <row r="3428" spans="1:6" s="47" customFormat="1" ht="27" customHeight="1" x14ac:dyDescent="0.4">
      <c r="A3428" s="22"/>
      <c r="B3428" s="22"/>
      <c r="C3428" s="22"/>
      <c r="D3428" s="10"/>
      <c r="E3428" s="11"/>
      <c r="F3428" s="22"/>
    </row>
    <row r="3429" spans="1:6" s="47" customFormat="1" ht="27" customHeight="1" x14ac:dyDescent="0.4">
      <c r="A3429" s="22"/>
      <c r="B3429" s="22"/>
      <c r="C3429" s="22"/>
      <c r="D3429" s="10"/>
      <c r="E3429" s="11"/>
      <c r="F3429" s="22"/>
    </row>
    <row r="3430" spans="1:6" s="47" customFormat="1" ht="27" customHeight="1" x14ac:dyDescent="0.4">
      <c r="A3430" s="22"/>
      <c r="B3430" s="22"/>
      <c r="C3430" s="22"/>
      <c r="D3430" s="10"/>
      <c r="E3430" s="11"/>
      <c r="F3430" s="22"/>
    </row>
    <row r="3431" spans="1:6" s="47" customFormat="1" ht="27" customHeight="1" x14ac:dyDescent="0.4">
      <c r="A3431" s="22"/>
      <c r="B3431" s="22"/>
      <c r="C3431" s="22"/>
      <c r="D3431" s="10"/>
      <c r="E3431" s="11"/>
      <c r="F3431" s="22"/>
    </row>
    <row r="3432" spans="1:6" s="47" customFormat="1" ht="27" customHeight="1" x14ac:dyDescent="0.4">
      <c r="A3432" s="22"/>
      <c r="B3432" s="22"/>
      <c r="C3432" s="22"/>
      <c r="D3432" s="10"/>
      <c r="E3432" s="11"/>
      <c r="F3432" s="22"/>
    </row>
    <row r="3433" spans="1:6" s="47" customFormat="1" ht="27" customHeight="1" x14ac:dyDescent="0.4">
      <c r="A3433" s="22"/>
      <c r="B3433" s="22"/>
      <c r="C3433" s="22"/>
      <c r="D3433" s="10"/>
      <c r="E3433" s="11"/>
      <c r="F3433" s="22"/>
    </row>
    <row r="3434" spans="1:6" s="47" customFormat="1" ht="27" customHeight="1" x14ac:dyDescent="0.4">
      <c r="A3434" s="22"/>
      <c r="B3434" s="22"/>
      <c r="C3434" s="22"/>
      <c r="D3434" s="10"/>
      <c r="E3434" s="11"/>
      <c r="F3434" s="22"/>
    </row>
    <row r="3435" spans="1:6" s="47" customFormat="1" ht="27" customHeight="1" x14ac:dyDescent="0.4">
      <c r="A3435" s="22"/>
      <c r="B3435" s="22"/>
      <c r="C3435" s="22"/>
      <c r="D3435" s="10"/>
      <c r="E3435" s="11"/>
      <c r="F3435" s="22"/>
    </row>
    <row r="3436" spans="1:6" s="47" customFormat="1" ht="27" customHeight="1" x14ac:dyDescent="0.4">
      <c r="A3436" s="22"/>
      <c r="B3436" s="22"/>
      <c r="C3436" s="22"/>
      <c r="D3436" s="10"/>
      <c r="E3436" s="11"/>
      <c r="F3436" s="22"/>
    </row>
    <row r="3437" spans="1:6" s="47" customFormat="1" ht="27" customHeight="1" x14ac:dyDescent="0.4">
      <c r="A3437" s="22"/>
      <c r="B3437" s="22"/>
      <c r="C3437" s="22"/>
      <c r="D3437" s="10"/>
      <c r="E3437" s="11"/>
      <c r="F3437" s="22"/>
    </row>
    <row r="3438" spans="1:6" s="47" customFormat="1" ht="27" customHeight="1" x14ac:dyDescent="0.4">
      <c r="A3438" s="22"/>
      <c r="B3438" s="22"/>
      <c r="C3438" s="22"/>
      <c r="D3438" s="10"/>
      <c r="E3438" s="11"/>
      <c r="F3438" s="22"/>
    </row>
    <row r="3439" spans="1:6" s="47" customFormat="1" ht="27" customHeight="1" x14ac:dyDescent="0.4">
      <c r="A3439" s="22"/>
      <c r="B3439" s="22"/>
      <c r="C3439" s="22"/>
      <c r="D3439" s="10"/>
      <c r="E3439" s="11"/>
      <c r="F3439" s="22"/>
    </row>
  </sheetData>
  <autoFilter ref="F2:I3291" xr:uid="{DF8D1B6F-09FC-47F8-9A39-FF33811D2DCC}"/>
  <phoneticPr fontId="3"/>
  <conditionalFormatting sqref="D2:D2874">
    <cfRule type="duplicateValues" dxfId="25" priority="26"/>
  </conditionalFormatting>
  <conditionalFormatting sqref="D150">
    <cfRule type="duplicateValues" dxfId="24" priority="12"/>
    <cfRule type="duplicateValues" dxfId="23" priority="13"/>
    <cfRule type="duplicateValues" dxfId="22" priority="14"/>
    <cfRule type="duplicateValues" dxfId="21" priority="15"/>
  </conditionalFormatting>
  <conditionalFormatting sqref="D2616">
    <cfRule type="duplicateValues" dxfId="20" priority="6"/>
    <cfRule type="duplicateValues" dxfId="19" priority="7"/>
    <cfRule type="duplicateValues" dxfId="18" priority="8"/>
    <cfRule type="duplicateValues" dxfId="17" priority="9"/>
    <cfRule type="duplicateValues" dxfId="16" priority="10"/>
  </conditionalFormatting>
  <conditionalFormatting sqref="D2617">
    <cfRule type="duplicateValues" dxfId="15" priority="1"/>
    <cfRule type="duplicateValues" dxfId="14" priority="2"/>
    <cfRule type="duplicateValues" dxfId="13" priority="3"/>
    <cfRule type="duplicateValues" dxfId="12" priority="4"/>
    <cfRule type="duplicateValues" dxfId="11" priority="5"/>
  </conditionalFormatting>
  <conditionalFormatting sqref="D2624:D2660 D151:D204 D206:D2615 D2:D149 D2666:D2874">
    <cfRule type="duplicateValues" dxfId="10" priority="16"/>
    <cfRule type="duplicateValues" dxfId="9" priority="17"/>
    <cfRule type="duplicateValues" dxfId="8" priority="18"/>
    <cfRule type="duplicateValues" dxfId="7" priority="19"/>
  </conditionalFormatting>
  <conditionalFormatting sqref="D2624:D2660 D206:D2615 D2:D204 D2666:D2874">
    <cfRule type="duplicateValues" dxfId="6" priority="11"/>
  </conditionalFormatting>
  <conditionalFormatting sqref="D2875:D1048576 D1">
    <cfRule type="duplicateValues" dxfId="5" priority="21"/>
    <cfRule type="duplicateValues" dxfId="4" priority="22"/>
    <cfRule type="duplicateValues" dxfId="3" priority="23"/>
    <cfRule type="duplicateValues" dxfId="2" priority="24"/>
    <cfRule type="duplicateValues" dxfId="1" priority="25"/>
  </conditionalFormatting>
  <conditionalFormatting sqref="D2875:D1048576">
    <cfRule type="duplicateValues" dxfId="0" priority="20"/>
  </conditionalFormatting>
  <dataValidations disablePrompts="1" count="1">
    <dataValidation type="list" allowBlank="1" showInputMessage="1" showErrorMessage="1" sqref="A2240 A2060 A2095 A2179 A2218 A2226 A937:A979 A1935:A2056 A981:A1033" xr:uid="{F81B1305-6FA6-489E-9F8A-26F5CFB74338}">
      <formula1>"病院又は診療所,薬局,訪問看護"</formula1>
    </dataValidation>
  </dataValidations>
  <pageMargins left="0.70866141732283472" right="0.70866141732283472" top="0.74803149606299213" bottom="0.74803149606299213" header="0.31496062992125984" footer="0.31496062992125984"/>
  <pageSetup paperSize="9" scale="38" fitToHeight="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指定医療機関一覧（政令市を除く）</vt:lpstr>
      <vt:lpstr>'指定医療機関一覧（政令市を除く）'!Print_Area</vt:lpstr>
    </vt:vector>
  </TitlesOfParts>
  <Company>Kanagawa Prefectural Governmen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朋子</dc:creator>
  <cp:lastModifiedBy>user</cp:lastModifiedBy>
  <dcterms:created xsi:type="dcterms:W3CDTF">2026-07-06T04:32:30Z</dcterms:created>
  <dcterms:modified xsi:type="dcterms:W3CDTF">2026-07-07T00:26:23Z</dcterms:modified>
</cp:coreProperties>
</file>